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129"/>
  <workbookPr defaultThemeVersion="202300"/>
  <mc:AlternateContent xmlns:mc="http://schemas.openxmlformats.org/markup-compatibility/2006">
    <mc:Choice Requires="x15">
      <x15ac:absPath xmlns:x15ac="http://schemas.microsoft.com/office/spreadsheetml/2010/11/ac" url="C:\Users\s124129\Documents\GitHub\Heat_transition_tipping_pathways\Heat transition tipping pathways\"/>
    </mc:Choice>
  </mc:AlternateContent>
  <xr:revisionPtr revIDLastSave="0" documentId="13_ncr:1_{ABE3F9C5-9D4B-4900-8A24-2B80FC2B0F7C}" xr6:coauthVersionLast="47" xr6:coauthVersionMax="47" xr10:uidLastSave="{00000000-0000-0000-0000-000000000000}"/>
  <bookViews>
    <workbookView xWindow="-120" yWindow="-120" windowWidth="29040" windowHeight="17640" xr2:uid="{00000000-000D-0000-FFFF-FFFF00000000}"/>
  </bookViews>
  <sheets>
    <sheet name="neighborhoods_with_heat_transit" sheetId="1" r:id="rId1"/>
  </sheet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54104" uniqueCount="67915">
  <si>
    <t>buurtcode</t>
  </si>
  <si>
    <t>buurtnaam</t>
  </si>
  <si>
    <t>wijkcode</t>
  </si>
  <si>
    <t>gemeenteco</t>
  </si>
  <si>
    <t>gemeentena</t>
  </si>
  <si>
    <t>indelingsw</t>
  </si>
  <si>
    <t>water</t>
  </si>
  <si>
    <t>jrstatcode</t>
  </si>
  <si>
    <t>fuuid</t>
  </si>
  <si>
    <t>fid_count</t>
  </si>
  <si>
    <t>fid_unique</t>
  </si>
  <si>
    <t>fid_min</t>
  </si>
  <si>
    <t>fid_max</t>
  </si>
  <si>
    <t>fid_range</t>
  </si>
  <si>
    <t>fid_sum</t>
  </si>
  <si>
    <t>fid_mean</t>
  </si>
  <si>
    <t>fid_median</t>
  </si>
  <si>
    <t>fid_stddev</t>
  </si>
  <si>
    <t>fid_minori</t>
  </si>
  <si>
    <t>fid_majori</t>
  </si>
  <si>
    <t>fid_q1</t>
  </si>
  <si>
    <t>fid_q3</t>
  </si>
  <si>
    <t>fid_iqr</t>
  </si>
  <si>
    <t>gm_code_co</t>
  </si>
  <si>
    <t>gm_code_un</t>
  </si>
  <si>
    <t>gm_code_em</t>
  </si>
  <si>
    <t>gm_code_fi</t>
  </si>
  <si>
    <t>gm_code_mi</t>
  </si>
  <si>
    <t>gm_code_ma</t>
  </si>
  <si>
    <t>gm_code__1</t>
  </si>
  <si>
    <t>gm_code__2</t>
  </si>
  <si>
    <t>gm_code_me</t>
  </si>
  <si>
    <t>gm_naam_co</t>
  </si>
  <si>
    <t>gm_naam_un</t>
  </si>
  <si>
    <t>gm_naam_em</t>
  </si>
  <si>
    <t>gm_naam_fi</t>
  </si>
  <si>
    <t>gm_naam_mi</t>
  </si>
  <si>
    <t>gm_naam_ma</t>
  </si>
  <si>
    <t>gm_naam__1</t>
  </si>
  <si>
    <t>gm_naam__2</t>
  </si>
  <si>
    <t>gm_naam_me</t>
  </si>
  <si>
    <t>gm_doel_co</t>
  </si>
  <si>
    <t>gm_doel_un</t>
  </si>
  <si>
    <t>gm_doel_em</t>
  </si>
  <si>
    <t>gm_doel_fi</t>
  </si>
  <si>
    <t>gm_doel_mi</t>
  </si>
  <si>
    <t>gm_doel_ma</t>
  </si>
  <si>
    <t>gm_doel__1</t>
  </si>
  <si>
    <t>gm_doel__2</t>
  </si>
  <si>
    <t>gm_doel_me</t>
  </si>
  <si>
    <t>doc_code_c</t>
  </si>
  <si>
    <t>doc_code_u</t>
  </si>
  <si>
    <t>doc_code_e</t>
  </si>
  <si>
    <t>doc_code_f</t>
  </si>
  <si>
    <t>doc_code_m</t>
  </si>
  <si>
    <t>doc_code_1</t>
  </si>
  <si>
    <t>doc_code_2</t>
  </si>
  <si>
    <t>doc_code_3</t>
  </si>
  <si>
    <t>doc_code_4</t>
  </si>
  <si>
    <t>tvw_naam_c</t>
  </si>
  <si>
    <t>tvw_naam_u</t>
  </si>
  <si>
    <t>tvw_naam_e</t>
  </si>
  <si>
    <t>tvw_naam_f</t>
  </si>
  <si>
    <t>tvw_naam_m</t>
  </si>
  <si>
    <t>tvw_naam_1</t>
  </si>
  <si>
    <t>tvw_naam_2</t>
  </si>
  <si>
    <t>tvw_naam_3</t>
  </si>
  <si>
    <t>tvw_naam_4</t>
  </si>
  <si>
    <t>doc_datum_</t>
  </si>
  <si>
    <t>doc_datu_1</t>
  </si>
  <si>
    <t>doc_datu_2</t>
  </si>
  <si>
    <t>doc_datu_3</t>
  </si>
  <si>
    <t>doc_datu_4</t>
  </si>
  <si>
    <t>doc_datu_5</t>
  </si>
  <si>
    <t>doc_datu_6</t>
  </si>
  <si>
    <t>doc_datu_7</t>
  </si>
  <si>
    <t>doc_datu_8</t>
  </si>
  <si>
    <t>doc_type_c</t>
  </si>
  <si>
    <t>doc_type_u</t>
  </si>
  <si>
    <t>doc_type_e</t>
  </si>
  <si>
    <t>doc_type_f</t>
  </si>
  <si>
    <t>doc_type_m</t>
  </si>
  <si>
    <t>doc_type_1</t>
  </si>
  <si>
    <t>doc_type_2</t>
  </si>
  <si>
    <t>doc_type_3</t>
  </si>
  <si>
    <t>doc_type_4</t>
  </si>
  <si>
    <t>doc_status</t>
  </si>
  <si>
    <t>doc_stat_1</t>
  </si>
  <si>
    <t>doc_stat_2</t>
  </si>
  <si>
    <t>doc_stat_3</t>
  </si>
  <si>
    <t>doc_stat_4</t>
  </si>
  <si>
    <t>doc_stat_5</t>
  </si>
  <si>
    <t>doc_stat_6</t>
  </si>
  <si>
    <t>doc_stat_7</t>
  </si>
  <si>
    <t>doc_stat_8</t>
  </si>
  <si>
    <t>doc_voorwa</t>
  </si>
  <si>
    <t>doc_voor_1</t>
  </si>
  <si>
    <t>doc_voor_2</t>
  </si>
  <si>
    <t>doc_voor_3</t>
  </si>
  <si>
    <t>doc_voor_4</t>
  </si>
  <si>
    <t>doc_voor_5</t>
  </si>
  <si>
    <t>doc_voor_6</t>
  </si>
  <si>
    <t>doc_voor_7</t>
  </si>
  <si>
    <t>doc_voor_8</t>
  </si>
  <si>
    <t>doc_proces</t>
  </si>
  <si>
    <t>doc_proc_1</t>
  </si>
  <si>
    <t>doc_proc_2</t>
  </si>
  <si>
    <t>doc_proc_3</t>
  </si>
  <si>
    <t>doc_proc_4</t>
  </si>
  <si>
    <t>doc_proc_5</t>
  </si>
  <si>
    <t>doc_proc_6</t>
  </si>
  <si>
    <t>doc_proc_7</t>
  </si>
  <si>
    <t>doc_proc_8</t>
  </si>
  <si>
    <t>doc_inhoud</t>
  </si>
  <si>
    <t>doc_inho_1</t>
  </si>
  <si>
    <t>doc_inho_2</t>
  </si>
  <si>
    <t>doc_inho_3</t>
  </si>
  <si>
    <t>doc_inho_4</t>
  </si>
  <si>
    <t>doc_inho_5</t>
  </si>
  <si>
    <t>doc_inho_6</t>
  </si>
  <si>
    <t>doc_inho_7</t>
  </si>
  <si>
    <t>doc_inho_8</t>
  </si>
  <si>
    <t>bronvermel</t>
  </si>
  <si>
    <t>bronverm_1</t>
  </si>
  <si>
    <t>bronverm_2</t>
  </si>
  <si>
    <t>bronverm_3</t>
  </si>
  <si>
    <t>bronverm_4</t>
  </si>
  <si>
    <t>bronverm_5</t>
  </si>
  <si>
    <t>bronverm_6</t>
  </si>
  <si>
    <t>bronverm_7</t>
  </si>
  <si>
    <t>bronverm_8</t>
  </si>
  <si>
    <t>pln_code_c</t>
  </si>
  <si>
    <t>pln_code_u</t>
  </si>
  <si>
    <t>pln_code_e</t>
  </si>
  <si>
    <t>pln_code_f</t>
  </si>
  <si>
    <t>pln_code_m</t>
  </si>
  <si>
    <t>pln_code_1</t>
  </si>
  <si>
    <t>pln_code_2</t>
  </si>
  <si>
    <t>pln_code_3</t>
  </si>
  <si>
    <t>pln_code_4</t>
  </si>
  <si>
    <t>pln_naam_c</t>
  </si>
  <si>
    <t>pln_naam_u</t>
  </si>
  <si>
    <t>pln_naam_e</t>
  </si>
  <si>
    <t>pln_naam_f</t>
  </si>
  <si>
    <t>pln_naam_m</t>
  </si>
  <si>
    <t>pln_naam_1</t>
  </si>
  <si>
    <t>pln_naam_2</t>
  </si>
  <si>
    <t>pln_naam_3</t>
  </si>
  <si>
    <t>pln_naam_4</t>
  </si>
  <si>
    <t>plansoort_</t>
  </si>
  <si>
    <t>plansoor_1</t>
  </si>
  <si>
    <t>plansoor_2</t>
  </si>
  <si>
    <t>plansoor_3</t>
  </si>
  <si>
    <t>plansoor_4</t>
  </si>
  <si>
    <t>plansoor_5</t>
  </si>
  <si>
    <t>plansoor_6</t>
  </si>
  <si>
    <t>plansoor_7</t>
  </si>
  <si>
    <t>plansoor_8</t>
  </si>
  <si>
    <t>startjaar_</t>
  </si>
  <si>
    <t>startjaa_1</t>
  </si>
  <si>
    <t>startjaa_2</t>
  </si>
  <si>
    <t>startjaa_3</t>
  </si>
  <si>
    <t>startjaa_4</t>
  </si>
  <si>
    <t>startjaa_5</t>
  </si>
  <si>
    <t>startjaa_6</t>
  </si>
  <si>
    <t>startjaa_7</t>
  </si>
  <si>
    <t>startjaa_8</t>
  </si>
  <si>
    <t>eindjaar_c</t>
  </si>
  <si>
    <t>eindjaar_u</t>
  </si>
  <si>
    <t>eindjaar_e</t>
  </si>
  <si>
    <t>eindjaar_f</t>
  </si>
  <si>
    <t>eindjaar_m</t>
  </si>
  <si>
    <t>eindjaar_1</t>
  </si>
  <si>
    <t>eindjaar_2</t>
  </si>
  <si>
    <t>eindjaar_3</t>
  </si>
  <si>
    <t>eindjaar_4</t>
  </si>
  <si>
    <t>planstatus</t>
  </si>
  <si>
    <t>planstat_1</t>
  </si>
  <si>
    <t>planstat_2</t>
  </si>
  <si>
    <t>planstat_3</t>
  </si>
  <si>
    <t>planstat_4</t>
  </si>
  <si>
    <t>planstat_5</t>
  </si>
  <si>
    <t>planstat_6</t>
  </si>
  <si>
    <t>planstat_7</t>
  </si>
  <si>
    <t>planstat_8</t>
  </si>
  <si>
    <t>planstat_9</t>
  </si>
  <si>
    <t>planstat10</t>
  </si>
  <si>
    <t>planstat11</t>
  </si>
  <si>
    <t>planstat12</t>
  </si>
  <si>
    <t>planstat13</t>
  </si>
  <si>
    <t>planstat14</t>
  </si>
  <si>
    <t>planstat15</t>
  </si>
  <si>
    <t>planstat16</t>
  </si>
  <si>
    <t>planstat17</t>
  </si>
  <si>
    <t>planstat18</t>
  </si>
  <si>
    <t>planstat19</t>
  </si>
  <si>
    <t>planstat20</t>
  </si>
  <si>
    <t>planstat21</t>
  </si>
  <si>
    <t>planstat22</t>
  </si>
  <si>
    <t>planstat23</t>
  </si>
  <si>
    <t>planstat24</t>
  </si>
  <si>
    <t>planstat25</t>
  </si>
  <si>
    <t>planstat26</t>
  </si>
  <si>
    <t>techniekst</t>
  </si>
  <si>
    <t>techniek_1</t>
  </si>
  <si>
    <t>techniek_2</t>
  </si>
  <si>
    <t>techniek_3</t>
  </si>
  <si>
    <t>techniek_4</t>
  </si>
  <si>
    <t>techniek_5</t>
  </si>
  <si>
    <t>techniek_6</t>
  </si>
  <si>
    <t>techniek_7</t>
  </si>
  <si>
    <t>techniek_8</t>
  </si>
  <si>
    <t>techniek_9</t>
  </si>
  <si>
    <t>techniek10</t>
  </si>
  <si>
    <t>techniek11</t>
  </si>
  <si>
    <t>techniek12</t>
  </si>
  <si>
    <t>techniek13</t>
  </si>
  <si>
    <t>techniek14</t>
  </si>
  <si>
    <t>techniek15</t>
  </si>
  <si>
    <t>techniek16</t>
  </si>
  <si>
    <t>techniek17</t>
  </si>
  <si>
    <t>techniek18</t>
  </si>
  <si>
    <t>techniek19</t>
  </si>
  <si>
    <t>techniek20</t>
  </si>
  <si>
    <t>techniek21</t>
  </si>
  <si>
    <t>techniek22</t>
  </si>
  <si>
    <t>techniek23</t>
  </si>
  <si>
    <t>techniek24</t>
  </si>
  <si>
    <t>techniek25</t>
  </si>
  <si>
    <t>techniek26</t>
  </si>
  <si>
    <t>pln_voorwa</t>
  </si>
  <si>
    <t>pln_voor_1</t>
  </si>
  <si>
    <t>pln_voor_2</t>
  </si>
  <si>
    <t>pln_voor_3</t>
  </si>
  <si>
    <t>pln_voor_4</t>
  </si>
  <si>
    <t>pln_voor_5</t>
  </si>
  <si>
    <t>pln_voor_6</t>
  </si>
  <si>
    <t>pln_voor_7</t>
  </si>
  <si>
    <t>pln_voor_8</t>
  </si>
  <si>
    <t>pln_doel_c</t>
  </si>
  <si>
    <t>pln_doel_u</t>
  </si>
  <si>
    <t>pln_doel_e</t>
  </si>
  <si>
    <t>pln_doel_f</t>
  </si>
  <si>
    <t>pln_doel_m</t>
  </si>
  <si>
    <t>pln_doel_1</t>
  </si>
  <si>
    <t>pln_doel_2</t>
  </si>
  <si>
    <t>pln_doel_3</t>
  </si>
  <si>
    <t>pln_doel_4</t>
  </si>
  <si>
    <t>isolatiegr</t>
  </si>
  <si>
    <t>isolatie_1</t>
  </si>
  <si>
    <t>isolatie_2</t>
  </si>
  <si>
    <t>isolatie_3</t>
  </si>
  <si>
    <t>isolatie_4</t>
  </si>
  <si>
    <t>isolatie_5</t>
  </si>
  <si>
    <t>isolatie_6</t>
  </si>
  <si>
    <t>isolatie_7</t>
  </si>
  <si>
    <t>isolatie_8</t>
  </si>
  <si>
    <t>isolatie_9</t>
  </si>
  <si>
    <t>isolatie10</t>
  </si>
  <si>
    <t>isolatie11</t>
  </si>
  <si>
    <t>isolatie12</t>
  </si>
  <si>
    <t>isolatie13</t>
  </si>
  <si>
    <t>isolatie14</t>
  </si>
  <si>
    <t>isolatie15</t>
  </si>
  <si>
    <t>isolatie16</t>
  </si>
  <si>
    <t>isolatie17</t>
  </si>
  <si>
    <t>isolatie18</t>
  </si>
  <si>
    <t>isolatie19</t>
  </si>
  <si>
    <t>isolatie20</t>
  </si>
  <si>
    <t>isolatie21</t>
  </si>
  <si>
    <t>isolatie22</t>
  </si>
  <si>
    <t>isolatie23</t>
  </si>
  <si>
    <t>isolatie24</t>
  </si>
  <si>
    <t>isolatie25</t>
  </si>
  <si>
    <t>isolatie26</t>
  </si>
  <si>
    <t>installati</t>
  </si>
  <si>
    <t>installa_1</t>
  </si>
  <si>
    <t>installa_2</t>
  </si>
  <si>
    <t>installa_3</t>
  </si>
  <si>
    <t>installa_4</t>
  </si>
  <si>
    <t>installa_5</t>
  </si>
  <si>
    <t>installa_6</t>
  </si>
  <si>
    <t>installa_7</t>
  </si>
  <si>
    <t>installa_8</t>
  </si>
  <si>
    <t>installa_9</t>
  </si>
  <si>
    <t>installa10</t>
  </si>
  <si>
    <t>installa11</t>
  </si>
  <si>
    <t>installa12</t>
  </si>
  <si>
    <t>installa13</t>
  </si>
  <si>
    <t>installa14</t>
  </si>
  <si>
    <t>installa15</t>
  </si>
  <si>
    <t>installa16</t>
  </si>
  <si>
    <t>installa17</t>
  </si>
  <si>
    <t>installa18</t>
  </si>
  <si>
    <t>installa19</t>
  </si>
  <si>
    <t>installa20</t>
  </si>
  <si>
    <t>installa21</t>
  </si>
  <si>
    <t>installa22</t>
  </si>
  <si>
    <t>installa23</t>
  </si>
  <si>
    <t>installa24</t>
  </si>
  <si>
    <t>installa25</t>
  </si>
  <si>
    <t>installa26</t>
  </si>
  <si>
    <t>infrastruc</t>
  </si>
  <si>
    <t>infrastr_1</t>
  </si>
  <si>
    <t>infrastr_2</t>
  </si>
  <si>
    <t>infrastr_3</t>
  </si>
  <si>
    <t>infrastr_4</t>
  </si>
  <si>
    <t>infrastr_5</t>
  </si>
  <si>
    <t>infrastr_6</t>
  </si>
  <si>
    <t>infrastr_7</t>
  </si>
  <si>
    <t>infrastr_8</t>
  </si>
  <si>
    <t>infrastr_9</t>
  </si>
  <si>
    <t>infrastr10</t>
  </si>
  <si>
    <t>infrastr11</t>
  </si>
  <si>
    <t>infrastr12</t>
  </si>
  <si>
    <t>infrastr13</t>
  </si>
  <si>
    <t>infrastr14</t>
  </si>
  <si>
    <t>infrastr15</t>
  </si>
  <si>
    <t>infrastr16</t>
  </si>
  <si>
    <t>infrastr17</t>
  </si>
  <si>
    <t>infrastr18</t>
  </si>
  <si>
    <t>infrastr19</t>
  </si>
  <si>
    <t>infrastr20</t>
  </si>
  <si>
    <t>infrastr21</t>
  </si>
  <si>
    <t>infrastr22</t>
  </si>
  <si>
    <t>infrastr23</t>
  </si>
  <si>
    <t>infrastr24</t>
  </si>
  <si>
    <t>infrastr25</t>
  </si>
  <si>
    <t>infrastr26</t>
  </si>
  <si>
    <t>energiebro</t>
  </si>
  <si>
    <t>energieb_1</t>
  </si>
  <si>
    <t>energieb_2</t>
  </si>
  <si>
    <t>energieb_3</t>
  </si>
  <si>
    <t>energieb_4</t>
  </si>
  <si>
    <t>energieb_5</t>
  </si>
  <si>
    <t>energieb_6</t>
  </si>
  <si>
    <t>energieb_7</t>
  </si>
  <si>
    <t>energieb_8</t>
  </si>
  <si>
    <t>energieb_9</t>
  </si>
  <si>
    <t>energieb10</t>
  </si>
  <si>
    <t>energieb11</t>
  </si>
  <si>
    <t>energieb12</t>
  </si>
  <si>
    <t>energieb13</t>
  </si>
  <si>
    <t>energieb14</t>
  </si>
  <si>
    <t>energieb15</t>
  </si>
  <si>
    <t>energieb16</t>
  </si>
  <si>
    <t>energieb17</t>
  </si>
  <si>
    <t>energieb18</t>
  </si>
  <si>
    <t>energieb19</t>
  </si>
  <si>
    <t>energieb20</t>
  </si>
  <si>
    <t>energieb21</t>
  </si>
  <si>
    <t>energieb22</t>
  </si>
  <si>
    <t>energieb23</t>
  </si>
  <si>
    <t>energieb24</t>
  </si>
  <si>
    <t>energieb25</t>
  </si>
  <si>
    <t>energieb26</t>
  </si>
  <si>
    <t>energieb27</t>
  </si>
  <si>
    <t>energieb28</t>
  </si>
  <si>
    <t>energieb29</t>
  </si>
  <si>
    <t>energieb30</t>
  </si>
  <si>
    <t>energieb31</t>
  </si>
  <si>
    <t>energieb32</t>
  </si>
  <si>
    <t>energieb33</t>
  </si>
  <si>
    <t>energieb34</t>
  </si>
  <si>
    <t>energieb35</t>
  </si>
  <si>
    <t>BU00349997</t>
  </si>
  <si>
    <t>WK003499</t>
  </si>
  <si>
    <t>GM0034</t>
  </si>
  <si>
    <t>Almere</t>
  </si>
  <si>
    <t>JA</t>
  </si>
  <si>
    <t>2021BU00349997</t>
  </si>
  <si>
    <t>buurten.ee317142-4052-4d35-9af5-f146e3e43921</t>
  </si>
  <si>
    <t>GM1942</t>
  </si>
  <si>
    <t>Lelystad</t>
  </si>
  <si>
    <t>In 2050 wordt in Lelystad in de gebouwde omgeving geen gebruik meer gemaakt van fossiele brandstoffen.</t>
  </si>
  <si>
    <t>klimaatneutraal en aardgasvrij in 2050</t>
  </si>
  <si>
    <t>DC003401</t>
  </si>
  <si>
    <t>DC194201</t>
  </si>
  <si>
    <t>De route naar een aardgasvrije gemeente Gooise Meren in 2050</t>
  </si>
  <si>
    <t>Warmtevisie Gemeente Almere</t>
  </si>
  <si>
    <t>2017-07-10</t>
  </si>
  <si>
    <t>Onbekend</t>
  </si>
  <si>
    <t>1</t>
  </si>
  <si>
    <t>Het rijk moet voldoende financiële, juridische en kennisinstrumenten beschikbaar stellen.
Voor iedereen haalbaar en betaalbaar</t>
  </si>
  <si>
    <t>financiele vergoeding vanuit de Rijksoverheid en het tekortaan uitvoeringscapaciteit bij de gemeente.[p. 25] Afhankelijk van de financiele mogelijkhedenzal de gemeente de aanpak enuitvoeringslijnen van deze TransitievisieWarmte (financieel) vertalen via</t>
  </si>
  <si>
    <t>1. Bieden van handelingspersperctief voor buurten die pas later aan de beurt zijn.
2. Deze visie beschrijft op welke wijze de volgorde der wijken wordt bepaald waarin Lelystad van het aardgas wordt afgekoppeld in de periode tot 2050.
3. kaders en randvoo</t>
  </si>
  <si>
    <t>niet benoemd</t>
  </si>
  <si>
    <t>Klimaatneutraal en aardgasvrij in 2050</t>
  </si>
  <si>
    <t>energieneutraal exclusief mobiliteit in 2022</t>
  </si>
  <si>
    <t>https://almere.notubiz.nl/vergadering/918068#ai_6356414</t>
  </si>
  <si>
    <t>https://www.lelystad.nl/nieuweenergie</t>
  </si>
  <si>
    <t>PL0034010001</t>
  </si>
  <si>
    <t>PL1942010052</t>
  </si>
  <si>
    <t>Almere Haven, exclusief Overgooi</t>
  </si>
  <si>
    <t>isolatieprogramma</t>
  </si>
  <si>
    <t>0</t>
  </si>
  <si>
    <t>2</t>
  </si>
  <si>
    <t>2022</t>
  </si>
  <si>
    <t>2040</t>
  </si>
  <si>
    <t>2030</t>
  </si>
  <si>
    <t>onbekend</t>
  </si>
  <si>
    <t>WUP wordt opgesteld. Plan van aanpak wordt opgesteld</t>
  </si>
  <si>
    <t>verkennend</t>
  </si>
  <si>
    <t>definitief</t>
  </si>
  <si>
    <t>voorbereidend</t>
  </si>
  <si>
    <t>10</t>
  </si>
  <si>
    <t>7</t>
  </si>
  <si>
    <t>geen keuze gemaakt</t>
  </si>
  <si>
    <t>voorsorterend</t>
  </si>
  <si>
    <t>8</t>
  </si>
  <si>
    <t>Geen</t>
  </si>
  <si>
    <t>prestatieafspraken woningcorporaties</t>
  </si>
  <si>
    <t>Doorlopend in de gehele stad isolatieprogrammas aanbieden.</t>
  </si>
  <si>
    <t>besparing 0,2PJ (gemeente), 10000 weq op w-net</t>
  </si>
  <si>
    <t>Geschikt voor All-Electric</t>
  </si>
  <si>
    <t>geen isolatieminimum opgelegd</t>
  </si>
  <si>
    <t>Isolatie, geen specifiek niveau benoemd</t>
  </si>
  <si>
    <t>Schillabel B+</t>
  </si>
  <si>
    <t>5</t>
  </si>
  <si>
    <t>Afleverset</t>
  </si>
  <si>
    <t>4</t>
  </si>
  <si>
    <t>Alleen elektriciteit</t>
  </si>
  <si>
    <t>Warmtenet</t>
  </si>
  <si>
    <t>E</t>
  </si>
  <si>
    <t>Hernieuwbaar gas</t>
  </si>
  <si>
    <t>Niet van toepassing</t>
  </si>
  <si>
    <t>restwarmte (AVI) en restwarmte (industrie) en biomassa en geothermie</t>
  </si>
  <si>
    <t>hernieuwbaar gas</t>
  </si>
  <si>
    <t>34</t>
  </si>
  <si>
    <t>41</t>
  </si>
  <si>
    <t>BU00509997</t>
  </si>
  <si>
    <t>WK005099</t>
  </si>
  <si>
    <t>GM0050</t>
  </si>
  <si>
    <t>Zeewolde</t>
  </si>
  <si>
    <t>2021BU00509997</t>
  </si>
  <si>
    <t>buurten.a216cdcb-20a7-4c96-9fac-d919e5b0a49c</t>
  </si>
  <si>
    <t>aardgasvrij voor 2050</t>
  </si>
  <si>
    <t>DC005001</t>
  </si>
  <si>
    <t>Stapsgewijs naar een aardgasvrij Zeewolde in 2050: Transitievisie Warmte</t>
  </si>
  <si>
    <t>2022-09-29</t>
  </si>
  <si>
    <t>duurzaam, haalbaar en betaalbaar, gebiedsgericht en sociaal</t>
  </si>
  <si>
    <t>inzicht geven in de meest kansrijke alternatieven voor aardgas voor de verschillende buurten en welke stappen daarvoor nodig zijn</t>
  </si>
  <si>
    <t>aardgasvrij in 2050</t>
  </si>
  <si>
    <t>https://www.zeewolde.nl/fileadmin/Site_Zeewolde/documenten/producten/transitievisie_warmte_2022.pdf</t>
  </si>
  <si>
    <t>PL0050010001</t>
  </si>
  <si>
    <t>PL0050010004</t>
  </si>
  <si>
    <t>Buitengebied, Noord, Centrum, Zuin (Kruidenbuurt, Heesterbuurt)</t>
  </si>
  <si>
    <t>Verduurzaming warmtenet Polderwijk</t>
  </si>
  <si>
    <t>advies aan bewoners</t>
  </si>
  <si>
    <t>Definitief. Bestaand warmtenet</t>
  </si>
  <si>
    <t>Voorkeursoptie</t>
  </si>
  <si>
    <t>voorkeursoptie</t>
  </si>
  <si>
    <t>Warmteleverancier Ennatuurlijk is verantwoordelijk voor verduurzaming</t>
  </si>
  <si>
    <t>individuele actie van bewoners, benutten natuurlijke transitiemomenten</t>
  </si>
  <si>
    <t>verduurzamen bestaand warmtenet</t>
  </si>
  <si>
    <t>Huidig label</t>
  </si>
  <si>
    <t>Geen maatregelen</t>
  </si>
  <si>
    <t>(Hybride) Warmtepomp</t>
  </si>
  <si>
    <t>Wnet</t>
  </si>
  <si>
    <t>hWP,eWP</t>
  </si>
  <si>
    <t>6</t>
  </si>
  <si>
    <t>Gasnet</t>
  </si>
  <si>
    <t>E,G</t>
  </si>
  <si>
    <t>E,W</t>
  </si>
  <si>
    <t>3</t>
  </si>
  <si>
    <t>Restwarmte</t>
  </si>
  <si>
    <t>duurzame gassen (mogelijk waterstof)</t>
  </si>
  <si>
    <t>hernieuwbaar gas (waterstof)</t>
  </si>
  <si>
    <t>restwarmte</t>
  </si>
  <si>
    <t>36</t>
  </si>
  <si>
    <t>42</t>
  </si>
  <si>
    <t>BU00609998</t>
  </si>
  <si>
    <t>WK006099</t>
  </si>
  <si>
    <t>GM0060</t>
  </si>
  <si>
    <t>Ameland</t>
  </si>
  <si>
    <t>2021BU00609998</t>
  </si>
  <si>
    <t>buurten.f65dc838-6777-49e9-bba2-ac8f584ec844</t>
  </si>
  <si>
    <t>in 2035 maximaal 5 kton CO2-uitstoot, volledige verduurzaming van elektriciteit en warmtevraag</t>
  </si>
  <si>
    <t>DC006001</t>
  </si>
  <si>
    <t>Ameland aardgasvrij</t>
  </si>
  <si>
    <t>2021-10-01</t>
  </si>
  <si>
    <t>publieke acceptatie,</t>
  </si>
  <si>
    <t>https://www.ameland.nl/bestuur/notas-en-plannen_43091/item/transitie-warmte-visie-en-aanpak_57339.html</t>
  </si>
  <si>
    <t>PL0060010001</t>
  </si>
  <si>
    <t>LTV Ameland</t>
  </si>
  <si>
    <t>2021</t>
  </si>
  <si>
    <t>orienterend</t>
  </si>
  <si>
    <t>woning moet geschikt zijn, investeringskosten, buurtontwikkelingen, ruimte in huis</t>
  </si>
  <si>
    <t>warmtesystemen verduurzamen</t>
  </si>
  <si>
    <t>Afleverset en/of Warmtepomp</t>
  </si>
  <si>
    <t>eWP,Wnet</t>
  </si>
  <si>
    <t>BU00729998</t>
  </si>
  <si>
    <t>WK007299</t>
  </si>
  <si>
    <t>GM0072</t>
  </si>
  <si>
    <t>Harlingen</t>
  </si>
  <si>
    <t>2021BU00729998</t>
  </si>
  <si>
    <t>buurten.0053966e-4b12-4bcd-ba8d-f4765ce49f66</t>
  </si>
  <si>
    <t>GM1900</t>
  </si>
  <si>
    <t>Sudwest-Fryslan</t>
  </si>
  <si>
    <t>8000 woningen aardgasvrij</t>
  </si>
  <si>
    <t>95% CO2-besparing in 2050 (tov 1990)</t>
  </si>
  <si>
    <t>DC007201</t>
  </si>
  <si>
    <t>DC190001</t>
  </si>
  <si>
    <t>Transitievisie Warmte Gemeente Harlingen</t>
  </si>
  <si>
    <t>Transitievisie warmte Gemeente Sudwest-Fryslan</t>
  </si>
  <si>
    <t>2021-01-01</t>
  </si>
  <si>
    <t>Duurzaam, Realistisch, Betaalbaar en participatie met centrale rol voor inwoners. Geen prioritering als er geen duidelijke oplossingen of maatschappelijke kansen zijn.</t>
  </si>
  <si>
    <t>haalbaar, betaalbaar en betrokken</t>
  </si>
  <si>
    <t>Isolatie aanmoedigen. Verdiepend onderzoek naar collectieve oplossingen, beschikbaarheid gasnetwerk en meekoppelkansen. Bewustwording creeren natuurlijke momenten.</t>
  </si>
  <si>
    <t>wij gaan uit van een 3-schillenbenadering. Deze schillen lopen in tijd mogelijk parallel aan elkaar en vullen elkaar aan. Wij zetten eerst in op de A en B labels.</t>
  </si>
  <si>
    <t>Spoorboekje naar aardgasvrije gemeente Harlingen in 2050.</t>
  </si>
  <si>
    <t>https://channel.royalcast.com/gemeenteharlingen/#!/gemeenteharlingen/20211124_1</t>
  </si>
  <si>
    <t>https://sudwestfryslan.raadsinformatie.nl/document/10733561/1#search=%22transitievisie%22</t>
  </si>
  <si>
    <t>PL0072010001</t>
  </si>
  <si>
    <t>PL1900010002</t>
  </si>
  <si>
    <t>Binnenstad</t>
  </si>
  <si>
    <t>Schil 2. Initiatieven, pilots en ontwikkelingen</t>
  </si>
  <si>
    <t>Oudere gebouwen worden eerst geisoleerd voordat er een hybride warmtepomp kan worden gebruikt. Om de overstap naar een all-electric warmtepomp te maken is verregaande isolatie nodig. Deze isolatie vindt bij voorkeur plaats op een natuurlijk moment.</t>
  </si>
  <si>
    <t>realistisch, duurzame betaalbare techniek</t>
  </si>
  <si>
    <t>Info ontbreekt</t>
  </si>
  <si>
    <t>aardgasvrij ongeveer 5641 woningen</t>
  </si>
  <si>
    <t>Label B/A</t>
  </si>
  <si>
    <t>Hernieuwbaar gas, (elektriciteit)</t>
  </si>
  <si>
    <t>restwarmte en/of aquathermie</t>
  </si>
  <si>
    <t>9</t>
  </si>
  <si>
    <t>BU00889998</t>
  </si>
  <si>
    <t>WK008899</t>
  </si>
  <si>
    <t>GM0088</t>
  </si>
  <si>
    <t>Schiermonnikoog</t>
  </si>
  <si>
    <t>2021BU00889998</t>
  </si>
  <si>
    <t>buurten.6af2dee7-5e96-4896-b16a-1c0c3e21e4c5</t>
  </si>
  <si>
    <t>GM1970</t>
  </si>
  <si>
    <t>Noardeast-Fryslan</t>
  </si>
  <si>
    <t>Gebouwen &gt; 1992 all-electric in 2030, oudere huizen (hybride) warmtepomp of kleinschalig warmtenet 2030-2040, verspreide huizen all-electric of hybride i.c.m. Groengas 2050. Aardgasvrij 2050</t>
  </si>
  <si>
    <t>DC008801</t>
  </si>
  <si>
    <t>DC197001</t>
  </si>
  <si>
    <t>Transitievisie Warmte Noardeast-Fryslan: Samen aan de slag voor een aardgasvrij Noardeast-Fryslan</t>
  </si>
  <si>
    <t>Transitievisie Warmte Schiermonnikoog: Op weg naar een duurzaam verwarmd en aardgasvrij eiland | Versie 1.0</t>
  </si>
  <si>
    <t>2021-09-30</t>
  </si>
  <si>
    <t>2021-10-05</t>
  </si>
  <si>
    <t>Het beschikbaar stellen van extra capaciteit is een randvoorwaarde om op de juiste manier uitvoering te kunnen geven aan het Klimaatakkoord.</t>
  </si>
  <si>
    <t>betaalbaarheid, haalbaarheid, natuurlijke momenten</t>
  </si>
  <si>
    <t>in 2030 CO2 besparing van 25%, Opgedane Kennis van de jaren tot 2030 te gebruiken om de transitie naar aardgasvrij wonen vorm te geven en aardgas in 2050 te beeindigen. Bewonersinitiatieven stimuleren</t>
  </si>
  <si>
    <t>samen met gemeentes en woningcooperaties, leren van elkaar, stapsgewijs, communicatie met inwoners, eigen initiatieven ondersteunen</t>
  </si>
  <si>
    <t>1. In 2030 een CO2-besparing van 25% te behalen ten opzichte van de referentiesituatie in 1990; 2. De opgedane kennis en ervaring in de jaren tot 2030 te gebruiken om de transitie naar aardgasvrij wonen en duurzaam verwarmen vorm te geven en zo in 2050 h</t>
  </si>
  <si>
    <t>optimaal mogelijk CO2 reductie</t>
  </si>
  <si>
    <t>https://www.noardeast-fryslan.nl/aardgasvrij</t>
  </si>
  <si>
    <t>https://www.schiermonnikoog.nl/duurzaam/visie-ambitie-en-projecten_46390/itemransitievisie-warmte_57895.html</t>
  </si>
  <si>
    <t>PL0088010001</t>
  </si>
  <si>
    <t>PL1970010006</t>
  </si>
  <si>
    <t>Oudere huizen (voor 1992) schiermonnikoog + dorpskern</t>
  </si>
  <si>
    <t>Verduurzamen van de gebouwen</t>
  </si>
  <si>
    <t>concept</t>
  </si>
  <si>
    <t>De staat van de Isolatie, Ventilatie, laagtemperatuur warmteafgiftesysteem en Inductie koken bij de gebouwen</t>
  </si>
  <si>
    <t>onduidelijk</t>
  </si>
  <si>
    <t>Alle gebouwen op Schiermonnikoog zullen naar een acceptabel isolatieniveau gebracht worden. Bij alle gebouwen met schillabel C of slechter is een verbetering van de isolatieschil gewenst.</t>
  </si>
  <si>
    <t>All-Electric</t>
  </si>
  <si>
    <t>eWP</t>
  </si>
  <si>
    <t>hWP,eWP,Wnet</t>
  </si>
  <si>
    <t>15</t>
  </si>
  <si>
    <t>groen gas</t>
  </si>
  <si>
    <t>restwarmte en/of hernieuwbaar gas</t>
  </si>
  <si>
    <t>restwarmte, hernieuwbaar gas</t>
  </si>
  <si>
    <t>45</t>
  </si>
  <si>
    <t>BU00939998</t>
  </si>
  <si>
    <t>WK009399</t>
  </si>
  <si>
    <t>GM0093</t>
  </si>
  <si>
    <t>Terschelling</t>
  </si>
  <si>
    <t>2021BU00939998</t>
  </si>
  <si>
    <t>buurten.f3a7db2e-975a-48f7-829d-0e9d23b28734</t>
  </si>
  <si>
    <t>GM0096</t>
  </si>
  <si>
    <t>Vlieland</t>
  </si>
  <si>
    <t>binnen 4 jaar 800 woningen/bedrijven aardgasvrij, in 2030 15-49% CO2-uitstoot reductie</t>
  </si>
  <si>
    <t>DC009301</t>
  </si>
  <si>
    <t>DC009601</t>
  </si>
  <si>
    <t>Transitievisie Warmte Terschelling: Op weg naar een duurzaam verwarmd en aardgasvrij eiland</t>
  </si>
  <si>
    <t>Transitievisie Warmte: Op weg naar een duurzaam verwarmd en aardgasvrij eiland</t>
  </si>
  <si>
    <t>2021-10-07</t>
  </si>
  <si>
    <t>2021-10-20</t>
  </si>
  <si>
    <t>Het beschikbaar stellen van extra capaciteit is een randvoorwaarde om op de juiste manier uitvoering te kunnen geven aan het klimaatakkoordOm de transitie te laten slagen is het essentieel dat alle betrokken stakeholders met openheid en transparantie gaa</t>
  </si>
  <si>
    <t>Aansluiten bij de doelstelling uit het Klimaatakkoord</t>
  </si>
  <si>
    <t>1. In 2030 een CO2 besparing van 25% te behalen ten opzichte van de referentiesituatie in 2019; 2. De opgedane kennis en ervaring in de jaren tot 2030 te gebruiken om de transitie naar aardgasvrij wonen en duurzaam verwarmen vorm te geven; 3. Bewoners, b</t>
  </si>
  <si>
    <t>25% CO2-reductie in 2030 t.o.v. 2019, minimaal 1 collectief warmteproject, fossielvrij in 2050</t>
  </si>
  <si>
    <t>https://ris2.ibabs.eu/Agenda/Details/Terschelling/8f6ffd80-b10b-4c6f-898f-b5e5eb25c84f</t>
  </si>
  <si>
    <t>https://www.vlieland.nl/home-vlielandieuws_42125/itemransitievisie-warmte-10-vlieland-vastgesteld_57534.html</t>
  </si>
  <si>
    <t>PL0093010001</t>
  </si>
  <si>
    <t>PL0096010008</t>
  </si>
  <si>
    <t>Algemene Isolatie</t>
  </si>
  <si>
    <t>West aan Zee</t>
  </si>
  <si>
    <t>2050</t>
  </si>
  <si>
    <t>afwachtend</t>
  </si>
  <si>
    <t>in uitvoering</t>
  </si>
  <si>
    <t>uitvoerend</t>
  </si>
  <si>
    <t>Verduurzaming recreatiewoningen</t>
  </si>
  <si>
    <t>technische uitvoerbaarheid</t>
  </si>
  <si>
    <t>Aardgasvrije wijken</t>
  </si>
  <si>
    <t>Label C (minimaal)</t>
  </si>
  <si>
    <t>Schillabel C+</t>
  </si>
  <si>
    <t>Afleverset en/of (hybride) warmtepomp</t>
  </si>
  <si>
    <t>Hr</t>
  </si>
  <si>
    <t>Warmtenet (deels)</t>
  </si>
  <si>
    <t>niet van toepassing</t>
  </si>
  <si>
    <t>BU00969998</t>
  </si>
  <si>
    <t>WK009699</t>
  </si>
  <si>
    <t>2021BU00969998</t>
  </si>
  <si>
    <t>buurten.8b81c5a2-d40a-4b07-a39d-97a9fc5f475d</t>
  </si>
  <si>
    <t>PL0096010001</t>
  </si>
  <si>
    <t>Heel Vlieland</t>
  </si>
  <si>
    <t>Vlieland verspreide huizen</t>
  </si>
  <si>
    <t>Behoud beschermd dorpsgezicht</t>
  </si>
  <si>
    <t>In 2050 het gebruik van fossiele brandstoffen, zoals aardgas, in de gebouwde omgeving te beeindigen. De gebouwen maken gebruik van klimaat neutrale warmte en warmwater.</t>
  </si>
  <si>
    <t>BU01669997</t>
  </si>
  <si>
    <t>WK016699</t>
  </si>
  <si>
    <t>GM0166</t>
  </si>
  <si>
    <t>Kampen</t>
  </si>
  <si>
    <t>2021BU01669997</t>
  </si>
  <si>
    <t>buurten.9f370db9-95c0-4e6c-9f23-b8bedc388479</t>
  </si>
  <si>
    <t>GM1896</t>
  </si>
  <si>
    <t>Zwartewaterland</t>
  </si>
  <si>
    <t>DC016601</t>
  </si>
  <si>
    <t>DC189601</t>
  </si>
  <si>
    <t>Samen aan de slag voor een aardgasvrij Zwartewaterland</t>
  </si>
  <si>
    <t>Warmte(transitie)visie Gebouwde Omgeving. Mogelijkheden, kansen en dilemmas.</t>
  </si>
  <si>
    <t>2021-10-29</t>
  </si>
  <si>
    <t>Volgen de principes uit de Trias Energetica:, beperk de energievraag, gebruik duurzame energie, gebruik fossiele brandstoffen zo efficient mogelijk</t>
  </si>
  <si>
    <t>Voorwaarden:, iedereen kan meedoen, adaptief en uitvoerbaar, starten met isoleren, benutten van initiatieven en energie in Zwartewaterland</t>
  </si>
  <si>
    <t>Doel is om nu besluiten te nemen die een goede basis voor het vervolg leggen maar wel zo dat we ons aan de nog zeker komende veranderingen kunnen aanpassen</t>
  </si>
  <si>
    <t>Richting geven aan hoe woningen en gebouwen in Zwartewaterland in de toekomst verwarmd kunnen worden zonder aardgas.</t>
  </si>
  <si>
    <t>Onduidelijk</t>
  </si>
  <si>
    <t>https://kampen.raadsinformatie.nl/document/10197240/1#search=%22transitievisie%22</t>
  </si>
  <si>
    <t>https://www.zwartewaterland.nl/_flysystem/mediaransitievisie-warmte.pdf</t>
  </si>
  <si>
    <t>PL0166010003</t>
  </si>
  <si>
    <t>PL1896010006</t>
  </si>
  <si>
    <t>Eerste stappen richting aardgasvrij</t>
  </si>
  <si>
    <t>Keuze voor duurzaam verwarmingssysteem (aardgasvrij)</t>
  </si>
  <si>
    <t>reeds gestart</t>
  </si>
  <si>
    <t>Actief communiceren vanuit de gemeente. Verschillende routes aanvliegen om zo groot mogelijk draagvlak te krijgen</t>
  </si>
  <si>
    <t>Niet benoemd</t>
  </si>
  <si>
    <t>Aardgasvrij worden</t>
  </si>
  <si>
    <t>Verder beperken van de energievraag</t>
  </si>
  <si>
    <t>Vloerisolatie, Dakisolatie, Gevelisolatie, HR++ glas</t>
  </si>
  <si>
    <t>Hybride Warmtepomp</t>
  </si>
  <si>
    <t>Zonnepanelen</t>
  </si>
  <si>
    <t>hWP</t>
  </si>
  <si>
    <t>BU01719997</t>
  </si>
  <si>
    <t>WK017199</t>
  </si>
  <si>
    <t>GM0171</t>
  </si>
  <si>
    <t>Noordoostpolder</t>
  </si>
  <si>
    <t>2021BU01719997</t>
  </si>
  <si>
    <t>buurten.23ee9b01-6173-4453-b1d6-fab9c2954af9</t>
  </si>
  <si>
    <t>2021-07-01</t>
  </si>
  <si>
    <t>bijdrage van het Rijk, tot die tijd alleen uitvoering voorbereiden. Alleen subsidie voor spijtvrije maatregelen (conform TVW)</t>
  </si>
  <si>
    <t>houvast geven aan mensen die iets willen doen</t>
  </si>
  <si>
    <t>Buitengebied</t>
  </si>
  <si>
    <t>beschikbaarheid duurzaam gas, anders later naar all-electric</t>
  </si>
  <si>
    <t>Basisniveau (conform Standaard)</t>
  </si>
  <si>
    <t>Standaard en Streefwaarden</t>
  </si>
  <si>
    <t>duurzaam gas indien beschikbaar</t>
  </si>
  <si>
    <t>BU01849997</t>
  </si>
  <si>
    <t>WK018499</t>
  </si>
  <si>
    <t>GM0184</t>
  </si>
  <si>
    <t>Urk</t>
  </si>
  <si>
    <t>2021BU01849997</t>
  </si>
  <si>
    <t>buurten.d2c95ded-cc79-4fa3-b7d8-f5cf02a013ef</t>
  </si>
  <si>
    <t>DC018401</t>
  </si>
  <si>
    <t>Transitievisie Warmte gemeente Urk</t>
  </si>
  <si>
    <t>nieuwe wetten en regels nodig, zoals warmtewet 2.0. Kan niet zonder (financiele) steun van het rijk</t>
  </si>
  <si>
    <t>de route naar een aardgasvrije gebouwde omgeving beschrijven</t>
  </si>
  <si>
    <t>https://ris2.ibabs.eu/Agenda/Details/Urk/0724e1b1-cc41-408e-b7a3-f9d9267d26ff</t>
  </si>
  <si>
    <t>PL0184010003</t>
  </si>
  <si>
    <t>PL0184010004</t>
  </si>
  <si>
    <t>De Top, de Reede, Urkerhard en de Staart</t>
  </si>
  <si>
    <t>Urk-kom en Urk Noord (Oude eiland)</t>
  </si>
  <si>
    <t>na 2030</t>
  </si>
  <si>
    <t>onderzoekend</t>
  </si>
  <si>
    <t>richtinggevend</t>
  </si>
  <si>
    <t>vrijwilligheid &amp; beschikbaar blijven gasnet, capaciteit op e-net</t>
  </si>
  <si>
    <t>Warmtenet (mogelijk)</t>
  </si>
  <si>
    <t>industrieterrein en visverwerkende industrie</t>
  </si>
  <si>
    <t>restwarmte (industrie)</t>
  </si>
  <si>
    <t>BU02309997</t>
  </si>
  <si>
    <t>WK023099</t>
  </si>
  <si>
    <t>GM0230</t>
  </si>
  <si>
    <t>Elburg</t>
  </si>
  <si>
    <t>2021BU02309997</t>
  </si>
  <si>
    <t>buurten.1f691a13-0ef8-4281-9571-239106840708</t>
  </si>
  <si>
    <t>GM0302</t>
  </si>
  <si>
    <t>Nunspeet</t>
  </si>
  <si>
    <t>2050 aardgasvrij, energieneutraal 2050, klimaatneutraal 2050</t>
  </si>
  <si>
    <t>streven om voor 2050 de CO2-teller op nul te zetten. 2050 klimaatneutraal; even veel duurzame energie opwekken als dat we gebruiken; in 2025 al een reductie van 50% CO2-uitstoot</t>
  </si>
  <si>
    <t>DC023001</t>
  </si>
  <si>
    <t>DC030201</t>
  </si>
  <si>
    <t>Toekomstbestendig wonen in Nunspeet Transitievisie Warmte</t>
  </si>
  <si>
    <t>Wonen in de gemeente Elburg zonder aardgasTransitievisie Warmte</t>
  </si>
  <si>
    <t>2019-12-10</t>
  </si>
  <si>
    <t>2020-01-17</t>
  </si>
  <si>
    <t>handelingsperspectief voor bewoners en gebouweigenaren, betaalbaarheid van de oplossingen, en een helder en realistisch tijdspad.  Een passend aanbod aan duurzame bronnen</t>
  </si>
  <si>
    <t>handelingsperspectief voor bewoners en gebouweigenaren, betaalbaarheid van de oplossingen, en een helder en realistisch tijdspad; capaciteit en fin middelen voor gemeenten</t>
  </si>
  <si>
    <t>hoe gemeente met stakeholders de warmtetransitie gaat invullen, als input voor de RES. 5-jaarlijks actualisatie (minimaal). Gemeente zorgt ervoor dat bewoners goed geinformeerd zijn en de tijd hebben om over te gaan op een aardgasvrije warmtevoorziening.</t>
  </si>
  <si>
    <t>inzicht geven in de totale opgave en kansrijke oplossingen. Daarnaast geeft dit document een logische volgorde en tempo voor het aardgasvrij maken van wijken in Nunspeet. Elke twee jaar herijken, na 20225 elke 5 jaar</t>
  </si>
  <si>
    <t>2050 aardgasvrij, electrisch koken; Het doel is uiteindelijk om stappen te maken in de warmtetransitie.</t>
  </si>
  <si>
    <t>huidige 9.267 woningen aardgasvrij</t>
  </si>
  <si>
    <t>https://nunspeet.raadsinformatie.nl/document/8636020/1/AP_13__Bijlage_Transitievisie_Warmte</t>
  </si>
  <si>
    <t>https://www.elburg.nl/Inwoners/Afval_en_milieu/Duurzaamheid/Transitievisie_Warmte_gemeente_Elburg</t>
  </si>
  <si>
    <t>PL0230010004</t>
  </si>
  <si>
    <t>PL0302010006</t>
  </si>
  <si>
    <t>Bedrijventerreinen</t>
  </si>
  <si>
    <t>Isolatieaanpak verspreide wijken Nunspeet</t>
  </si>
  <si>
    <t>2020</t>
  </si>
  <si>
    <t>2023</t>
  </si>
  <si>
    <t>2038</t>
  </si>
  <si>
    <t>onderzoeken/stimuleren</t>
  </si>
  <si>
    <t>uitgesteld</t>
  </si>
  <si>
    <t>isoleren/isolatieprogramma</t>
  </si>
  <si>
    <t>geen techniekkeuze, focus op isolatie</t>
  </si>
  <si>
    <t>handelingsperspectief voor bewoners en gebouweigenaren, betaalbaarheid van de oplossingen, en een helder en realistisch tijdspad. capaciteit en fin middelen voor gemeenten</t>
  </si>
  <si>
    <t>handelingsperspectief, betaalbaarheid,keuzevrijheid</t>
  </si>
  <si>
    <t>500 woningen  standaard aanpak</t>
  </si>
  <si>
    <t>toewerken naar aardgasvrijready</t>
  </si>
  <si>
    <t>Isolatie</t>
  </si>
  <si>
    <t>deels aquathermie oppervlaktewater (evt)</t>
  </si>
  <si>
    <t>BU02339997</t>
  </si>
  <si>
    <t>WK023399</t>
  </si>
  <si>
    <t>GM0233</t>
  </si>
  <si>
    <t>Ermelo</t>
  </si>
  <si>
    <t>2021BU02339997</t>
  </si>
  <si>
    <t>buurten.3cd9b058-bfa5-4ffb-84df-866bc0cbed3b</t>
  </si>
  <si>
    <t>GM0273</t>
  </si>
  <si>
    <t>Putten</t>
  </si>
  <si>
    <t>klimaatneutraal en aardgasvrij in 2050; 55% CO2-reductie in 2030</t>
  </si>
  <si>
    <t>DC027301</t>
  </si>
  <si>
    <t>Wonen in Putten zonder aardgas Transitievisie Warmte</t>
  </si>
  <si>
    <t>2021-02-18</t>
  </si>
  <si>
    <t>Voldoende capaciteit en middelen bij gemeente en stakeholders. Een passend aanbod aan bronnen is nodig om de transitie naar een aardgasvrije en op termijn duurzame warmtevoorziening mogelijk te maken.</t>
  </si>
  <si>
    <t>De Transitievisie Warmte geeft focus en richting maar is geen eindpunt en zal op basis van ontwikkelingen herijkt te worden. De Transitievisie Warmte zal eens in de 5 jaar geactualiseerd worden. Hierdoor is het mogelijk periodiek de voortgang te volgen e</t>
  </si>
  <si>
    <t>Transitiegereedmaken Putten, te beginnen bij het aardgasvrij maken van startwijken. Per jaar 320 woningen van het gas af.</t>
  </si>
  <si>
    <t>https://www.putten.nl/Inwoners/Milieu_Natuur_Duurzaamheid/Duurzaamheid/Informatie_voor_inwonersransitievisie_warmte_Putten</t>
  </si>
  <si>
    <t>PL0273010005</t>
  </si>
  <si>
    <t>Alle overige wijken (gem. Putten)</t>
  </si>
  <si>
    <t>Opstellen van evaluatiemethodiek voor succesvolle wijkaanpakken en strategieen</t>
  </si>
  <si>
    <t>Transitiegereed maken vastgoed, per 2030 10% van huizen buiten startwijken.</t>
  </si>
  <si>
    <t>BU02439997</t>
  </si>
  <si>
    <t>WK024399</t>
  </si>
  <si>
    <t>GM0243</t>
  </si>
  <si>
    <t>Harderwijk</t>
  </si>
  <si>
    <t>2021BU02439997</t>
  </si>
  <si>
    <t>buurten.95be726e-272c-42e7-8569-419b2b366743</t>
  </si>
  <si>
    <t>aardgasvrij in 2050, 4000 woningen aardgasvrij-ready in 2030. Ook voor 2030: Min 10 vastgestelde WUPs en de aanpak van min 6 gemakkelijk repeteerbare en opschaalbare projecten (bijv opstellen WUP, collectieve inkoop en de realisatie van een warmtenet)</t>
  </si>
  <si>
    <t>DC024301</t>
  </si>
  <si>
    <t>Transitievisie Warmte Harderwijk</t>
  </si>
  <si>
    <t>2021-08-01</t>
  </si>
  <si>
    <t>Op basis van beleidskaders (bijlage 1) zijn de doelstellingengeformuleerd voor de warmtevisie Harderwijk. Hierbij wordter vanuit gegaan dat er structurele financiering is ingebed inlandelijk, provinciaal en regionaal overheidsbeleid, wat lokaal wordt gee</t>
  </si>
  <si>
    <t>1. Duidelijkheid geven aan inwoners en ondernemersvan de gemeente Harderwijk over de warmtetransitie toten met 2050;2. Het draagvlak voor de warmtetransitie in Harderwijkvergroten door inzicht te geven in de aanpak enonderliggende keuzes die daartoe hebb</t>
  </si>
  <si>
    <t>Voor de pijler energietransitie stelt de gemeente Harderwijkin het energietransitiebeleid De Energieke Stad zichzelfde doelstelling om de CO2 -uitstoot te verminderen met45% in 2031 ten opzichte van de uitstoot in 2010. Een aardgasvrije samenleving is ee</t>
  </si>
  <si>
    <t>https://veluweduurzaam.nl/wp-content/uploads/2021/11/Def_WarmtevisieHarderwijk_210726-2.pdf</t>
  </si>
  <si>
    <t>PL0243010001</t>
  </si>
  <si>
    <t>PL0243010029</t>
  </si>
  <si>
    <t>De Eilanden</t>
  </si>
  <si>
    <t>vrijstaande woning/twee-onder-een-kap</t>
  </si>
  <si>
    <t>definitief, faciliterend</t>
  </si>
  <si>
    <t>orienterend, verkennend</t>
  </si>
  <si>
    <t>geen keuze gemaakt: komende 10 jaar verkennen naar mogelijke (technische mogelijke) voorkeursoplossingen</t>
  </si>
  <si>
    <t>voorsorterend, woning zoveel mogelijk al verduurzamen en aardgasvrij(ready) maken</t>
  </si>
  <si>
    <t>In praktijk blijkt nog of deze alternatieve strategie werkelijk gerealiseerd kunnen worden. Denkhierbij onder andere aan de ruimtelijke en financiele impact, het draagvlak en de beschikbaarheid van een warmtebron. Voordat een uitvoeringsplan voor een buu</t>
  </si>
  <si>
    <t>De tien potentiebuurten samen bestaan uit ongeveer 3.700 woningen en 300 utiliteitsgebouwen wat overeenkomt met de doelstelling zoals geformuleerd in hoofdstuk 2</t>
  </si>
  <si>
    <t>Afleverset en/of All-Electric</t>
  </si>
  <si>
    <t>eWP,Wnet,Hr</t>
  </si>
  <si>
    <t>Warmtenet en/of Gasnet</t>
  </si>
  <si>
    <t>warmtenet (MT) restwarmte of warmtenet (LT) op basis van TEO</t>
  </si>
  <si>
    <t>MT warmte: restwarmte of LT warmte: aquathermie (TEO)</t>
  </si>
  <si>
    <t>BU02679997</t>
  </si>
  <si>
    <t>WK026799</t>
  </si>
  <si>
    <t>GM0267</t>
  </si>
  <si>
    <t>Nijkerk</t>
  </si>
  <si>
    <t>2021BU02679997</t>
  </si>
  <si>
    <t>buurten.038018be-4345-4cc5-b149-6187bccddff5</t>
  </si>
  <si>
    <t>GM0313</t>
  </si>
  <si>
    <t>Bunschoten</t>
  </si>
  <si>
    <t>DC026701</t>
  </si>
  <si>
    <t>DC031301</t>
  </si>
  <si>
    <t>Transitievisie Warmte, Samen naar een aardgasvrije gemeente Nijkerk</t>
  </si>
  <si>
    <t>2021-10-26</t>
  </si>
  <si>
    <t>Realistisch en betaalbaar. Steun van het rijk indien er nieuwe landelijke ontwikkelingen zijn. Collectieve mogelijkheden zoveel mogelijk benutten. Kwaliteit gaat voor snelheid.</t>
  </si>
  <si>
    <t>duidelijkheid scheppen richting belanghebbenden over het proces van de warmtetransitie, omvang van de opgaven en voorwaarden in beel dkrijgen, draagvlak en bewustwording bij inwoners en andere belanghebbenden</t>
  </si>
  <si>
    <t>voor 2030 inzetten op terugdringen van aardgasgebruik en nog niet op aardgasvrijmaken van woningen</t>
  </si>
  <si>
    <t>https://bunschoten.raadsinformatie.nl/vergadering/795451#ai_6374754</t>
  </si>
  <si>
    <t>PL0267010004</t>
  </si>
  <si>
    <t>PL0313010001</t>
  </si>
  <si>
    <t>Nijkerkerveen, landelijk gebied</t>
  </si>
  <si>
    <t>Het initiatief ligt in principe bij de inwoners zelf, maar als gemeente staan we klaar om hen te helpen wanneer dat nodig is.</t>
  </si>
  <si>
    <t>Rijk moet een breed palet aan aantrekkelijke, toegankelijke en verantwoorde financieringsmogelijkheden realiseren</t>
  </si>
  <si>
    <t>Individuele initiatieven ondersteunen. In 2030, 775 woningen transitie gereed</t>
  </si>
  <si>
    <t>zoveel mogelijk isoleren, stappen zetten naar aardgasvrij ready, definitieve selectie voorkeurstechnieken</t>
  </si>
  <si>
    <t>Afhankelijk van temperatuur warmteoplossing, bij warmtepomp minimaal schillabel B, bij warmtenet of hybride warmtepomp minimaal C/D</t>
  </si>
  <si>
    <t>Geen wijzigingen</t>
  </si>
  <si>
    <t>40</t>
  </si>
  <si>
    <t>BU02699997</t>
  </si>
  <si>
    <t>WK026999</t>
  </si>
  <si>
    <t>GM0269</t>
  </si>
  <si>
    <t>Oldebroek</t>
  </si>
  <si>
    <t>2021BU02699997</t>
  </si>
  <si>
    <t>buurten.4abaea47-3f9c-43cd-88a7-85787a0ed9ce</t>
  </si>
  <si>
    <t>energieneutraal en aardgasvrij in 2050</t>
  </si>
  <si>
    <t>DC026901</t>
  </si>
  <si>
    <t>Transitievisie warmte gemeente Oldebroek: aardgasvrij wonen Oldebroek</t>
  </si>
  <si>
    <t>Voorwaarden:, Betrekken van lokale bevolking, Versterken lokale economie, Betaalbaarheid en betrouwbaarheid, Gebiedsgericht werken, Flexibel in de uitvoering en ontwikkelingen meenemen</t>
  </si>
  <si>
    <t>Samen optrekken (met stakeholders) om van elkaar te leren en de transitie te versnellen</t>
  </si>
  <si>
    <t>9.000 woningen aardgasvrij in 2050</t>
  </si>
  <si>
    <t>https://veluweduurzaam.nl/wp-content/uploads/2021/05ransitievisie-warmte-Gemeente-Oldebroek.pdf</t>
  </si>
  <si>
    <t>PL0269010006</t>
  </si>
  <si>
    <t>voor 2030</t>
  </si>
  <si>
    <t>Voorwaarden:- In gesprek gaan met bewoners voor peilen draagvlak en het ontplooien van initiatieven- Middelen vanuit Rijk gebruiken voor coordinatie plan</t>
  </si>
  <si>
    <t>Warmtetransitie van start: stappen zetten richting aardgasvrij in 2050</t>
  </si>
  <si>
    <t>Warmtepomp en/of Gasketel</t>
  </si>
  <si>
    <t>hWP,Hr</t>
  </si>
  <si>
    <t>BU02739997</t>
  </si>
  <si>
    <t>WK027399</t>
  </si>
  <si>
    <t>2021BU02739997</t>
  </si>
  <si>
    <t>buurten.053685e6-6757-495b-a209-ed8e50aceef7</t>
  </si>
  <si>
    <t>BU03029997</t>
  </si>
  <si>
    <t>WK030299</t>
  </si>
  <si>
    <t>2021BU03029997</t>
  </si>
  <si>
    <t>buurten.e44eb562-add2-4396-b21b-2f501a36dd39</t>
  </si>
  <si>
    <t>PL0302010001</t>
  </si>
  <si>
    <t>Buurten Nunspeet voor 1990</t>
  </si>
  <si>
    <t>500 woningen transitiegereed maken (=isolatieaanpak+electrisch koken, regionaal)</t>
  </si>
  <si>
    <t>BU03039997</t>
  </si>
  <si>
    <t>WK030399</t>
  </si>
  <si>
    <t>GM0303</t>
  </si>
  <si>
    <t>Dronten</t>
  </si>
  <si>
    <t>2021BU03039997</t>
  </si>
  <si>
    <t>buurten.f7357035-08f9-4d27-88bf-1791322a9619</t>
  </si>
  <si>
    <t>GM0995</t>
  </si>
  <si>
    <t>DC099501</t>
  </si>
  <si>
    <t>Op weg naar nieuwe energie</t>
  </si>
  <si>
    <t>PL0995010001</t>
  </si>
  <si>
    <t>maatregelen uitvoerbaar en betaalbaar</t>
  </si>
  <si>
    <t>Reeds bestaande aanpak van het energieloket intensiveren en stadsbreed</t>
  </si>
  <si>
    <t>BU03139997</t>
  </si>
  <si>
    <t>WK031399</t>
  </si>
  <si>
    <t>2021BU03139997</t>
  </si>
  <si>
    <t>buurten.0eea8de2-f580-4a36-bc0f-336abeb48494</t>
  </si>
  <si>
    <t>GM0317</t>
  </si>
  <si>
    <t>Eemnes</t>
  </si>
  <si>
    <t>DC031701</t>
  </si>
  <si>
    <t>Transitievisie Warmte Eemnes</t>
  </si>
  <si>
    <t>Transitievisie warmte Bunschoten</t>
  </si>
  <si>
    <t>2021-09-22</t>
  </si>
  <si>
    <t>1. Iedereen moet mee kunnen doen, 2. De laagste kosten, 3. Logische momenten, 4. Energiebesparing, 5. Transparantie, 6. Bredere impact en 7. Nieuwe inzichten.</t>
  </si>
  <si>
    <t>Om aan het einddoel te voldoen, is energie besparen een belangrijke eerste stap. Tot de uitvoeringsplannen klaar zijn, kan er van alles gedaan worden. Inwoners en bedrijven kunnen bijvoorbeeld al beginnen met het goed isoleren van hun woningen of gebouwe</t>
  </si>
  <si>
    <t>De warmtetransitie in de gemeente Eemnes zal vooral pas na 2030 gebeuren. Tegelijk willen ze aanzienlijke stappen zetten voor 2040. Dat geeft ze de ruimte om nog na 2040 te focussen op lastige gebouwen en gebieden. Als de gemeente dit tijdspad volgt, dan</t>
  </si>
  <si>
    <t>https://eemnes.bestuurlijkeinformatie.nl/Agenda/Document/8a40ed82-8bdf-4f9a-b0ad-b9ee45a76157?documentId=ddb3e2b8-fae5-4b56-adc7-5fe4f1b97aa8</t>
  </si>
  <si>
    <t>PL0317010006</t>
  </si>
  <si>
    <t>Gemeente Bunschoten: gemeentebreed</t>
  </si>
  <si>
    <t>In concept(afwachtend). De gemeente wil bewoners en ondernemers hier zo lang mogelijk de tijd voor geven en kiest daarom voor een natuurlijk tempo: niet de hele buurt tegelijk, maar elk gebouw op een logisch moment, bijvoorbeeld bij een verbouwing of ver</t>
  </si>
  <si>
    <t>voorsorterend. Voor deze buurten liggen individuele warmteoplossingen per gebouw voor de hand.</t>
  </si>
  <si>
    <t>Gemeente brede isolatie + op ten duur aardgasvrij</t>
  </si>
  <si>
    <t>Vooroorlogse woningen (&lt;1940) label C/D. Naoorlogs label A/B.</t>
  </si>
  <si>
    <t>Schillabel D/C (&lt;1940) A/B (overig)</t>
  </si>
  <si>
    <t>Warmtepomp</t>
  </si>
  <si>
    <t>Elektra en omgevingswarmte</t>
  </si>
  <si>
    <t>omgevingswarmte</t>
  </si>
  <si>
    <t>BU03179997</t>
  </si>
  <si>
    <t>WK031799</t>
  </si>
  <si>
    <t>2021BU03179997</t>
  </si>
  <si>
    <t>buurten.df550144-2cfa-41af-ac1a-a638c144aadc</t>
  </si>
  <si>
    <t>BU03639997</t>
  </si>
  <si>
    <t>WK036399</t>
  </si>
  <si>
    <t>GM0363</t>
  </si>
  <si>
    <t>Amsterdam</t>
  </si>
  <si>
    <t>2021BU03639997</t>
  </si>
  <si>
    <t>buurten.008cf318-49b3-4a4c-b62f-0626f9ce8113</t>
  </si>
  <si>
    <t>aardgasvrij in 2040</t>
  </si>
  <si>
    <t>DC036301</t>
  </si>
  <si>
    <t>Transitievisie Warmte Amsterdam</t>
  </si>
  <si>
    <t>2020-08-18</t>
  </si>
  <si>
    <t>amsterdammers laten weten wat de overstap voor hen betekent, houvast geven, tijdpad schetsen, per buurt bekeijken welk alternatief de laagste kosten voor de stad heeft</t>
  </si>
  <si>
    <t>t.o.v. 2017: 35% CO2-reductie in 2030, 85-95% in 2040, 90-100% in 2050</t>
  </si>
  <si>
    <t>https://www.amsterdam.nl/bestuur-en-organisatie/volg-beleid/duurzaamheid/aardgasvrij/</t>
  </si>
  <si>
    <t>PL0363010004</t>
  </si>
  <si>
    <t>PL0363010006</t>
  </si>
  <si>
    <t>Vanaf 2030 warmtenetbuurt: gefaseerd starten</t>
  </si>
  <si>
    <t>aardgasvrije gasnetten Amsterdam</t>
  </si>
  <si>
    <t>Afleverset en/of individueel gasloos alternatief</t>
  </si>
  <si>
    <t>Hybride Warmtepomp en/of gasketel</t>
  </si>
  <si>
    <t>aquathermie en/of datacenter restwarmte  en/of geothermie en/of restwarmte</t>
  </si>
  <si>
    <t>aquathermie en/of restwarmte (datacenter) en/of geothermie</t>
  </si>
  <si>
    <t>aquathermie, restwarmte, geothermie</t>
  </si>
  <si>
    <t>11</t>
  </si>
  <si>
    <t>BU03639998</t>
  </si>
  <si>
    <t>2021BU03639998</t>
  </si>
  <si>
    <t>buurten.97a5deed-6c6c-40cd-aba9-049109da5c6d</t>
  </si>
  <si>
    <t>transformatiegebieden Amsterdam</t>
  </si>
  <si>
    <t>E,W,K</t>
  </si>
  <si>
    <t>WKO</t>
  </si>
  <si>
    <t>50</t>
  </si>
  <si>
    <t>BU03739998</t>
  </si>
  <si>
    <t>WK037399</t>
  </si>
  <si>
    <t>GM0373</t>
  </si>
  <si>
    <t>Bergen (NH.)</t>
  </si>
  <si>
    <t>2021BU03739998</t>
  </si>
  <si>
    <t>buurten.fa5ea530-14ba-4c00-a8f3-1148c93e817e</t>
  </si>
  <si>
    <t>BU03759998</t>
  </si>
  <si>
    <t>WK037599</t>
  </si>
  <si>
    <t>GM0375</t>
  </si>
  <si>
    <t>Beverwijk</t>
  </si>
  <si>
    <t>2021BU03759998</t>
  </si>
  <si>
    <t>buurten.be3f6d22-ef81-448b-8fa3-575800db7aa7</t>
  </si>
  <si>
    <t>BU03769997</t>
  </si>
  <si>
    <t>WK037699</t>
  </si>
  <si>
    <t>GM0376</t>
  </si>
  <si>
    <t>Blaricum</t>
  </si>
  <si>
    <t>2021BU03769997</t>
  </si>
  <si>
    <t>buurten.282c81e3-a9ac-49da-9397-5a824c1cdd24</t>
  </si>
  <si>
    <t>DC037601</t>
  </si>
  <si>
    <t>Transitievisie Warmte Gemeente BlaricumRoute naar een aardgasvrij Blaricum</t>
  </si>
  <si>
    <t>In deze TVW zijn de mogelijke duurzamewarmteoplossingen voor Blaricum in beeldgebracht. Op basis van de laagste nationalekosten (de kosten voor de maatschappijals geheel) en eindgebruikerskosten is eenvoorkeursoplossing bepaald</t>
  </si>
  <si>
    <t>https://www.blaricum.nl/inwoners/Bouwen/Duurzaam_Blaricum/Blaricum_aardgasvrij</t>
  </si>
  <si>
    <t>PL0376010003</t>
  </si>
  <si>
    <t>Verduurzamen gemeentelijkvastgoed</t>
  </si>
  <si>
    <t>Momenteel wordt voor meerdere accommodaties onderzoek gedaan en/of worden voorbereidingen getroffen middels voorstellen in de MJOPs om de korte termijn duurzaamheidsmaatregelen uit te voeren.</t>
  </si>
  <si>
    <t>BU03779998</t>
  </si>
  <si>
    <t>WK037799</t>
  </si>
  <si>
    <t>GM0377</t>
  </si>
  <si>
    <t>Bloemendaal</t>
  </si>
  <si>
    <t>2021BU03779998</t>
  </si>
  <si>
    <t>buurten.0a60339a-60c9-43e3-89da-ec1987e6ccad</t>
  </si>
  <si>
    <t>GM0473</t>
  </si>
  <si>
    <t>Zandvoort</t>
  </si>
  <si>
    <t>25% aardgasreductie in 2030</t>
  </si>
  <si>
    <t>DC037701</t>
  </si>
  <si>
    <t>DC047301</t>
  </si>
  <si>
    <t>Transitievisie Warmte Bloemendaal</t>
  </si>
  <si>
    <t>Zandvoortse transitievisie warmte; Naar een duurzaam verwarmd Zandvoort</t>
  </si>
  <si>
    <t>2021-11-11</t>
  </si>
  <si>
    <t>De overstap moet woonlastenneutraal plaats vinden. Bovendien moeten de plannen toegankelijk, participatief en democratisch tot stand komen. We bieden bewoners een handelingsperspectief en een opt-out om voor andere warmte-alternatieven te kiezen. Tenslot</t>
  </si>
  <si>
    <t>De overstap naar volledig aardgasvrij moet voor de eindgebruiker woonlastenneutraal zijn</t>
  </si>
  <si>
    <t>Antwoord op hoe de warmtevraag op een duurzame manier kan worden ingevuld doormiddel van passende routes.</t>
  </si>
  <si>
    <t>We betrekken onze inwoners en werken aan draagvlak door eerlijk en duidelijk over de warmtetransitie te communiceren. De Transitievisie Warmte zal iedere vijf jaar worden herijkt om hierin de nieuwste inzichten op het gebied van innovatie en wet, en rege</t>
  </si>
  <si>
    <t>De biedt TVW een eerste inzicht in de voorkeursoplossing en handelingsperspectief per buurt om de komende jaren aan de slag te gaan met planvorming en haalbaarheidsstudies. In deze TVW worden dus nog geen definitieve keuzes gemaakt voor de warmteopties p</t>
  </si>
  <si>
    <t>Tot 2030 25% aardgasbesparing doormiddel van isoleren en warmtepompen, geen startwijken of buurten aangewezen.</t>
  </si>
  <si>
    <t>https://gemeenteraad.bloemendaal.nl/Documenten/02-Transitievisie-Warmte-2021-2021002944.pdf</t>
  </si>
  <si>
    <t>https://zandvoort.raadsinformatie.nl/document/11006865/1/Bijlage+1+-+Transitievisie+warmte+_</t>
  </si>
  <si>
    <t>PL0377010001</t>
  </si>
  <si>
    <t>PL0473010004</t>
  </si>
  <si>
    <t>Bloemendaal en buitengebied</t>
  </si>
  <si>
    <t>Nieuw-Noord (bedrijventerrein), Recreatiepark, strandpaviljoens</t>
  </si>
  <si>
    <t>Uitvoerend</t>
  </si>
  <si>
    <t>Deze buurten volgen voorlopig het tempo van de gebouweigenaren. Het tempo zal mede bepaald worden door de verplichtingen die bedrijven hebben onder de Wet milieubeheer om energie te besparen, en de handhaving van de Omgevingsdienst hierop.</t>
  </si>
  <si>
    <t>Voldoende draagvlak en woonlastenneutraal</t>
  </si>
  <si>
    <t>Op bedrijventerreinen en recreatieterreinen zullen individuele en kleinschalig collectieve warmteopties voorkomen. Het gaat daarbij om all-electric, maar ook om WKO-netten die naast warmte ook kou kunnen leveren. De energie-infrastructuur op een bedrijve</t>
  </si>
  <si>
    <t>Transitiegereed maken en hybride warmte pompen</t>
  </si>
  <si>
    <t>Maatwerk</t>
  </si>
  <si>
    <t>Groen gas indien beschikbaaren betaalbaar, deels duurzame elektriciteit uitnetwerk, aangevuld metdecentrale opwek zoals zonop dak</t>
  </si>
  <si>
    <t>WKO mogelijk</t>
  </si>
  <si>
    <t>hernieuwbaar gas (groengas)</t>
  </si>
  <si>
    <t>BU03839998</t>
  </si>
  <si>
    <t>WK038399</t>
  </si>
  <si>
    <t>GM0383</t>
  </si>
  <si>
    <t>Castricum</t>
  </si>
  <si>
    <t>2021BU03839998</t>
  </si>
  <si>
    <t>buurten.6c435349-0ff6-4400-a6cc-72c6cfba8cbd</t>
  </si>
  <si>
    <t>BU03849997</t>
  </si>
  <si>
    <t>WK038499</t>
  </si>
  <si>
    <t>GM0384</t>
  </si>
  <si>
    <t>Diemen</t>
  </si>
  <si>
    <t>2021BU03849997</t>
  </si>
  <si>
    <t>buurten.8221c219-114a-46df-a6ed-7d540e5449ce</t>
  </si>
  <si>
    <t>Gooise Meren</t>
  </si>
  <si>
    <t>Transitievisie warmte voor de gemeente Diemen</t>
  </si>
  <si>
    <t>2022-02-16</t>
  </si>
  <si>
    <t>Algemene uitgangspunten:, We houden de overgang zo betaalbaar mogelijk, We doen het samen, We werken in stappen, We nemen maatregelen waar we geen spijt van krijgen: we isoleren, We onderzoeken collectieve warmteoplossingen, We verwarmen hybride als tuss</t>
  </si>
  <si>
    <t>Er zijn tal van mogelijkheden om vanaf 2022 aan de slag te gaan. We maken bewust nog geen keuze of prioritering. De vraag waar er gestart kan worden met een concreet project, waar we als eerste de buurt in gaan, voor welke wijk we een eerste wijkuitvoeri</t>
  </si>
  <si>
    <t>In 2040 een fossiel onafhankelijke gemeente.</t>
  </si>
  <si>
    <t>https://bestuur.gooisemeren.nl/fileadmin/Beleidsnota_s/Energietransitie/transitievisie-warmte-gooise-meren.pdf</t>
  </si>
  <si>
    <t>https://www.diemen.nl/gasvrij/Home/Inrichting_homepageerugblik_2021%3AHAuNUrY5TgKBJv1uXN9tkwransitievisie_Warmte.pdf</t>
  </si>
  <si>
    <t>PL0363010005</t>
  </si>
  <si>
    <t>PL1942010044</t>
  </si>
  <si>
    <t>Isoleren</t>
  </si>
  <si>
    <t>Voorsorterend. Langs de grens tussen Duivendrecht en Diemen-Zuid loopt een bestaand warmtenet van Vattenfal (MT/HT).Haalbaarheid onderzoeken voor een LT-warmtenet via Aquathermie en (in combinatie met) restwarmte datacenter.</t>
  </si>
  <si>
    <t>voorsorterend. Lang niet alle woningen in de gemeente Diemen hebben het gewenste energielabel B.</t>
  </si>
  <si>
    <t>De haalbaarheid en ambitie voor deze kansen dienen onderzocht te worden.</t>
  </si>
  <si>
    <t>In 2026 wordt de visie herijkt en mogelijk iser dan meer zicht op de realisatie van oplossingen voor deze buurten. Ook voor deze overige 39 tot 41buurten dient eerst een verkenning te worden gedaan.</t>
  </si>
  <si>
    <t>Aquathermie, Restwarmte, WKO</t>
  </si>
  <si>
    <t>20</t>
  </si>
  <si>
    <t>BU03859997</t>
  </si>
  <si>
    <t>WK038599</t>
  </si>
  <si>
    <t>GM0385</t>
  </si>
  <si>
    <t>Edam-Volendam</t>
  </si>
  <si>
    <t>2021BU03859997</t>
  </si>
  <si>
    <t>buurten.19ca6c10-682a-4f17-b568-b31243921229</t>
  </si>
  <si>
    <t>DC038501</t>
  </si>
  <si>
    <t>Wonen in Edam-Volendam zonder aardgas</t>
  </si>
  <si>
    <t>2020-04-07</t>
  </si>
  <si>
    <t>Realistische en goed onderbouwde keuzes, duidelijkheid waar, hoe en wanneer er concreet aan de slag kan worden gegaan. Betaalbare aardgasvrije oplossingen. Starten in buurten waar oplossingen het meest duidelijk zijn.</t>
  </si>
  <si>
    <t>Per 6 jaar de TVW actualiseren, nieuwe wijken kunnen worden aangewezen met potentie voor alternatieven</t>
  </si>
  <si>
    <t>Aardgasvrij in 2050</t>
  </si>
  <si>
    <t>https://www.edam-volendam.nl/downloadegelgevingatuur%20Milieuransitievisie%20Warmte%20Edam-Volendam.pdf</t>
  </si>
  <si>
    <t>PL0385010022</t>
  </si>
  <si>
    <t>1131P</t>
  </si>
  <si>
    <t>Draagvlak en betaalbaarheid voor de warmteoplossing in de wijk, er is schaal te maken, geplande investeringen in renovaties en infrastructuur, warmtenet of warmtebron in de buurt, de overstap is financieel haalbaar en gaat uit van de laagst maatschappeli</t>
  </si>
  <si>
    <t>BU03889997</t>
  </si>
  <si>
    <t>WK038899</t>
  </si>
  <si>
    <t>GM0388</t>
  </si>
  <si>
    <t>Enkhuizen</t>
  </si>
  <si>
    <t>2021BU03889997</t>
  </si>
  <si>
    <t>buurten.3364f856-42c5-4cf8-a977-f0a4a1d7e8d5</t>
  </si>
  <si>
    <t>GM0532</t>
  </si>
  <si>
    <t>Stede Broec</t>
  </si>
  <si>
    <t>aardgasvrij en fossiele brandstof-vrij in 2050</t>
  </si>
  <si>
    <t>DC038801</t>
  </si>
  <si>
    <t>DC053201</t>
  </si>
  <si>
    <t>Transitievisie Warmte, Stede Broec, Enkhuizen, Drechterland</t>
  </si>
  <si>
    <t>2021-08-16</t>
  </si>
  <si>
    <t>betaalbaar, draagvlak, overlast beperken</t>
  </si>
  <si>
    <t>draagvlak bepaalt het tempo</t>
  </si>
  <si>
    <t>fossiele brandstof-vrij in 2050</t>
  </si>
  <si>
    <t>https://enkhuizen.raadsinformatie.nl/vergadering/810007/gemeenteraad%2028-09-2021</t>
  </si>
  <si>
    <t>https://stedebroec.notubiz.nl/vergadering/806509#ai_6227111</t>
  </si>
  <si>
    <t>PL0388010003</t>
  </si>
  <si>
    <t>PL0532010003</t>
  </si>
  <si>
    <t>geen</t>
  </si>
  <si>
    <t>zoveel mogelijk besparen van aardgas</t>
  </si>
  <si>
    <t>BU03969998</t>
  </si>
  <si>
    <t>WK039699</t>
  </si>
  <si>
    <t>GM0396</t>
  </si>
  <si>
    <t>Heemskerk</t>
  </si>
  <si>
    <t>2021BU03969998</t>
  </si>
  <si>
    <t>buurten.b52a3574-400f-4703-83f3-26a3d4ae27e1</t>
  </si>
  <si>
    <t>BU04009998</t>
  </si>
  <si>
    <t>WK040099</t>
  </si>
  <si>
    <t>GM0400</t>
  </si>
  <si>
    <t>Den Helder</t>
  </si>
  <si>
    <t>2021BU04009998</t>
  </si>
  <si>
    <t>buurten.2e554863-f5cd-446e-8827-eca8244c4fc3</t>
  </si>
  <si>
    <t>GM0441</t>
  </si>
  <si>
    <t>Schagen</t>
  </si>
  <si>
    <t>20% aardgas besparen</t>
  </si>
  <si>
    <t>DC040001</t>
  </si>
  <si>
    <t>DC044101</t>
  </si>
  <si>
    <t>Transitievisie warmte 2021 Gemeente Schagen</t>
  </si>
  <si>
    <t>Transitievisie warmte Den Helder</t>
  </si>
  <si>
    <t>1905-07-13</t>
  </si>
  <si>
    <t>2021-09-14</t>
  </si>
  <si>
    <t>betaalbaar, CO2-reductie</t>
  </si>
  <si>
    <t>technische en economische haalbaarheid, contracteerbaarheid, sociaal-economisch</t>
  </si>
  <si>
    <t>gebiedsgericht werken</t>
  </si>
  <si>
    <t>stap voor stap maken we in een periode van dertig jaar de woningen en gebouwen in Schagen aardgasvrij. De eerste stap is isolatie van de woningen.</t>
  </si>
  <si>
    <t>3000 woningen aardgasvrij-gereed maken (20%) in 2030. Aardgasvrij in 2050</t>
  </si>
  <si>
    <t>aardgasvrij en energieneutraal in 2040</t>
  </si>
  <si>
    <t>https://gemeenteraad.denhelder.nl/Vergaderingen/Raadscommissie-Stadsontwikkeling-en-Beheer/2021/08-december/19:30/Voorstel-tot-het-vaststellen-van-de-Transitievisie-warmte/</t>
  </si>
  <si>
    <t>https://raad.schagen.nl/Documenten/Besluit-Transitievisie-Warmte-Schagen-Schagen-samen-aardgasvrij-1.pd</t>
  </si>
  <si>
    <t>PL0400010001</t>
  </si>
  <si>
    <t>PL0441010005</t>
  </si>
  <si>
    <t>Buurtuitvoeringsplan</t>
  </si>
  <si>
    <t>Wijk Stad binnen de Linie en wijk De Schooten</t>
  </si>
  <si>
    <t>2024</t>
  </si>
  <si>
    <t>aardgasvrij</t>
  </si>
  <si>
    <t>aquathermie</t>
  </si>
  <si>
    <t>BU04059997</t>
  </si>
  <si>
    <t>WK040599</t>
  </si>
  <si>
    <t>GM0405</t>
  </si>
  <si>
    <t>Hoorn</t>
  </si>
  <si>
    <t>2021BU04059997</t>
  </si>
  <si>
    <t>buurten.38d59a54-ea19-48ea-9b40-819250f90fa6</t>
  </si>
  <si>
    <t>DC040501</t>
  </si>
  <si>
    <t>Wonen in Hoorn zonder aardgas</t>
  </si>
  <si>
    <t>2019-07-09</t>
  </si>
  <si>
    <t>We willen dat bewoners en andere eindgebruikerseen betaalbare energierekening houden en geen onevenredige last leggen op mensen meteen kleine beurs. Beginnen in wijken met de laagste maatschappelijke kosten. Voorkomen desinvesteren.</t>
  </si>
  <si>
    <t>TVW geeft focus en richting maar is geen eindpunt. De TVW zal eens in de 5 jaar geactualiseerd worden. Nieuwe wijken aanwijzen potentiele alternatieven. Hiermee is het mogelijk periodiek de voortgang te volgen en tijdig bij te sturen als blijktdat het ei</t>
  </si>
  <si>
    <t>In 2040 aardgas vrij zijn</t>
  </si>
  <si>
    <t>https://www.puurhoorn.nl/wp-content/uploads/2020/03ransitievisie-Warmte-Hoorn.pdf</t>
  </si>
  <si>
    <t>PL0405010006</t>
  </si>
  <si>
    <t>PL0405010014</t>
  </si>
  <si>
    <t>Binnenstad - Buurt 10 00</t>
  </si>
  <si>
    <t>Veenenlaankwartier (Venelaankwartier- Buurt 11 03, Buurt 11 02)</t>
  </si>
  <si>
    <t>2025</t>
  </si>
  <si>
    <t>Warmteoptie met de laagste maatschappelijke kosten. Veel corporatiebezit of maatschappelijk vastgoed. Meenemen geplande werkzaamheden. Warmtenet of warmtebron in de buurt. Actieve bewoners.</t>
  </si>
  <si>
    <t>Uitbreiding duurzaam warmtenetwerk</t>
  </si>
  <si>
    <t>Gasnet (voorlopig)</t>
  </si>
  <si>
    <t>Thermische energie uit rioolwater, afvalwater of oppervlaktewater</t>
  </si>
  <si>
    <t>BU04069997</t>
  </si>
  <si>
    <t>WK040699</t>
  </si>
  <si>
    <t>GM0406</t>
  </si>
  <si>
    <t>Huizen</t>
  </si>
  <si>
    <t>2021BU04069997</t>
  </si>
  <si>
    <t>buurten.374764a1-0b31-4ad4-b171-7a77b3a9d9f8</t>
  </si>
  <si>
    <t>aardgasvrij en klimaatneutraal in 2050</t>
  </si>
  <si>
    <t>Warmtevisie 2022-2026 Gemeente Huizen NU ISOLEREN, STRAKS AARDGASVRIJ</t>
  </si>
  <si>
    <t>2021-11-02</t>
  </si>
  <si>
    <t>Iedereen moet mee kunnen doen, p.18Verleiden boven verplichten, p.18Warmtevoorziening is betrouwbaar, duurzaam en betaalbaar, p.19Voldoende slagkracht, p.19Bewezen aanpak boven experimenten, p.19</t>
  </si>
  <si>
    <t>De warmtevisie wordt, zostelt het Klimaatakkoord voor, vormgegevenals onderdeel van de omgevingsvisie endaarmee samenhangende programmas enomgevingsplannen.</t>
  </si>
  <si>
    <t>In deze visie wordt aangegeven wat op basis van de huidige informatie en kennis de meestwaarschijnlijke aardgasvrije oplossing is voor de verschillende buurten van Gooise Meren. Tevenswordt de fasering van de route naar het aardgasvrij maken van de versc</t>
  </si>
  <si>
    <t>https://www.huizen.nl/warmtevisie</t>
  </si>
  <si>
    <t>PL0376010002</t>
  </si>
  <si>
    <t>Energiebesparing bij bedrijven</t>
  </si>
  <si>
    <t>Zenderwijk, Stad en Lande, Bijvanck Noord, Bijvanck West, Huizermaat Zuid, Huizermaat Noord, De Tuit</t>
  </si>
  <si>
    <t>Warmtenetten op lage temperatuur (LT) vragen, net als bij een elektrische warmtepomp, verregaande woningisolatie (tot minstens label B) en een LT-afgiftesysteem.</t>
  </si>
  <si>
    <t>Nu isoleren, straks aardgasvrij,</t>
  </si>
  <si>
    <t>Label B (minimaal)</t>
  </si>
  <si>
    <t>BU04209997</t>
  </si>
  <si>
    <t>WK042099</t>
  </si>
  <si>
    <t>GM0420</t>
  </si>
  <si>
    <t>Medemblik</t>
  </si>
  <si>
    <t>2021BU04209997</t>
  </si>
  <si>
    <t>buurten.5dacc383-134b-4525-bcad-0eb3b48c39bb</t>
  </si>
  <si>
    <t>DC042001</t>
  </si>
  <si>
    <t>Op weg naar een aardgasvrije gemeente Medemblik: Transitievisie Warmte Gemeente Medemblik</t>
  </si>
  <si>
    <t>2021-12-17</t>
  </si>
  <si>
    <t>betaalbaar, realistisch, duurzaam, gedragen</t>
  </si>
  <si>
    <t>Inzicht geven in kansrijke oplossingen en het tempo dat de komende jaren wordt aangehouden</t>
  </si>
  <si>
    <t>19% van gebouwde omgeving (excl tuinbouw) verduurzaamd</t>
  </si>
  <si>
    <t>https://api1.ibabs.eu/publicdownload.aspx?site=medemblik&amp;id=100109085</t>
  </si>
  <si>
    <t>PL0420010005</t>
  </si>
  <si>
    <t>diverse kernen all-electric eindbeeld</t>
  </si>
  <si>
    <t>kansrijke optie</t>
  </si>
  <si>
    <t>woningeigenaren kiezen individueel, elektriciteitsnet moet toereikend zijn</t>
  </si>
  <si>
    <t>BU04419998</t>
  </si>
  <si>
    <t>WK044199</t>
  </si>
  <si>
    <t>2021BU04419998</t>
  </si>
  <si>
    <t>buurten.10940867-01e9-47ae-839d-fe882f2c56d3</t>
  </si>
  <si>
    <t>PL0441010001</t>
  </si>
  <si>
    <t>Verkenning kansen warmtenet</t>
  </si>
  <si>
    <t>isoleren van woningen, doorkijk aardgasvrij maken, minimaal helft van beoogde groep woningeigenaren doen mee</t>
  </si>
  <si>
    <t>BU04489998</t>
  </si>
  <si>
    <t>WK044899</t>
  </si>
  <si>
    <t>GM0448</t>
  </si>
  <si>
    <t>Texel</t>
  </si>
  <si>
    <t>2021BU04489998</t>
  </si>
  <si>
    <t>buurten.7cae8edc-2abb-44f6-a490-4f33344d4409</t>
  </si>
  <si>
    <t>BU04539998</t>
  </si>
  <si>
    <t>WK045399</t>
  </si>
  <si>
    <t>GM0453</t>
  </si>
  <si>
    <t>Velsen</t>
  </si>
  <si>
    <t>2021BU04539998</t>
  </si>
  <si>
    <t>buurten.a3279cae-e0fb-43a4-af82-134014106fa9</t>
  </si>
  <si>
    <t>klimaatneutraal in 2035</t>
  </si>
  <si>
    <t>DC045301</t>
  </si>
  <si>
    <t>Wonen in Velsen zonder aardgas, Transitievisie Warmte, Op weg naar een aardgasvrije gebouwde omgeving</t>
  </si>
  <si>
    <t>2021-03-26</t>
  </si>
  <si>
    <t>capaciteit en middelen bij zowel de gemeente als de stakeholders en uitvoerende partijen,  gedeelde verantwoordelijkheid in de financiering, een passend aanbod aan warmtebronnen, eerlijke verdeling vd kosten</t>
  </si>
  <si>
    <t>samen met partners</t>
  </si>
  <si>
    <t>CO2-reductie van 55% in 2030, in 2050 CO2-neutraal</t>
  </si>
  <si>
    <t>https://ris2.ibabs.eu/Agenda/Details/Velsen/1a6c76f7-2805-4b53-a3d2-5605353d8200</t>
  </si>
  <si>
    <t>PL0453010001</t>
  </si>
  <si>
    <t>Ijmuiden</t>
  </si>
  <si>
    <t>voorbereiden gebouwen op een aardgasvrije toekomst door isoleren (vloer, gevels, glas en dak), elektrische koken en andere energiebesparing (kierdichting, efficient ventileren) te stimuleren.Verlagen warmtevraag van woningen die voor 1990 zijn gebouwd.</t>
  </si>
  <si>
    <t>geothermie en/of restwarmte en/of biosmassa en/of riothermie en/of aquathermie</t>
  </si>
  <si>
    <t>geothermie en/of restwarmte en/of biomassa en/of aquathermie (riool)</t>
  </si>
  <si>
    <t>diverse opties mogelijk (&gt;3 genoemd)</t>
  </si>
  <si>
    <t>29</t>
  </si>
  <si>
    <t>BU04739998</t>
  </si>
  <si>
    <t>WK047399</t>
  </si>
  <si>
    <t>2021BU04739998</t>
  </si>
  <si>
    <t>buurten.d768a44e-d369-48f8-bbc6-369ece31ff49</t>
  </si>
  <si>
    <t>BU04989997</t>
  </si>
  <si>
    <t>WK049899</t>
  </si>
  <si>
    <t>GM0498</t>
  </si>
  <si>
    <t>Drechterland</t>
  </si>
  <si>
    <t>2021BU04989997</t>
  </si>
  <si>
    <t>buurten.53742573-de3b-44e3-b169-6c4682ebd661</t>
  </si>
  <si>
    <t>BU05059997</t>
  </si>
  <si>
    <t>WK050599</t>
  </si>
  <si>
    <t>GM0505</t>
  </si>
  <si>
    <t>Dordrecht</t>
  </si>
  <si>
    <t>2021BU05059997</t>
  </si>
  <si>
    <t>buurten.35c2862d-f302-4592-8652-ff4fffa1a2fc</t>
  </si>
  <si>
    <t>GM1709</t>
  </si>
  <si>
    <t>Moerdijk</t>
  </si>
  <si>
    <t>energieneutraal in 2050</t>
  </si>
  <si>
    <t>DC050501</t>
  </si>
  <si>
    <t>DC170901</t>
  </si>
  <si>
    <t>Transitievisie Warmte Dordrecht 2021</t>
  </si>
  <si>
    <t>Wonen in Moerdijk zonder aardgasRoute naar een aardgasvrije en duurzame gebouwde omgeving</t>
  </si>
  <si>
    <t>2021-11-04</t>
  </si>
  <si>
    <t>Tot 2030 niemand gedwongen van aardgas af.Voor veel inwoners is een all-electric warmtepomp nog niet betaalbaar. Duurzaam gas zal in de komende  tien jaar niet beschikbaar zijn. Aanvullende stimulering door de landelijke overheid is daarom nodig. Ook wil</t>
  </si>
  <si>
    <t>het Rijk moet financiele voorwaarden invullen, WCW is voorwaarde, overstap moet betaalbaar gemaakt worden.</t>
  </si>
  <si>
    <t>Duidelijke en tijdelijke communicatie met huiseigenaren; vrije keuze huiseigenaren in maatregelen; financiele haalbaar; een lange -termijnperspectief met ruimte voor toekomstige innovaties en oplossingen.Actualisering TVW in 2025</t>
  </si>
  <si>
    <t>bieden richting om met initiatieven uit de samenleving het gesprek aan te gaan</t>
  </si>
  <si>
    <t>12000 WEQ aardgasvrij in 2030, uit te breiden naar 25000 als aan alle voorwaarden wordt voldaan, 2050 energieneutraal</t>
  </si>
  <si>
    <t>30-40% aardgasbesparing in 2030 t.o.v. 2017In de komende jaren ligt de focus vooral op isolatie van oudere woningen en het transitiegereed maken van woningen. Zorgen dat de woningen &lt;1975 in 2030 transitiegereed zijn. Focus voor woningen &gt;1975 ligt op hy</t>
  </si>
  <si>
    <t>https://cms.dordrecht.nl/Inwoners/Overzicht_Inwoners/Natuur_en_milieu/Nieuwe_energie/Transitievisie_Warmte_2021</t>
  </si>
  <si>
    <t>https://www.moerdijk.nl/Docs/2021VW-Moerdijk.pdf</t>
  </si>
  <si>
    <t>PL0505010003</t>
  </si>
  <si>
    <t>PL1709010001</t>
  </si>
  <si>
    <t>Gemeentebreed</t>
  </si>
  <si>
    <t>all-electric Dordrecht 2021-2050</t>
  </si>
  <si>
    <t>voorbereidend. Planvorming</t>
  </si>
  <si>
    <t>voorzet voor individuele actie</t>
  </si>
  <si>
    <t>tijd om elektriciteitsnet te verzwaren</t>
  </si>
  <si>
    <t>Gemeentebreed stimuleren van energiebesparing:a) isolatie: woningen &lt;1990b) hybride warmtepomp stimuleren woningen &gt;1975c) vrijstaande woningen en vooroorlogse, aandacht voor buitengebied d) vooroorlogse woningene) gebouwen in eigendom van de gemeente</t>
  </si>
  <si>
    <t>Basisniveau (idealiter) of Minimumniveau (minimaal)</t>
  </si>
  <si>
    <t>BU05189998</t>
  </si>
  <si>
    <t>WK051899</t>
  </si>
  <si>
    <t>GM0518</t>
  </si>
  <si>
    <t>'s-Gravenhage</t>
  </si>
  <si>
    <t>2021BU05189998</t>
  </si>
  <si>
    <t>buurten.5859bb19-e4d2-4f64-93fe-3cc0c8058da9</t>
  </si>
  <si>
    <t>GM1783</t>
  </si>
  <si>
    <t>Westland</t>
  </si>
  <si>
    <t>s-Gravenhage</t>
  </si>
  <si>
    <t>aardgasvrij uiterlijk in 2050 (45.000 woningen en bijna 8.000 bedrijfspanden)</t>
  </si>
  <si>
    <t>voor een groot deel klaar zijn met de overstap naar schone energie in 2030</t>
  </si>
  <si>
    <t>DC051801</t>
  </si>
  <si>
    <t>DC178301</t>
  </si>
  <si>
    <t>Transitievisie Warmte Den Haag</t>
  </si>
  <si>
    <t>Warmtevisie Westland</t>
  </si>
  <si>
    <t>2001-09-29</t>
  </si>
  <si>
    <t>2022-02-23</t>
  </si>
  <si>
    <t>Schone warmteopties die betaalbaar en financierbaar zijn krijgen de voorkeur boven warmteopties die minder betaalbaar en minder financierbaar zijn.Bestaande of al geplande stroom, en warmtenetten kunnen invloed hebben op de warmteoptie in een buurt, even</t>
  </si>
  <si>
    <t>duurzaamheid, betrouwbaarheid, veiligheid en betaalbaarheid</t>
  </si>
  <si>
    <t>6 verkenningsbuurten waar als eerste gestart kan worden. Dit zijn de buur ten waar het mogelijk li kt om op kortere termijn (voor 2030) aardgasvrij te worden. Iedere 5 jaar update TVW</t>
  </si>
  <si>
    <t>De transitievisie warmte vormt het startpunt van uitvoeringsplannen per buurt, wijk of gebied. Bij uitvoeringsplannen worden alle belanghebbenden betrokken. De transitievisie warmte wordt regelmatig herzien. Wensen, zorgen en consequenties van de oversta</t>
  </si>
  <si>
    <t>In 2030 voor een groot deel klaar met de overstap naar groene energie. In Den Haag wordt er volop gewerkt aan de energietransitie. Van de ongeveer 260 duizend woningen in de stad zijn er inmiddels al 115.000 volledig op schone energie of voldoende voorbe</t>
  </si>
  <si>
    <t>aardgasvrij in uiterlijk 2050</t>
  </si>
  <si>
    <t>https://duurzamestad.denhaag.nl/wp-content/uploads/2022/07IS310442_Bijlage_Transitievisie_Warmte-gecomprimeerd.pdf</t>
  </si>
  <si>
    <t>https://westland.bestuurlijkeinformatie.nl/Agenda/Index/0da141e5-5094-4c26-b4ab-4d6cf7e48b9f#3594486d-841b-4603-8737-870ae65384d4</t>
  </si>
  <si>
    <t>PL0518010002</t>
  </si>
  <si>
    <t>PL1783010009</t>
  </si>
  <si>
    <t>Belgisch Park</t>
  </si>
  <si>
    <t>Westland buurten met natuurlijk tempo (2020-2050) (buitengebied)</t>
  </si>
  <si>
    <t>plan is vastgesteld</t>
  </si>
  <si>
    <t>Een warmtenet wordt hier mogelijk kansrijk genoeg als gebouweigenaren tegelijk willen aansluiten op een warmtenet.</t>
  </si>
  <si>
    <t>kosten moeten draagbaar zijn voor alle betrokkenen. Warmte moet gehaald of gemaakt worden uit hernieuwbare energiebronnen</t>
  </si>
  <si>
    <t>Buitengebied met veel jonge gebouwen en vakantiewoningen. Grondwater is hier beschermd. We houden daarmee rekening als we energie uit de grond halen.</t>
  </si>
  <si>
    <t>2030: (Hybride) Warmtepomp, 2040: Warmtepomp</t>
  </si>
  <si>
    <t>Warmtenet + Gasnet</t>
  </si>
  <si>
    <t>E,W,G</t>
  </si>
  <si>
    <t>Aardwarmte en warmte uit de directe omgeving</t>
  </si>
  <si>
    <t>bodemenergie, WKO</t>
  </si>
  <si>
    <t>bodemenergie en omgevingswarmte</t>
  </si>
  <si>
    <t>BU05309997</t>
  </si>
  <si>
    <t>WK053099</t>
  </si>
  <si>
    <t>GM0530</t>
  </si>
  <si>
    <t>Hellevoetsluis</t>
  </si>
  <si>
    <t>2021BU05309997</t>
  </si>
  <si>
    <t>buurten.43a1bf9a-979c-46d4-a4f2-b12232a7ba13</t>
  </si>
  <si>
    <t>BU05309998</t>
  </si>
  <si>
    <t>2021BU05309998</t>
  </si>
  <si>
    <t>buurten.175c174a-9415-4d5e-b1ef-c587797f5cc5</t>
  </si>
  <si>
    <t>GM1924</t>
  </si>
  <si>
    <t>Goeree-Overflakkee</t>
  </si>
  <si>
    <t>zelfvoorzienend vwb warmte en elektriciteit in 2050</t>
  </si>
  <si>
    <t>DC192401</t>
  </si>
  <si>
    <t>Transitievisie warmte 2021 voor Goeree-Overflakkee</t>
  </si>
  <si>
    <t>2021-02-01</t>
  </si>
  <si>
    <t>betaalbaarheid, maatschappelijk draagvlak, technische haalbaarheid, wet- en regelgeving, voldoende mankracht</t>
  </si>
  <si>
    <t>meer dan Energy Island, vooral een prettig eiland blijven; zoveel mogelijk stakeholders (bewoners) betrekken</t>
  </si>
  <si>
    <t>zelfvoorzienend (warmte en electra) in 2050</t>
  </si>
  <si>
    <t>https://goeree-overflakkee.raadsinformatie.nl/vergadering/786535</t>
  </si>
  <si>
    <t>PL1924010002</t>
  </si>
  <si>
    <t>PL1924010003</t>
  </si>
  <si>
    <t>Energiereductie goeree-overflakkee</t>
  </si>
  <si>
    <t>Kern Uitvoeringsplannen</t>
  </si>
  <si>
    <t>draagvlak boven 70%</t>
  </si>
  <si>
    <t>haalbaarheid isolatie, voldoende CO2-reductie, op korte termijn beschikbaar</t>
  </si>
  <si>
    <t>25% van de bestaande gebouwen (ongeveer 7.500) isoleren tot midden- of lagetemperatuurverwarming</t>
  </si>
  <si>
    <t>uitvoeringsplannen voor 5 dorpskernen opstellen</t>
  </si>
  <si>
    <t>BU05329997</t>
  </si>
  <si>
    <t>WK053299</t>
  </si>
  <si>
    <t>2021BU05329997</t>
  </si>
  <si>
    <t>buurten.1d6a1a46-eb43-4a1c-b023-a2087b116c89</t>
  </si>
  <si>
    <t>BU05379998</t>
  </si>
  <si>
    <t>WK053799</t>
  </si>
  <si>
    <t>GM0537</t>
  </si>
  <si>
    <t>Katwijk</t>
  </si>
  <si>
    <t>2021BU05379998</t>
  </si>
  <si>
    <t>buurten.072b388d-75d9-4da4-9e1b-8c055c8dc89c</t>
  </si>
  <si>
    <t>GM0629</t>
  </si>
  <si>
    <t>Wassenaar</t>
  </si>
  <si>
    <t>CO2-neutraal en fossiele brandstof-vrij in 2050</t>
  </si>
  <si>
    <t>DC062901</t>
  </si>
  <si>
    <t>TVW Wassenaar</t>
  </si>
  <si>
    <t>voor de eindgebruiker woonlastenneutraal. ; Als subsidies of andere maatregelen nodig zijn voor woonlastenneutraliteit zal dit uitsluitend via Rijksregelingen kunnen. ; Voor 2030 worden geen woningen of gebouwen verplicht van het aardgas afgesloten ;</t>
  </si>
  <si>
    <t>et doel van het participatietraject is om in gesprek en met brede steun van de bewoners en stakeholders in de buurten tot een gedegen en goed afgewogen visie te komen wat een reeel pad is voor de komende 30 jaar.</t>
  </si>
  <si>
    <t>warmtetransitie tegen de laagste nationale kosten te laten plaatsvinden</t>
  </si>
  <si>
    <t>https://wassenaar.bestuurlijkeinformatie.nl/Agenda/Index/6afc2f69-9753-4459-9f00-521e285489dc</t>
  </si>
  <si>
    <t>PL0629010005</t>
  </si>
  <si>
    <t>Wassenaar buiten-gebied (Meijendel; Eikenhorst; Raaphorst en Poldergebied; Duinrell en Wassenaarse Slag; Maaldrift)</t>
  </si>
  <si>
    <t>woonlastenneutraal. gelden vh Rijk.  Voor 2030 worden geen woningen of gebouwen verplicht van het aardgas afgesloten</t>
  </si>
  <si>
    <t>voor 80% vd buurten een alternatief bekend hebben voor 2030. In 2026 voor 30% vd buurten.</t>
  </si>
  <si>
    <t>BU05759998</t>
  </si>
  <si>
    <t>WK057599</t>
  </si>
  <si>
    <t>GM0575</t>
  </si>
  <si>
    <t>Noordwijk</t>
  </si>
  <si>
    <t>2021BU05759998</t>
  </si>
  <si>
    <t>buurten.56b18ef0-630f-41ea-8c1a-6cb2674b5a59</t>
  </si>
  <si>
    <t>DC057501</t>
  </si>
  <si>
    <t>Transitievisie Warmte gemeente Noordwijk</t>
  </si>
  <si>
    <t>2021-10-19</t>
  </si>
  <si>
    <t>Duurzaam, betrouwbaar, betaalbaar</t>
  </si>
  <si>
    <t>In de Transitievisie Warmte doen we een eerste inventarisatie van de routes die we kunnen nemen in de warmtetransitie. Het is nadrukkelijk een visie en nog geen uitvoeringsplan.</t>
  </si>
  <si>
    <t>Eerste stappen richting aardgasvrij in 2050</t>
  </si>
  <si>
    <t>https://noordwijk.bestuurlijkeinformatie.nl/Agenda/Index/cc4b647f-e7ec-41d1-9743-4f63072414e8#9510fbb2-2e4f-4ec3-8bb1-5158b4cac04c</t>
  </si>
  <si>
    <t>PL0575010002</t>
  </si>
  <si>
    <t>Verspreide huizen Langeveld, Sancta Maria, Verspreide huizen Zuiden en Oosten Noordwijk binnen, Dr. Mr. W. van den Bergh-stichting, Verspreide huizen ten zuiden van de gemeente Noordwijkerhout, Verspreide huizen in het centrum Noordwijkerhout, Kleine Zil</t>
  </si>
  <si>
    <t>De beschikbaarheid van warmtebronnen in de omgeving, Het type gebouw en het bouwjaar, De gebouwdichtheid, De geschiktheid van het elektriciteitsnetwerk en/of gasnetwerk, Het huidige energielabel van het gebouw en de potentie om het energielabel te verhog</t>
  </si>
  <si>
    <t>Afhankelijk van temperatuur warmteoplossing, bij warmtepomp minimaal schillabel B</t>
  </si>
  <si>
    <t>(Hybride) Warmtepomp en/of Gasketel</t>
  </si>
  <si>
    <t>hWP,eWP,Hr</t>
  </si>
  <si>
    <t>14</t>
  </si>
  <si>
    <t>Elektriciteit, Gas</t>
  </si>
  <si>
    <t>BU05999998</t>
  </si>
  <si>
    <t>WK059999</t>
  </si>
  <si>
    <t>GM0599</t>
  </si>
  <si>
    <t>Rotterdam</t>
  </si>
  <si>
    <t>2021BU05999998</t>
  </si>
  <si>
    <t>buurten.980c5826-e3c0-4dfe-af6c-7e170dfcb324</t>
  </si>
  <si>
    <t>BU06149998</t>
  </si>
  <si>
    <t>WK061499</t>
  </si>
  <si>
    <t>GM0614</t>
  </si>
  <si>
    <t>Westvoorne</t>
  </si>
  <si>
    <t>2021BU06149998</t>
  </si>
  <si>
    <t>buurten.143f4bbf-8037-470c-a8e1-c88b052e98f1</t>
  </si>
  <si>
    <t>BU06299998</t>
  </si>
  <si>
    <t>WK062999</t>
  </si>
  <si>
    <t>2021BU06299998</t>
  </si>
  <si>
    <t>buurten.c1a8d56f-5b96-4e5d-965b-37340e672cff</t>
  </si>
  <si>
    <t>PL0518010061</t>
  </si>
  <si>
    <t>Oostduinen</t>
  </si>
  <si>
    <t>Grondwater is hier beschermd. We houden daarmee rekening als we energie uit de grond halen.</t>
  </si>
  <si>
    <t>Buitengebied waar de huizen en gebouwen ver van elkaar af staan.</t>
  </si>
  <si>
    <t>Warmte uit de directe omgeving</t>
  </si>
  <si>
    <t>BU06549998</t>
  </si>
  <si>
    <t>WK065499</t>
  </si>
  <si>
    <t>GM0654</t>
  </si>
  <si>
    <t>Borsele</t>
  </si>
  <si>
    <t>2021BU06549998</t>
  </si>
  <si>
    <t>buurten.4b9ffc48-b416-4fae-9d46-00b41fdae9c0</t>
  </si>
  <si>
    <t>GM0718</t>
  </si>
  <si>
    <t>Vlissingen</t>
  </si>
  <si>
    <t>aardgasvrij in 2050, 49% CO2 reductie in 2030</t>
  </si>
  <si>
    <t>DC065401</t>
  </si>
  <si>
    <t>DC071801</t>
  </si>
  <si>
    <t>Transitievisie Warmte Borsele</t>
  </si>
  <si>
    <t>Transitievisie Warmte gemeente Kapelle</t>
  </si>
  <si>
    <t>gelden vanuit de Rijksoverheid om de transitie betaalbaar te maken</t>
  </si>
  <si>
    <t>haalbaar, betaalbaar en sociaal. nationale (duurzame) infrastructuur voor elektriciteit en gas.</t>
  </si>
  <si>
    <t>vormgeven doelgroepenaanpak (informeren/ motiveren/ faciliteren) voor isolatie en hwp en identificeren buurten voor verkenning gebiedsgerichte aanpak</t>
  </si>
  <si>
    <t>vormgeven doelgroepenaanpak (informeren/ motiveren/ stimuleren) voor isolatie en hwp/ all-electric en identificeren buurten voor verkenning gebiedsgerichte aanpak; (nog) geen startkansen geidentificeerd</t>
  </si>
  <si>
    <t>49% CO2 reductie in 2030 conform Zeeuws Energieakkoord (RES), aardgasvrij in 2050</t>
  </si>
  <si>
    <t>inzetten op energiebesparing en verder onderzoek naar mogelijk startkansen. 49% CO2 reductie in 2030, aardgasvrij in 2050</t>
  </si>
  <si>
    <t>https://borsele.raadsinformatie.nl/document/10914574/1/15_1%20Transitievisie%20Warmte%20Borsele</t>
  </si>
  <si>
    <t>https://vlissingen.raadsinformatie.nl/vergadering/804193#ai_6363555</t>
  </si>
  <si>
    <t>PL0654010001</t>
  </si>
  <si>
    <t>PL0718010007</t>
  </si>
  <si>
    <t>Gemeentebreed Vlissingen</t>
  </si>
  <si>
    <t>Naast Sloegebied: delen van Scheldeoord, Heindenszand, Ovezande</t>
  </si>
  <si>
    <t>Meer woningen aardgasvrij-ready maken</t>
  </si>
  <si>
    <t>transitiegereed maken door isolatie, te ventileren, kierendichten en overstappen naar elektrische koken. Zoeken naar startkansen</t>
  </si>
  <si>
    <t>elektriciteit en (op termijn) duurzaam gas</t>
  </si>
  <si>
    <t>hernieuwbaar gas en/of WKO</t>
  </si>
  <si>
    <t>hernieuwbaar gas, WKO</t>
  </si>
  <si>
    <t>BU06649997</t>
  </si>
  <si>
    <t>WK066499</t>
  </si>
  <si>
    <t>GM0664</t>
  </si>
  <si>
    <t>Goes</t>
  </si>
  <si>
    <t>2021BU06649997</t>
  </si>
  <si>
    <t>buurten.2785ba87-97af-4d0c-b197-db461bf07476</t>
  </si>
  <si>
    <t>GM0687</t>
  </si>
  <si>
    <t>Middelburg</t>
  </si>
  <si>
    <t>49% CO2-reductie in 2030</t>
  </si>
  <si>
    <t>aardgasvrij in 2050, 55% CO2-reductie in 2030</t>
  </si>
  <si>
    <t>DC066401</t>
  </si>
  <si>
    <t>DC068701</t>
  </si>
  <si>
    <t>Richting een aardgasvrij Middelburg</t>
  </si>
  <si>
    <t>Transitivisie Warmte gemeente Goes</t>
  </si>
  <si>
    <t>We streven naar een zo laag mogelijke maatschappelijkeimpact en zo hoog mogelijke maatschappelijke meerwaarde. De transitie moet haalbaar, betaalbaar en sociaal zijn. Focus op besparen en individuele oplossingen betekent een meer geleidelijke en versprei</t>
  </si>
  <si>
    <t>De TVW zal minimaal elke 5 jaar herijkt worden.Voor elk plan geldt eerst een onderzoek naar de technische en financiele haalbaarheid, een verkenning van de bereidheid in een buurt om mee te doen, maar ook welke ondersteuning vanuit de gemeente nodig is.</t>
  </si>
  <si>
    <t>vormgeven doelgroepenaanpak (informeren/ motiveren/ stimuleren) voor isolatie en hwp; identificeren buurten voor verkenning gebiedsgerichte aanpak</t>
  </si>
  <si>
    <t>49% CO2-besparing in 2030. De doelstelling van 20% van de gebouwde omgeving aardgasvrij in 2030 wordt nadrukkelijk losgelaten door de gemeente in dit document.</t>
  </si>
  <si>
    <t>55% CO2 reductie in 2030, aardgasvrij in 2050</t>
  </si>
  <si>
    <t>https://goes.raadsinformatie.nl/document/11543135/1/Agendapunt+11_+TVW+Goes+2021_definitief</t>
  </si>
  <si>
    <t>https://middelburg.raadsinformatie.nl/document/10793903/1/21-165%20rvs%20Vaststellen%20Reg_%20Structuur%20Warmte%20Zeeland%20en%20Transitie%20Visie%20Warmte%20Middelburg</t>
  </si>
  <si>
    <t>PL0664010003</t>
  </si>
  <si>
    <t>PL0687010001</t>
  </si>
  <si>
    <t>Gemeentebreed transitiegereed maken: isoleren en/ of hwp</t>
  </si>
  <si>
    <t>Recreatieterreinen (verspreid)</t>
  </si>
  <si>
    <t>Bij het herijken van de TVW houden we in de gaten hoeveel duurzaam gas er beschikbaar komt. Ondertussen blijven we inzetten op voldoende stapsgewijze isolatie volgens de landelijke Standaard voor woningisolatie, zodat we zoveel mogelijk voorbereid zijn o</t>
  </si>
  <si>
    <t>De diversiteit in de kernen van de gemeente Goes en de oude bebouwing in het centrum van Goes beperken andere warmteopties. Inzetten op hybride en energiebesparing.</t>
  </si>
  <si>
    <t>met doelgroepenaanpak (informeren/ motiveren/ stimuleren): zoveel mogelijk isoleren en op natuurlijke momenten overstappen op hwp.</t>
  </si>
  <si>
    <t>Enige mate isolatie vereist</t>
  </si>
  <si>
    <t>Zonneboiler</t>
  </si>
  <si>
    <t>BU06649998</t>
  </si>
  <si>
    <t>2021BU06649998</t>
  </si>
  <si>
    <t>buurten.7fcd4baa-7e84-44db-af1f-3d78a9bbb2b2</t>
  </si>
  <si>
    <t>GM0678</t>
  </si>
  <si>
    <t>Kapelle</t>
  </si>
  <si>
    <t>DC067801</t>
  </si>
  <si>
    <t>https://kapelle.notubiz.nl/document/10776684/1/2021-50%20RV%20Transitie%20Visie%20Warmte%20(TVW)%202021</t>
  </si>
  <si>
    <t>PL0678010001</t>
  </si>
  <si>
    <t>BU06779998</t>
  </si>
  <si>
    <t>WK067799</t>
  </si>
  <si>
    <t>GM0677</t>
  </si>
  <si>
    <t>Hulst</t>
  </si>
  <si>
    <t>2021BU06779998</t>
  </si>
  <si>
    <t>buurten.42179de7-c51b-4ad8-bf44-02c3f99d7b60</t>
  </si>
  <si>
    <t>GM0703</t>
  </si>
  <si>
    <t>Reimerswaal</t>
  </si>
  <si>
    <t>DC070301</t>
  </si>
  <si>
    <t>Transitievisie Warmte gemeente Reimerswaal</t>
  </si>
  <si>
    <t>steun/middelen vanuit de Rijkshoverheid: middelen vanuit de Rijksoverheid voor uitvoering; voldoende vakmensen</t>
  </si>
  <si>
    <t>vormgeven doelgroepenaanpak (informeren/ motiveren/ stimuleren) voor isolatie en hwp. identificeren buurten voor verkenning gebiedsgerichte aanpak. op korte termijn aanvullend onderzoek naar gebiedsgerichte aanpak in wijken met startkansen</t>
  </si>
  <si>
    <t>https://reimerswaal.notubiz.nl/document/10831124/1/Zeeuwse%20Regionale%20Structuur%20Warmte%20en%20Transitievisie%20Warmte%20voor%20Reimerswaal%20-%20raadsbesluit</t>
  </si>
  <si>
    <t>PL0703010006</t>
  </si>
  <si>
    <t>Gemeentebreed transitiegereed maken</t>
  </si>
  <si>
    <t>Gemeentebreed transitiegereed: isoleren en hwp</t>
  </si>
  <si>
    <t>haalbaar en betaalbaar</t>
  </si>
  <si>
    <t>informeren: zoveel mogelijk isoleren en op natuurlijke momenten overstappen op hwp. Zoeken naar/ beginnen met startkansen voor een gebiedsgerichte aanpak (tussenstap naar wup)</t>
  </si>
  <si>
    <t>BU06789998</t>
  </si>
  <si>
    <t>WK067899</t>
  </si>
  <si>
    <t>2021BU06789998</t>
  </si>
  <si>
    <t>buurten.3d1f0cf4-e0e0-4b8a-9716-390720cded7e</t>
  </si>
  <si>
    <t>deelgebieden in Kapelle en Wemeldinge</t>
  </si>
  <si>
    <t>zoeken naar/ beginnen met startkansen voor een gebiedsgerichte aanpak (tussenstap naar wup)</t>
  </si>
  <si>
    <t>BU06879997</t>
  </si>
  <si>
    <t>WK068799</t>
  </si>
  <si>
    <t>2021BU06879997</t>
  </si>
  <si>
    <t>buurten.d7352983-9929-4da7-a2c6-e11e009ebf3c</t>
  </si>
  <si>
    <t>PL0687010004</t>
  </si>
  <si>
    <t>Bedrijventerreinen: industrieterrein Arnestein. Recreatieterreinen: twee terreinen ten noordoosten van de gemeente. Gebiedsontwikkeling: diverse plekken in Middelburg, ten noorden van Arnemuiden en in Sint-Laurens</t>
  </si>
  <si>
    <t>Goes-Centrum; Oud-Sabbinghe; Wolphaartsdijk; Wilhelminadorp; s-Heerhendrikskinderen; s Heer-Arendskerke; Eindewege; Kattendijke; Kloetinge; Verspreide huizen gemeentewijd</t>
  </si>
  <si>
    <t>BU07039998</t>
  </si>
  <si>
    <t>WK070399</t>
  </si>
  <si>
    <t>2021BU07039998</t>
  </si>
  <si>
    <t>buurten.30f90a99-336f-443e-9055-19cc2c4e92fa</t>
  </si>
  <si>
    <t>Kruseveer te Kruiningen</t>
  </si>
  <si>
    <t>startkans: onderzoeken gebiedsgerichte aanpak voor all-electric oplossingen (jonge bouw dus al goed geisoleerd)</t>
  </si>
  <si>
    <t>BU07159998</t>
  </si>
  <si>
    <t>WK071599</t>
  </si>
  <si>
    <t>GM0715</t>
  </si>
  <si>
    <t>Terneuzen</t>
  </si>
  <si>
    <t>2021BU07159998</t>
  </si>
  <si>
    <t>buurten.b87be9fc-e67a-467a-8604-a7cd4a76af75</t>
  </si>
  <si>
    <t>GM1714</t>
  </si>
  <si>
    <t>Sluis</t>
  </si>
  <si>
    <t>49% CO2-reductie in 2030, aardgasvrij in 2050</t>
  </si>
  <si>
    <t>DC171401</t>
  </si>
  <si>
    <t>Transitievisie Warmte Sluis</t>
  </si>
  <si>
    <t>met informatiecampagne zoveel mogelijk transitiegereed maken. zoeken naar nieuwe startkansen.</t>
  </si>
  <si>
    <t>vormgeven doelgroepenaanpak (informeren/ motiveren/ stimuleren) voor isolatie en hwp en identificeren buurten voor verkenning gebiedsgerichte aanpak; aanvullend onderzoek naar gebiedsgerichte aanpak startkansen</t>
  </si>
  <si>
    <t>https://sluis.raadsinformatie.nl/vergadering/812782</t>
  </si>
  <si>
    <t>PL1714010002</t>
  </si>
  <si>
    <t>Gemeentebreed zoeken naar nieuwe startkansen</t>
  </si>
  <si>
    <t>burgers informeren/ stimuleren/ faciliteren: transitiegereed maken door isolatie, te ventileren, kierendichten en overstappen naar elektrische koken. warmteopties  later herijken.</t>
  </si>
  <si>
    <t>zoeken naar nieuwe startkansen met voorkeursoptie voor hybride warmtepompen. Burgers informeren/ stimuleren/ faciliteren: Transitiegereed makem. Warmteopties  later herijken.</t>
  </si>
  <si>
    <t>Hybride warmtepomp en/of individueel gasloos alternatief</t>
  </si>
  <si>
    <t>BU07169997</t>
  </si>
  <si>
    <t>WK071699</t>
  </si>
  <si>
    <t>GM0716</t>
  </si>
  <si>
    <t>Tholen</t>
  </si>
  <si>
    <t>2021BU07169997</t>
  </si>
  <si>
    <t>buurten.30dbb46e-d381-497b-ab83-3e5ed2ed924c</t>
  </si>
  <si>
    <t>GM0851</t>
  </si>
  <si>
    <t>Steenbergen</t>
  </si>
  <si>
    <t>CO2-neutraal in 2050</t>
  </si>
  <si>
    <t>DC085101</t>
  </si>
  <si>
    <t>Transitievisie Warmte Gemeente Steenbergen, Fase 1 , Uitgangspunten en Analyse</t>
  </si>
  <si>
    <t>2022-08-01</t>
  </si>
  <si>
    <t>1. De overstap naar een aardgasvrije warmtevoorziening moet voor iedereen betaalbaar zijn.2. We betrekken onze inwoners, ondernemers en andere gebouweigenaren actief bij het maken van plannen en informeren hen over duurzame maatregelen.3. We sluiten aan</t>
  </si>
  <si>
    <t>De gemeente start in de komende jaren met het opstellen van buurtuitvoeringsplannen voor de verkenningsgebieden. De gemeentebrede aanpak is gericht op de hele gemeente. Het gaat dus nadrukkelijk niet alleen om de verkenningsgebieden maar om alle buurten</t>
  </si>
  <si>
    <t>Energieneutrale gemeente in 2050. Dit zijn circa 10.000 woningen en daarnaast nog andere gebouwen zoals kantoren.</t>
  </si>
  <si>
    <t>https://raad.gemeente-steenbergen.nl/Vergaderingen/Oordeelvormende-vergadering/2021/08-december/19:30/Transitievisie-Wamte-fase-1/</t>
  </si>
  <si>
    <t>PL0851010014</t>
  </si>
  <si>
    <t>In concept (afwachtend). In deze buurten kiest de gemeente Steenbergen voor een geleidelijk tempo: niet de hele buurt tegelijk, maar elk gebouw op een logisch moment, bijvoorbeeld bij een verbouwing of verhuizing. De gemeente wil bewoners hier zo lang mo</t>
  </si>
  <si>
    <t>voorsorterend. Hier liggen individuele oplossingen, zoals een warmtepomp, het meest voor de hand.</t>
  </si>
  <si>
    <t>1 De overstap naar een aardgasvrije warmtevoorziening moet voor iedereen betaalbaar zijn.2 We betrekken onze inwoners, ondernemers en andere gebouweigenaren actief bij het maken van plannen en informeren hen over duurzame maatregelen.3 We sluiten aan op</t>
  </si>
  <si>
    <t>Aardgasvrij voor 2050</t>
  </si>
  <si>
    <t>BU07169998</t>
  </si>
  <si>
    <t>2021BU07169998</t>
  </si>
  <si>
    <t>buurten.2ccb61fc-b545-4d8d-8612-2115ebfc7b7a</t>
  </si>
  <si>
    <t>GM1676</t>
  </si>
  <si>
    <t>16% duurzame energieopwek in 2023 (zonder windpark Krammer), 49% CO2 reductie in 2030, energieneutraal in 2040, aardgasvrij in 2050</t>
  </si>
  <si>
    <t>DC167601</t>
  </si>
  <si>
    <t>Transitievisie Warmte Schouwen-Duiveland</t>
  </si>
  <si>
    <t>geen start niet in de wijken of kernen, voordat duidelijk is of er voldoende geld vanuit het Rijk is om de overgang naar aardgasvrij betaalbaar te maken.</t>
  </si>
  <si>
    <t>inzichtelijk maken wanneer en welke wijken en buurten van het aardgas kunnen worden afgekoppeld</t>
  </si>
  <si>
    <t>https://schouwenduiveland.raadsinformatie.nl/vergadering/808748#ai_6401154</t>
  </si>
  <si>
    <t>PL1676010005</t>
  </si>
  <si>
    <t>Stavenisse</t>
  </si>
  <si>
    <t>voorsorterend/voorkeursopties</t>
  </si>
  <si>
    <t>49% CO2-reductie in 2030: Transitiegereed maken door isolatie, te ventileren, kierendichten en overstappen naar elektrische koken.</t>
  </si>
  <si>
    <t>zonthermie en restwarmte (beiden algemeen genoemd), duurzaam gas, WKO</t>
  </si>
  <si>
    <t>zonnewarmte en restwarmte en/of hernieuwbaar gas en/of WKO</t>
  </si>
  <si>
    <t>BU07179997</t>
  </si>
  <si>
    <t>WK071799</t>
  </si>
  <si>
    <t>GM0717</t>
  </si>
  <si>
    <t>Veere</t>
  </si>
  <si>
    <t>2021BU07179997</t>
  </si>
  <si>
    <t>buurten.ea2ffb02-a8ea-4679-9748-fb043ce21901</t>
  </si>
  <si>
    <t>DC071701</t>
  </si>
  <si>
    <t>Transitievisie Warmte gemeente Veere</t>
  </si>
  <si>
    <t>doorlopende afstemming met partners</t>
  </si>
  <si>
    <t>https://veere.raadsinformatie.nl/document/10803989/2/s21b_11202_5_39611_tds</t>
  </si>
  <si>
    <t>PL0717010013</t>
  </si>
  <si>
    <t>transitiegereed maken door isolatie, te ventileren, kierendichten en overstappen naar elektrische koken. Warmteopties  later herijken. Bijzonder gebied met afwijkende warmtevraag (glastuinbouw en bedrijventerreinen in havengebied ).</t>
  </si>
  <si>
    <t>BU07179998</t>
  </si>
  <si>
    <t>2021BU07179998</t>
  </si>
  <si>
    <t>buurten.77d27317-dfbb-40db-aa3c-3f250d688c1f</t>
  </si>
  <si>
    <t>Schouwen-Duiveland</t>
  </si>
  <si>
    <t>PL0717010003</t>
  </si>
  <si>
    <t>Domburg</t>
  </si>
  <si>
    <t>Westkapelle</t>
  </si>
  <si>
    <t>transitiegereed maken door isolatie, te ventileren, kierendichten en overstappen naar elektrische koken. Besparen en warmteoptie  later herijken. Bijzonder gebied met afwijkende warmtevraag (recreatiegebied).</t>
  </si>
  <si>
    <t>BU07189998</t>
  </si>
  <si>
    <t>WK071899</t>
  </si>
  <si>
    <t>2021BU07189998</t>
  </si>
  <si>
    <t>buurten.5e239246-1f72-4a5d-9afa-6b878cabb0c5</t>
  </si>
  <si>
    <t>Oude binnenstad, Scheldestraat en omgeving, Stadhuisplein en omgeving</t>
  </si>
  <si>
    <t>BU08519997</t>
  </si>
  <si>
    <t>WK085199</t>
  </si>
  <si>
    <t>2021BU08519997</t>
  </si>
  <si>
    <t>buurten.d76a040c-e6d0-4964-9549-b2dbcc0512b9</t>
  </si>
  <si>
    <t>BU08529997</t>
  </si>
  <si>
    <t>WK085299</t>
  </si>
  <si>
    <t>GM0852</t>
  </si>
  <si>
    <t>Waterland</t>
  </si>
  <si>
    <t>2021BU08529997</t>
  </si>
  <si>
    <t>buurten.a27b8ec3-627f-465d-879f-b4d10e71bd8a</t>
  </si>
  <si>
    <t>eerste wijken transitiegereed in 2030</t>
  </si>
  <si>
    <t>DC085201</t>
  </si>
  <si>
    <t>Wonen in Waterland zonder aardgas</t>
  </si>
  <si>
    <t>2021-09-23</t>
  </si>
  <si>
    <t>Oplossingen met laagste maatschappelijke kosten, laagste kosten voor huurders en gebouweigenaren, voorkomen desinvesteren.</t>
  </si>
  <si>
    <t>TVW geeft focus en richting, elke 5 jaar herijkt om nieuwe wijken met kansrijke warmtealternatieven aan te wijzen. Nieuwe ontwikkelingen en innovaties blijven volgen en bijsturen waar nodig.</t>
  </si>
  <si>
    <t>Streven tot 2030 met name naar het reduceren van het gemiddelde energielabel om zo de eerste wijken transitiegereed te maken. Daarna aardgasvrij in 2050.</t>
  </si>
  <si>
    <t>https://waterland.bestuurlijkeinformatie.nl/Agenda/Document/3d57b4b7-a170-478d-8609-8a7cd790c48a?documentId=cded76bb-8a79-4da2-9935-3f4598935421&amp;agendaItemId=97e37c47-2e8c-4200-8e67-0a31a1dae491</t>
  </si>
  <si>
    <t>PL0852010005</t>
  </si>
  <si>
    <t>Monnickendam, Galgeriet, Markgouw</t>
  </si>
  <si>
    <t>Collectieve warmteoplossing</t>
  </si>
  <si>
    <t>Bodemenergie, zonthermie of buitenlucht. Op termijn voldoende duurzame elektriciteit</t>
  </si>
  <si>
    <t>Thermische energie uit oppervlaktewater</t>
  </si>
  <si>
    <t>zon</t>
  </si>
  <si>
    <t>54</t>
  </si>
  <si>
    <t>BU09959997</t>
  </si>
  <si>
    <t>WK099599</t>
  </si>
  <si>
    <t>2021BU09959997</t>
  </si>
  <si>
    <t>buurten.06b30402-d952-4066-9910-58d0320c4335</t>
  </si>
  <si>
    <t>2021-05-18</t>
  </si>
  <si>
    <t>Op basis van de Transitievisie krijgen inwoners en ondernemers duidelijkheid over het moment waarop hun woning, bedrijfsgebouw of andere gebouwen aan de beurt zijn en welk handelingsperspectief er is tot het moment dat de wijk wordt aangepakt. In de kade</t>
  </si>
  <si>
    <t>PL0995010005</t>
  </si>
  <si>
    <t>fase 2</t>
  </si>
  <si>
    <t>all-electric</t>
  </si>
  <si>
    <t>kosten niet hoger dan prijspeil 2021</t>
  </si>
  <si>
    <t>(mogelijkheid voor) individeule aanpak</t>
  </si>
  <si>
    <t>maatwerk oplossingen</t>
  </si>
  <si>
    <t>bestaande woningen zoveel mogelijk naar het LT-isolatieniveau</t>
  </si>
  <si>
    <t>warmtepomp</t>
  </si>
  <si>
    <t>warmtenet, elektriciteit</t>
  </si>
  <si>
    <t>niet specifiek benoemd</t>
  </si>
  <si>
    <t>39</t>
  </si>
  <si>
    <t>BU09989999</t>
  </si>
  <si>
    <t>WK099899</t>
  </si>
  <si>
    <t>GM0998</t>
  </si>
  <si>
    <t>Buitenland</t>
  </si>
  <si>
    <t>B</t>
  </si>
  <si>
    <t>2021BU09989999</t>
  </si>
  <si>
    <t>buurten.98bb5d64-d007-4494-b73a-86dd3f83d13a</t>
  </si>
  <si>
    <t>GM0744</t>
  </si>
  <si>
    <t>GM1723</t>
  </si>
  <si>
    <t>Alphen-Chaam</t>
  </si>
  <si>
    <t>Baarle-Nassau</t>
  </si>
  <si>
    <t>DC074401</t>
  </si>
  <si>
    <t>DC172301</t>
  </si>
  <si>
    <t>Transitievisie Warmte (Alphen-Chaam)</t>
  </si>
  <si>
    <t>Transitievisie warmte Baarle-Nassau &amp; Baarle-Hertog</t>
  </si>
  <si>
    <t>2021-12-15</t>
  </si>
  <si>
    <t>2021-12-16</t>
  </si>
  <si>
    <t>financiele haalbaarheid, Flexibel en toekomstgericht, Werk met werk maken, samen</t>
  </si>
  <si>
    <t>financiele haalbaarheid, flexibiliteit, toekomstgerichtheid, koppelen aan bestaande werkzaamheden, rekening houden met alle stakeholders</t>
  </si>
  <si>
    <t>bewoners meenemen in het proces dmv informatieavonden en meedenkgesprekken</t>
  </si>
  <si>
    <t>het op gang brengen van een proces richting aardgasvrij Baarle-Nassau</t>
  </si>
  <si>
    <t>geen specifiek doel voor 2030. In 2050 aardgasvrij, zoveel mogelijk oude woningen isoleren</t>
  </si>
  <si>
    <t>https://alphen-chaam.raadsinformatie.nl/vergadering/818692#ai_6417297</t>
  </si>
  <si>
    <t>https://baarle-nassau.notubiz.nl/document/10740279/1/Bijlage%201%20Transitievisie%20Warmte%20gemeente%20Baarle-Nassau</t>
  </si>
  <si>
    <t>PL0744010001</t>
  </si>
  <si>
    <t>PL1723010004</t>
  </si>
  <si>
    <t>Eindoplossing moderne gebouwen</t>
  </si>
  <si>
    <t>Pilot wijk gemeente Baarle-Nassau</t>
  </si>
  <si>
    <t>alleen toepasbaar voor huizen uit bepaald bouwjaar</t>
  </si>
  <si>
    <t>woningen en gebouwen gebouwd na 1992, en daarmee voldoende geisoleerd</t>
  </si>
  <si>
    <t>ervaringen en inzichten op te doen over het aardgasvrij maken van vaker voorkomende woningtypes</t>
  </si>
  <si>
    <t>per 2035 1000 woningen van het gas af</t>
  </si>
  <si>
    <t>Label B</t>
  </si>
  <si>
    <t>BU15989997</t>
  </si>
  <si>
    <t>WK159899</t>
  </si>
  <si>
    <t>GM1598</t>
  </si>
  <si>
    <t>Koggenland</t>
  </si>
  <si>
    <t>2021BU15989997</t>
  </si>
  <si>
    <t>buurten.1de810a7-f752-4899-951a-ded116407765</t>
  </si>
  <si>
    <t>DC159801</t>
  </si>
  <si>
    <t>Transitievisie Warmte Gemeente Koggenland, Eindversie voor besluitvorming</t>
  </si>
  <si>
    <t>, Betaalbaarheid voor alle betrokkenen, Draagvlak onder inwoners , Energiebesparing als belangrijkste, slimme stap voor alle gebieden , Slim combineren van werkzaamheden, dubbele overlast vermijden , Het proces naar transitie zorgvuldig vormgeven en uitv</t>
  </si>
  <si>
    <t>Voor de verkenningsbuurten worden in de komende jaren wijkuitvoeringsplannen gemaakt. Er zal per buurt of zelfs per huishouden gekeken worden wat er mogelijk is. Deze uitvoeringsplannen maken we samen met bewoners en anderebetrokkenen, hiervoor volgt per</t>
  </si>
  <si>
    <t>Voor 2030 20% aardgasvrij, voor 2050 volledig aardgasvrij</t>
  </si>
  <si>
    <t>https://www.koggenland.nl/bestuur-en-organisatie/beleid_43517/itemransitie-visie-warmte-gemeente-koggenland_36740.html</t>
  </si>
  <si>
    <t>PL1598010040</t>
  </si>
  <si>
    <t>Overig</t>
  </si>
  <si>
    <t>In concept (verkennend). De buitengebieden en dorpsranden hebben een lage bebouwingsdichtheid met veel vrijstaande huizen of twee-onder-een-kap woningen. Hier liggen individuele oplossingen het meest voor de hand. In deze buurten kan iedere individuele h</t>
  </si>
  <si>
    <t>Voorkeursoptie. In deze buurten liggen individuele oplossingen, meestal een warmtepomp, het meest voor de hand.</t>
  </si>
  <si>
    <t>- Betaalbaarheid voor alle betrokkenen- Draagvlak onder inwoners - Energiebesparing als belangrijkste, slimme stap voor alle gebieden - Slim combineren van werkzaamheden, dubbele overlast vermijden - Het proces naar transitie zorgvuldig vormgeven en uitv</t>
  </si>
  <si>
    <t>BU16769997</t>
  </si>
  <si>
    <t>WK167699</t>
  </si>
  <si>
    <t>2021BU16769997</t>
  </si>
  <si>
    <t>buurten.902c6b5a-b858-48d8-aa9a-8e6906b27669</t>
  </si>
  <si>
    <t>PL1676010007</t>
  </si>
  <si>
    <t>Recreatieterreinen in kop van Schouwen. Glastuinbouw rond Oosterland en Sirjansland</t>
  </si>
  <si>
    <t>zoveel mogelijk transitiegereed maken. Zoeken naar nieuwe startkansen.</t>
  </si>
  <si>
    <t>restwarmte (bedrijvenpark Zieriekzee Zuid) en/of geothermie voor glastuinbouw</t>
  </si>
  <si>
    <t>restwarmte (industrie) en of geothermie</t>
  </si>
  <si>
    <t>geothermie, restwarmte</t>
  </si>
  <si>
    <t>33</t>
  </si>
  <si>
    <t>BU16769998</t>
  </si>
  <si>
    <t>2021BU16769998</t>
  </si>
  <si>
    <t>buurten.076b7265-93ab-46b7-8969-6c9c1f20fccd</t>
  </si>
  <si>
    <t>PL1676010001</t>
  </si>
  <si>
    <t>Bedrijvenpark Zierikzee Zuid</t>
  </si>
  <si>
    <t>Poortambacht</t>
  </si>
  <si>
    <t>2019</t>
  </si>
  <si>
    <t>gelden vanuit Rijksoverheid</t>
  </si>
  <si>
    <t>5 woningen all-electric: pilot om te kijken hoe woningen haalbaar en comfortabel met all-electric oplossingen verduurzaamd kunnen worden</t>
  </si>
  <si>
    <t>opstellen plan van aanpak voor verdere verduurzaming van het bedrijventerrein (mogelijk met restwarmte)</t>
  </si>
  <si>
    <t>aquathermie en/of oppervlaktewater</t>
  </si>
  <si>
    <t>aquathermie (TEO)</t>
  </si>
  <si>
    <t>BU16959997</t>
  </si>
  <si>
    <t>WK169599</t>
  </si>
  <si>
    <t>GM1695</t>
  </si>
  <si>
    <t>Noord-Beveland</t>
  </si>
  <si>
    <t>2021BU16959997</t>
  </si>
  <si>
    <t>buurten.d5618a23-fae2-4883-9b26-a496484971c9</t>
  </si>
  <si>
    <t>BU16959998</t>
  </si>
  <si>
    <t>2021BU16959998</t>
  </si>
  <si>
    <t>buurten.69c9c3e8-acc7-4da6-83d5-a7a3acb0d8ce</t>
  </si>
  <si>
    <t>BU17089997</t>
  </si>
  <si>
    <t>WK170899</t>
  </si>
  <si>
    <t>GM1708</t>
  </si>
  <si>
    <t>Steenwijkerland</t>
  </si>
  <si>
    <t>2021BU17089997</t>
  </si>
  <si>
    <t>buurten.5e4d4737-7094-4fbc-b1ec-ef243c3b3920</t>
  </si>
  <si>
    <t>DC017101</t>
  </si>
  <si>
    <t>Samen aan de slag voor een aardgasvrij Steekwijkerland. Rapportage Transitievisie Warmte</t>
  </si>
  <si>
    <t>Transitievisie Warmte</t>
  </si>
  <si>
    <t>Voorwaarden:, Starten met besparen: isoleren en gedrag, De transitie is betaalbaar en betrouwbaar, Behouden van het gasnet voor groen gas, Samen doen, inzetten op draagvlak</t>
  </si>
  <si>
    <t>Procesdoelen: , het bieden van inzicht in hernieuwbare warmtebronnen en alternatieven, het geven van een doorkijk naar de periode tot 2030 en deperiode tussen 2030 en 2050</t>
  </si>
  <si>
    <t>Aardgasvrij maken van 20.000 woningen en 3.500 andere gebouwen in 2050.</t>
  </si>
  <si>
    <t>https://duurzaamgebouwd.lingacms.nl/upload/dg_8fd9slufransitievisie_Warmte_Steenwijkerland.pdf</t>
  </si>
  <si>
    <t>PL0171010001</t>
  </si>
  <si>
    <t>Starten met besparen</t>
  </si>
  <si>
    <t>Aantrekkelijk en laagdrempelig om initiatief te startenCommunicatie vanuit website Duurzaam Bouwloket</t>
  </si>
  <si>
    <t>BU17099997</t>
  </si>
  <si>
    <t>WK170999</t>
  </si>
  <si>
    <t>2021BU17099997</t>
  </si>
  <si>
    <t>buurten.5f6e628e-2c05-455d-a6a1-025295121d50</t>
  </si>
  <si>
    <t>PL1709010003</t>
  </si>
  <si>
    <t>BU17149998</t>
  </si>
  <si>
    <t>WK171499</t>
  </si>
  <si>
    <t>2021BU17149998</t>
  </si>
  <si>
    <t>buurten.df182c17-0920-42a3-8bb7-fb76f749f731</t>
  </si>
  <si>
    <t>PL1714010001</t>
  </si>
  <si>
    <t>BU17839998</t>
  </si>
  <si>
    <t>WK178399</t>
  </si>
  <si>
    <t>2021BU17839998</t>
  </si>
  <si>
    <t>buurten.d46bff21-e386-47ac-9435-dc2cb622ddda</t>
  </si>
  <si>
    <t>bodemenergie en/of WKO</t>
  </si>
  <si>
    <t>BU18959998</t>
  </si>
  <si>
    <t>WK189599</t>
  </si>
  <si>
    <t>GM1895</t>
  </si>
  <si>
    <t>Oldambt</t>
  </si>
  <si>
    <t>2021BU18959998</t>
  </si>
  <si>
    <t>buurten.ddcbec09-f979-4943-9d46-bc39be2142ad</t>
  </si>
  <si>
    <t>20% van de woningen aardgasvrij in 2030, 100% in 2050</t>
  </si>
  <si>
    <t>DC189501</t>
  </si>
  <si>
    <t>Transitievisie warmte: Oldambt verwarmt</t>
  </si>
  <si>
    <t>2021-12-01</t>
  </si>
  <si>
    <t>betaalbaarheid, duurzaamheid, voldoende communicatie</t>
  </si>
  <si>
    <t>snel beginnen met besparen, transparant te werk gaan</t>
  </si>
  <si>
    <t>https://repository.officiele-overheidspublicaties.nl/externebijlagen/exb-2021-66382/1/bijlage/exb-2021-66382.pdf</t>
  </si>
  <si>
    <t>PL1895010004</t>
  </si>
  <si>
    <t>Nieuwbouw</t>
  </si>
  <si>
    <t>plan wordt opgesteld</t>
  </si>
  <si>
    <t>start gebiedsgerichte aanpak gemeentedoel</t>
  </si>
  <si>
    <t>BU18969997</t>
  </si>
  <si>
    <t>WK189699</t>
  </si>
  <si>
    <t>2021BU18969997</t>
  </si>
  <si>
    <t>buurten.091a2d9b-8633-4afa-8424-d4e3efa411cf</t>
  </si>
  <si>
    <t>BU19009997</t>
  </si>
  <si>
    <t>WK190099</t>
  </si>
  <si>
    <t>Súdwest-Fryslân</t>
  </si>
  <si>
    <t>2021BU19009997</t>
  </si>
  <si>
    <t>buurten.50744a54-b149-491b-b4da-1e2873bbe49a</t>
  </si>
  <si>
    <t>PL1900010001</t>
  </si>
  <si>
    <t>Schil 1. Geclusterde label A en B</t>
  </si>
  <si>
    <t>betaalbare collectieve oplossingen</t>
  </si>
  <si>
    <t>aardgasvrij ongeveer 2461 woningen</t>
  </si>
  <si>
    <t>BU19009998</t>
  </si>
  <si>
    <t>2021BU19009998</t>
  </si>
  <si>
    <t>buurten.1743a6e3-afa2-4794-b680-ef3601648329</t>
  </si>
  <si>
    <t>De Spiker, Plan Zuid</t>
  </si>
  <si>
    <t>Voor alle gebieden die kansrijk lijken voor een warmtenet geldt dat er meer onderzoek moet worden gedaan omte bepalen of een warmtenet echt kansrijk is en welke gebouwen het beste aangesloten kunnen worden op hetwarmtenet. woningen op een warmtenet aange</t>
  </si>
  <si>
    <t>Kansrijkheid onderzoeken</t>
  </si>
  <si>
    <t>aquathermie, restwarmte</t>
  </si>
  <si>
    <t>BU19119997</t>
  </si>
  <si>
    <t>WK191199</t>
  </si>
  <si>
    <t>GM1911</t>
  </si>
  <si>
    <t>Hollands Kroon</t>
  </si>
  <si>
    <t>2021BU19119997</t>
  </si>
  <si>
    <t>buurten.d9dc14b0-ac10-431a-9239-90ac4ec492ee</t>
  </si>
  <si>
    <t>BU19119998</t>
  </si>
  <si>
    <t>2021BU19119998</t>
  </si>
  <si>
    <t>buurten.80786c77-170e-4d16-bcdd-0596075253a9</t>
  </si>
  <si>
    <t>BU19249997</t>
  </si>
  <si>
    <t>WK192499</t>
  </si>
  <si>
    <t>2021BU19249997</t>
  </si>
  <si>
    <t>buurten.aced159a-6057-469a-94d7-474bbe0f46b6</t>
  </si>
  <si>
    <t>BU19249998</t>
  </si>
  <si>
    <t>2021BU19249998</t>
  </si>
  <si>
    <t>buurten.c15bf434-99d8-4c78-a589-5d51bd11084a</t>
  </si>
  <si>
    <t>BU19309997</t>
  </si>
  <si>
    <t>WK193099</t>
  </si>
  <si>
    <t>GM1930</t>
  </si>
  <si>
    <t>Nissewaard</t>
  </si>
  <si>
    <t>2021BU19309997</t>
  </si>
  <si>
    <t>buurten.320021de-1f49-489c-917d-59706a70a97a</t>
  </si>
  <si>
    <t>BU19409997</t>
  </si>
  <si>
    <t>WK194099</t>
  </si>
  <si>
    <t>GM1940</t>
  </si>
  <si>
    <t>De Fryske Marren</t>
  </si>
  <si>
    <t>2021BU19409997</t>
  </si>
  <si>
    <t>buurten.4e47835b-8db4-4cff-9074-b0848f0ad5b5</t>
  </si>
  <si>
    <t>aardgasvrij in 2050, in 2030 20% huizen aardgasvrij</t>
  </si>
  <si>
    <t>DC194001</t>
  </si>
  <si>
    <t>Warmtevisie De Fryske Marren Aardgasvrij</t>
  </si>
  <si>
    <t>2021-09-17</t>
  </si>
  <si>
    <t>betaalbaarheid, voldoende bewoners initiatieven, voldoende personeel, technisch uitvoerbaar</t>
  </si>
  <si>
    <t>zoeken naar koppelkansen, goed samenspel, aansluiten burgerinitiatieven en betaalbaar voor iedereen</t>
  </si>
  <si>
    <t>aardgasvrij in 2050, in 2030 1/5 huizen aardgasvrij</t>
  </si>
  <si>
    <t>https://dfm.bestuurlijkeinformatie.nl/Agenda/Document/6fb7035e-6ae0-4042-94af-3c84a6eb78ce?documentId=8995a657-eb14-4e9b-b8b1-58ae1350a429</t>
  </si>
  <si>
    <t>PL1940010009</t>
  </si>
  <si>
    <t>PL1940010010</t>
  </si>
  <si>
    <t>Buitengebied, lintbebouwing, oude kernen, monumenten, bedrijventerreinen</t>
  </si>
  <si>
    <t>Lemmer</t>
  </si>
  <si>
    <t>betaalbaar, burgerinitiatieven, koppelkansen, goed samenspel</t>
  </si>
  <si>
    <t>Afleverset en/of Hybride warmtepomp</t>
  </si>
  <si>
    <t>Afleverset en/of hybride warmtepomp en/of All-Electric</t>
  </si>
  <si>
    <t>Wnet, hWP</t>
  </si>
  <si>
    <t>TEO, Hernieuwbaar gas</t>
  </si>
  <si>
    <t>bij klein warmtenet: diepe bodemlussen (evt ook restwarmte of WKO), mogelijk duurzaam gasnet</t>
  </si>
  <si>
    <t>aquathermie (TEO) en/of hernieuwbaar gas</t>
  </si>
  <si>
    <t>restwarmte en/of WKO en/of hernieuwbaar gas</t>
  </si>
  <si>
    <t>aquathermie, hernieuwbaar gas</t>
  </si>
  <si>
    <t>restwarmte, WKO, hernieuwbaar gas</t>
  </si>
  <si>
    <t>48</t>
  </si>
  <si>
    <t>BU19429997</t>
  </si>
  <si>
    <t>WK194299</t>
  </si>
  <si>
    <t>2021BU19429997</t>
  </si>
  <si>
    <t>buurten.b3e291a3-ffe4-4ad5-be2b-f981c4ad19ce</t>
  </si>
  <si>
    <t>[p. 22] 1. Voortvarender beleid en wetgeving op Rijksniveau,2. Voldoende uitvoeringskracht bij gemeenten, stakeholders en marktpartijen,3. Bekostiging lokale uitvoeringslasten</t>
  </si>
  <si>
    <t>PL1942010001</t>
  </si>
  <si>
    <t>IJmeer</t>
  </si>
  <si>
    <t>Vesting Muiden</t>
  </si>
  <si>
    <t>2026</t>
  </si>
  <si>
    <t>voorbereidend. Pilot gestart</t>
  </si>
  <si>
    <t>voorkeursoptie; beoogde oplossing</t>
  </si>
  <si>
    <t>Om deze buurten aardgasvrij te kunnen maken dient eerst meer ervaring en kennis te wordenopgedaan en zijn er technologische ontwikkelingen nodig</t>
  </si>
  <si>
    <t>Het doel van de verkenning is om de haalbaarheid van de oplossing verder te onderzoeken.</t>
  </si>
  <si>
    <t>voor 2026 met Wijkuitvoeringsplannen (WUP)aan de slag te gaan.</t>
  </si>
  <si>
    <t>BU19499998</t>
  </si>
  <si>
    <t>WK194999</t>
  </si>
  <si>
    <t>GM1949</t>
  </si>
  <si>
    <t>Waadhoeke</t>
  </si>
  <si>
    <t>2021BU19499998</t>
  </si>
  <si>
    <t>buurten.bb4d704b-af24-4c6f-bbed-c68d7af323cb</t>
  </si>
  <si>
    <t>energieneutraal 2040, jaarlijkse gemiddelde energiebesparing van 1.75%, 49% CO2-besparing in 2030 (t.o.v. 1990)</t>
  </si>
  <si>
    <t>DC194901</t>
  </si>
  <si>
    <t>Transitievisie Warmte Gemeente Waadhoeke</t>
  </si>
  <si>
    <t>Duurzaam, Realistisch, Betaalbaar en participatie met centrale rol voor inwoners.</t>
  </si>
  <si>
    <t>Verder uitwerken van regelingen en instrumenten om energie te besparen. Verdiepend onderzoek naar collectieve oplossingen, beschikbaarheid gasnetwerk en meekoppelkansen. Bewustwording creeren natuurlijke momenten.</t>
  </si>
  <si>
    <t>de gebouwen in de gemeente Waadhoeke in 2050 aardgasvrij te hebben gemaakt en onze CO2-uitstoot met 95% te hebben verlaagd</t>
  </si>
  <si>
    <t>https://waadhoeke.bestuurlijkeinformatie.nl/Agenda/Index/db152a00-2e2d-409f-8da8-efbe16521ab8#57edc85f-dbe0-4d88-90da-acc334e4bef0</t>
  </si>
  <si>
    <t>PL1949010004</t>
  </si>
  <si>
    <t>Overige dorpen, buurtschappen en buitengebied</t>
  </si>
  <si>
    <t>Het toepassen van lagetemperatuurverwarming en waar nodig het verbeteren van de isolatie gevolgd door installatie van een all-electric warmtepomp is een logische optie. Om de overstap naar een all-electric warmtepomp te maken is verregaande isolatie nodi</t>
  </si>
  <si>
    <t>Hernieuwbaar gas, elektriciteit</t>
  </si>
  <si>
    <t>BU19639997</t>
  </si>
  <si>
    <t>WK196399</t>
  </si>
  <si>
    <t>GM1963</t>
  </si>
  <si>
    <t>Hoeksche Waard</t>
  </si>
  <si>
    <t>2021BU19639997</t>
  </si>
  <si>
    <t>buurten.f014f794-3b68-459b-9da3-6069f5666e4e</t>
  </si>
  <si>
    <t>in 2040 energieneutraal, in 2050 klimaatneutraal</t>
  </si>
  <si>
    <t>DC196301</t>
  </si>
  <si>
    <t>Transitievisie Warmte: Gezamenlijk werken we stap voor stap toe naar een aardgasvrije omgeving in Hoeksche Waard</t>
  </si>
  <si>
    <t>betaalbaarheid, haalbaarheid, beschikbaarheid alternatieven,, iedereen kan meedenken en doen</t>
  </si>
  <si>
    <t>volledig overgestapt op duurzame warmtebronnen in 2050</t>
  </si>
  <si>
    <t>https://hoekschewaard.raadsinformatie.nl/document/10828932/3/besluit%20transitievisie%20warmte%20juiste%20versie%2023%20nov%202021</t>
  </si>
  <si>
    <t>PL1963010003</t>
  </si>
  <si>
    <t>isolatieprogramma Hoeksche Waard</t>
  </si>
  <si>
    <t>BU19669997</t>
  </si>
  <si>
    <t>WK196699</t>
  </si>
  <si>
    <t>GM1966</t>
  </si>
  <si>
    <t>Het Hogeland</t>
  </si>
  <si>
    <t>2021BU19669997</t>
  </si>
  <si>
    <t>buurten.9d8d2cbd-e172-4d1d-96bd-2e9add029305</t>
  </si>
  <si>
    <t>BU19669998</t>
  </si>
  <si>
    <t>2021BU19669998</t>
  </si>
  <si>
    <t>buurten.d3a2a5e6-1469-4b6f-ab36-e67114eeaf2c</t>
  </si>
  <si>
    <t>PL0088010005</t>
  </si>
  <si>
    <t>BU19699997</t>
  </si>
  <si>
    <t>WK196999</t>
  </si>
  <si>
    <t>GM1969</t>
  </si>
  <si>
    <t>Westerkwartier</t>
  </si>
  <si>
    <t>2021BU19699997</t>
  </si>
  <si>
    <t>buurten.732b5c55-e703-432c-a748-3bd324554d80</t>
  </si>
  <si>
    <t>Overige gebouwen</t>
  </si>
  <si>
    <t>Restwarmte en/of hernieuwbaar gas</t>
  </si>
  <si>
    <t>BU19709997</t>
  </si>
  <si>
    <t>WK197099</t>
  </si>
  <si>
    <t>Noardeast-Fryslân</t>
  </si>
  <si>
    <t>2021BU19709997</t>
  </si>
  <si>
    <t>buurten.5c1cab4b-0027-49c9-ae7d-afacb292d400</t>
  </si>
  <si>
    <t>PL1970010002</t>
  </si>
  <si>
    <t>Burdaard, Dokkun, Kollum, Marrum</t>
  </si>
  <si>
    <t>kwantiteit warmtewinning</t>
  </si>
  <si>
    <t>technische potentie</t>
  </si>
  <si>
    <t>realisatie middelgrote warmtenetten</t>
  </si>
  <si>
    <t>thermische energie uit oppervlaktewater (Sylster Ryd, de Dokkumer Grutdijp &amp; Lauwersmeer)</t>
  </si>
  <si>
    <t>aquathermie (RWZI)</t>
  </si>
  <si>
    <t>BU19709998</t>
  </si>
  <si>
    <t>2021BU19709998</t>
  </si>
  <si>
    <t>buurten.5a4c0f3d-a26c-4e2e-9996-2cf21f126ddd</t>
  </si>
  <si>
    <t>Kollum, Dokkum, Anjum, Oostmahorn, Esonstad</t>
  </si>
  <si>
    <t>BU19799998</t>
  </si>
  <si>
    <t>WK197999</t>
  </si>
  <si>
    <t>GM1979</t>
  </si>
  <si>
    <t>Eemsdelta</t>
  </si>
  <si>
    <t>2021BU19799998</t>
  </si>
  <si>
    <t>buurten.646f3d34-c21a-4a42-9b53-d7a1a18bd14b</t>
  </si>
  <si>
    <t>De visie is het vertrekpunt om de gebouwde omgeving in de gemeente Eemsdelta uiterlijk in 2050 aardgasvrij te maken.</t>
  </si>
  <si>
    <t>DC197901</t>
  </si>
  <si>
    <t>(Op weg naar) Warm Wonen</t>
  </si>
  <si>
    <t>betaalbaar, energiearmoede prioriteit geven, koppelkansen benutten, maatwerk</t>
  </si>
  <si>
    <t>Lopende en nieuwe activiteiten stroomlijnen</t>
  </si>
  <si>
    <t>realiseren, voldoen aan de landelijke ambitie van 20% vermindiring van het aardgasgebruik in 2030</t>
  </si>
  <si>
    <t>https://www.eemsdelta.nl/transitievisie-warmte</t>
  </si>
  <si>
    <t>PL1979010001</t>
  </si>
  <si>
    <t>delftzijl, appingedam</t>
  </si>
  <si>
    <t>onderzoekend, mogelijkeden voor warmtenet met industriele restwarmte voor bepaalde wijken</t>
  </si>
  <si>
    <t>betaalbaar</t>
  </si>
  <si>
    <t>onderzoeken of een warmtenet een haalbare optie is.</t>
  </si>
  <si>
    <t>veel huizen met lage labels</t>
  </si>
  <si>
    <t>restwarmte afvalverbrandingcentrale (huidig systeem). Alternatief in de toekomst</t>
  </si>
  <si>
    <t>restwarmte (AVI)</t>
  </si>
  <si>
    <t>BU00140000</t>
  </si>
  <si>
    <t>Binnenstad-Noord</t>
  </si>
  <si>
    <t>WK001400</t>
  </si>
  <si>
    <t>GM0014</t>
  </si>
  <si>
    <t>Groningen</t>
  </si>
  <si>
    <t>NEE</t>
  </si>
  <si>
    <t>2021BU00140000</t>
  </si>
  <si>
    <t>buurten.b755fcd7-36ac-4d16-b59f-10b1ce1d8dc4</t>
  </si>
  <si>
    <t>BU00140001</t>
  </si>
  <si>
    <t>Binnenstad-Zuid</t>
  </si>
  <si>
    <t>2021BU00140001</t>
  </si>
  <si>
    <t>buurten.6b7221e2-c558-48f7-816c-fe546d3a2705</t>
  </si>
  <si>
    <t>BU00140002</t>
  </si>
  <si>
    <t>Binnenstad-Oost</t>
  </si>
  <si>
    <t>2021BU00140002</t>
  </si>
  <si>
    <t>buurten.75fc9d71-1d4a-42d0-8658-642d2747f92b</t>
  </si>
  <si>
    <t>BU00140003</t>
  </si>
  <si>
    <t>Binnenstad-West</t>
  </si>
  <si>
    <t>2021BU00140003</t>
  </si>
  <si>
    <t>buurten.19242041-2ce1-48a8-91bf-58cfeaa92dc4</t>
  </si>
  <si>
    <t>BU00140004</t>
  </si>
  <si>
    <t>Noorderplantsoen</t>
  </si>
  <si>
    <t>2021BU00140004</t>
  </si>
  <si>
    <t>buurten.3def39cb-0961-42ce-b671-ffcb87f3ab97</t>
  </si>
  <si>
    <t>aardgasvrij en CO2-neutraal in 2035</t>
  </si>
  <si>
    <t>DC001401</t>
  </si>
  <si>
    <t>Stap voor stap naar aardgasvrije wijken en dorpen</t>
  </si>
  <si>
    <t>1905-07-10</t>
  </si>
  <si>
    <t>voor de financiering  'moeten we, samen met financiele instellingen en de rijksoverheid, goede oplossingen zien te vinden'</t>
  </si>
  <si>
    <t>opschaling van 3 naar 15 naar 138 dorpen/buurten</t>
  </si>
  <si>
    <t>CO2-neutraal in 2035</t>
  </si>
  <si>
    <t>https://gemeente.groningen.nl/file/stap-voor-stap-naar-aardgasvrije-wijken-en-dorpen-strategie-en-aanpak</t>
  </si>
  <si>
    <t>PL0014010002</t>
  </si>
  <si>
    <t>Noorderplantsoenbuurt</t>
  </si>
  <si>
    <t>2035</t>
  </si>
  <si>
    <t>voorsorterend en/of voorkeursopties</t>
  </si>
  <si>
    <t>isoleren: geen aantasting van identiteit en uitstraling van buurt en woningen .Hybride wp moeten stiller worden om geluidsoverlast te voorkomen. Ontwikkeling samenwerkingsvormen voor de VVEs. Koppeling met wijk- en dorspvernieuwing</t>
  </si>
  <si>
    <t>besparen (t/m 2024) dmv:Isolatie, Hybride WPen, Inductiekoken, IR-panelen, Build-in boilers, 55proc duurzame energieopwek, 30proc vervoer electrisch. 2025-2035: overstap naar groen gas. 2035-2050: overstap naar biogas, groene waterstof of synthetisch gas</t>
  </si>
  <si>
    <t>groen gas (vergisting huisvuil en/of bietenafval)</t>
  </si>
  <si>
    <t>BU00140005</t>
  </si>
  <si>
    <t>Hortusbuurt-Ebbingekwartier</t>
  </si>
  <si>
    <t>2021BU00140005</t>
  </si>
  <si>
    <t>buurten.8e602805-9b5a-4d7d-9d50-a6f35854fe11</t>
  </si>
  <si>
    <t>BU00140007</t>
  </si>
  <si>
    <t>UMCG</t>
  </si>
  <si>
    <t>2021BU00140007</t>
  </si>
  <si>
    <t>buurten.a0e93cad-5ee7-45ab-b3e2-95c60cf5cec9</t>
  </si>
  <si>
    <t>BU00140008</t>
  </si>
  <si>
    <t>Stationsgebied</t>
  </si>
  <si>
    <t>2021BU00140008</t>
  </si>
  <si>
    <t>buurten.02d3ff53-4c9d-43ae-9351-ca91d138f3fc</t>
  </si>
  <si>
    <t>BU00140100</t>
  </si>
  <si>
    <t>De Meeuwen</t>
  </si>
  <si>
    <t>WK001401</t>
  </si>
  <si>
    <t>2021BU00140100</t>
  </si>
  <si>
    <t>buurten.6c539fd0-2e8b-4c0d-9fd0-e2cc9e15ee41</t>
  </si>
  <si>
    <t>BU00140101</t>
  </si>
  <si>
    <t>Oosterpoort</t>
  </si>
  <si>
    <t>2021BU00140101</t>
  </si>
  <si>
    <t>buurten.e9f588c3-ea8d-477e-91a4-297df259819c</t>
  </si>
  <si>
    <t>BU00140102</t>
  </si>
  <si>
    <t>Herewegbuurt</t>
  </si>
  <si>
    <t>2021BU00140102</t>
  </si>
  <si>
    <t>buurten.9990ab65-8f7a-4529-841a-b33fa5643d78</t>
  </si>
  <si>
    <t>BU00140103</t>
  </si>
  <si>
    <t>Rivierenbuurt</t>
  </si>
  <si>
    <t>2021BU00140103</t>
  </si>
  <si>
    <t>buurten.07048d41-7ef5-4407-9e41-7be85ff1f069</t>
  </si>
  <si>
    <t>BU00140104</t>
  </si>
  <si>
    <t>Grunobuurt</t>
  </si>
  <si>
    <t>2021BU00140104</t>
  </si>
  <si>
    <t>buurten.8df1de06-287f-44c0-ad4f-58d8bb50b344</t>
  </si>
  <si>
    <t>BU00140105</t>
  </si>
  <si>
    <t>Badstratenbuurt</t>
  </si>
  <si>
    <t>2021BU00140105</t>
  </si>
  <si>
    <t>buurten.c62ee269-8482-4005-8eed-d15fb34376c3</t>
  </si>
  <si>
    <t>BU00140106</t>
  </si>
  <si>
    <t>Zeeheldenbuurt</t>
  </si>
  <si>
    <t>2021BU00140106</t>
  </si>
  <si>
    <t>buurten.e8e68219-e32a-44f1-a8d2-1906752a694b</t>
  </si>
  <si>
    <t>BU00140107</t>
  </si>
  <si>
    <t>Laanhuizen</t>
  </si>
  <si>
    <t>2021BU00140107</t>
  </si>
  <si>
    <t>buurten.7c9184f9-b264-4665-9567-28567e00d744</t>
  </si>
  <si>
    <t>BU00140108</t>
  </si>
  <si>
    <t>Stadspark</t>
  </si>
  <si>
    <t>2021BU00140108</t>
  </si>
  <si>
    <t>buurten.a3ba0b60-7863-4cc5-94a0-70ae5aef7b3b</t>
  </si>
  <si>
    <t>BU00140109</t>
  </si>
  <si>
    <t>Martini Trade Park</t>
  </si>
  <si>
    <t>2021BU00140109</t>
  </si>
  <si>
    <t>buurten.46c043a3-3565-4bd2-9c74-007fb696e098</t>
  </si>
  <si>
    <t>BU00140200</t>
  </si>
  <si>
    <t>Oranjebuurt</t>
  </si>
  <si>
    <t>WK001402</t>
  </si>
  <si>
    <t>2021BU00140200</t>
  </si>
  <si>
    <t>buurten.125bd4e1-1d90-4aa2-889a-18eaac493026</t>
  </si>
  <si>
    <t>PL0014010005</t>
  </si>
  <si>
    <t>Paddepoel</t>
  </si>
  <si>
    <t>koppeling met wijk- en dorspvernieuwing</t>
  </si>
  <si>
    <t>bevorderen besparing (50proc vd vraag). Aansluiten van 1/3 van alle woningen (zon 50.000) op warmtenet (bijv restwarmte). Proefprojecten:Energieleverende gebouwen, ombouwen van 3 woningen in demonstratiewoningen (elektrisch, hybride en warmtenet)</t>
  </si>
  <si>
    <t>geothermie (onzeker door aardbevingsrisicos) en/of groen gas (vergisting huisvuil en/of bietenafval) en/of restwarmte en/of wind en/of zonthermie aquathermie bodemenergie biomassa</t>
  </si>
  <si>
    <t>geothermie en/of hernieuwbaar gas (groengas) en/of restwarmte en/of zonnewarmte en/of bodemenergie en/of biomassa</t>
  </si>
  <si>
    <t>BU00140201</t>
  </si>
  <si>
    <t>2021BU00140201</t>
  </si>
  <si>
    <t>buurten.95cab235-92ec-4f4d-b2ce-eca30889f28f</t>
  </si>
  <si>
    <t>BU00140202</t>
  </si>
  <si>
    <t>Schildersbuurt</t>
  </si>
  <si>
    <t>2021BU00140202</t>
  </si>
  <si>
    <t>buurten.7b19f785-07a2-4bf9-b3bf-612d0b9c6cb2</t>
  </si>
  <si>
    <t>BU00140203</t>
  </si>
  <si>
    <t>Kostverloren</t>
  </si>
  <si>
    <t>2021BU00140203</t>
  </si>
  <si>
    <t>buurten.c3ed1880-5976-4b5d-b12a-e383be08ef5f</t>
  </si>
  <si>
    <t>BU00140300</t>
  </si>
  <si>
    <t>De Hoogte</t>
  </si>
  <si>
    <t>WK001403</t>
  </si>
  <si>
    <t>2021BU00140300</t>
  </si>
  <si>
    <t>buurten.0a4aa4f7-17c6-4867-956b-f582f297671d</t>
  </si>
  <si>
    <t>PL0014010010</t>
  </si>
  <si>
    <t>Indische buurt / De Hoogte</t>
  </si>
  <si>
    <t>Selwerd</t>
  </si>
  <si>
    <t>gefaseerd van het aardgas met als start de komende coalitieperiode. Aardgasbesparende maatregelen treffen, zoals isoleren, elektrische koken, warmtepompen, duurzame energieopwekking, gedragsverandering, vernieuwen apparatuur, et cetera.</t>
  </si>
  <si>
    <t>BU00140301</t>
  </si>
  <si>
    <t>Indische buurt</t>
  </si>
  <si>
    <t>2021BU00140301</t>
  </si>
  <si>
    <t>buurten.18f38564-76ff-4b60-8cc5-240996b81cad</t>
  </si>
  <si>
    <t>BU00140302</t>
  </si>
  <si>
    <t>Professorenbuurt</t>
  </si>
  <si>
    <t>2021BU00140302</t>
  </si>
  <si>
    <t>buurten.c475f98e-3c0d-49aa-bc4f-b7be41b78bdd</t>
  </si>
  <si>
    <t>BU00140400</t>
  </si>
  <si>
    <t>Gorechtbuurt</t>
  </si>
  <si>
    <t>WK001404</t>
  </si>
  <si>
    <t>2021BU00140400</t>
  </si>
  <si>
    <t>buurten.f4fed16d-bc2a-4e26-a209-94c4ef2b2417</t>
  </si>
  <si>
    <t>BU00140401</t>
  </si>
  <si>
    <t>Vogelbuurt</t>
  </si>
  <si>
    <t>2021BU00140401</t>
  </si>
  <si>
    <t>buurten.b0b5c358-603c-4527-9f89-591337d01f8f</t>
  </si>
  <si>
    <t>BU00140402</t>
  </si>
  <si>
    <t>Bloemenbuurt</t>
  </si>
  <si>
    <t>2021BU00140402</t>
  </si>
  <si>
    <t>buurten.a3bf719b-5a9b-41c9-94c2-f9324e9cb63f</t>
  </si>
  <si>
    <t>BU00140403</t>
  </si>
  <si>
    <t>Florabuurt</t>
  </si>
  <si>
    <t>2021BU00140403</t>
  </si>
  <si>
    <t>buurten.cb6d1d18-a0f0-4033-a549-8422b1057156</t>
  </si>
  <si>
    <t>BU00140404</t>
  </si>
  <si>
    <t>Damsterbuurt</t>
  </si>
  <si>
    <t>2021BU00140404</t>
  </si>
  <si>
    <t>buurten.9d5d90d6-245b-4585-9c2d-853e9601dc7a</t>
  </si>
  <si>
    <t>BU00140500</t>
  </si>
  <si>
    <t>De Linie</t>
  </si>
  <si>
    <t>WK001405</t>
  </si>
  <si>
    <t>2021BU00140500</t>
  </si>
  <si>
    <t>buurten.3812270d-f9ec-448c-8618-0ee6d68206f7</t>
  </si>
  <si>
    <t>BU00140501</t>
  </si>
  <si>
    <t>Europapark</t>
  </si>
  <si>
    <t>2021BU00140501</t>
  </si>
  <si>
    <t>buurten.9cfc556c-d233-4cc1-af01-e24a76b8a988</t>
  </si>
  <si>
    <t>BU00140502</t>
  </si>
  <si>
    <t>Eemskanaal</t>
  </si>
  <si>
    <t>2021BU00140502</t>
  </si>
  <si>
    <t>buurten.f764575c-420c-4dee-8935-ea6d881463f7</t>
  </si>
  <si>
    <t>BU00140503</t>
  </si>
  <si>
    <t>Kop van Oost</t>
  </si>
  <si>
    <t>2021BU00140503</t>
  </si>
  <si>
    <t>buurten.044c2f23-9a63-4033-933b-2c96d4243ccc</t>
  </si>
  <si>
    <t>BU00140504</t>
  </si>
  <si>
    <t>Woonschepenhaven</t>
  </si>
  <si>
    <t>2021BU00140504</t>
  </si>
  <si>
    <t>buurten.75816f33-fdf7-44c9-86c2-c3a5ff38cdcc</t>
  </si>
  <si>
    <t>BU00140505</t>
  </si>
  <si>
    <t>Driebond</t>
  </si>
  <si>
    <t>2021BU00140505</t>
  </si>
  <si>
    <t>buurten.fb6a5908-5b13-4d43-a4a8-f48ba6a4417a</t>
  </si>
  <si>
    <t>BU00140506</t>
  </si>
  <si>
    <t>Eemspoort</t>
  </si>
  <si>
    <t>2021BU00140506</t>
  </si>
  <si>
    <t>buurten.d110a4ef-2284-458b-adb8-1195dc1b74b7</t>
  </si>
  <si>
    <t>BU00140507</t>
  </si>
  <si>
    <t>Euvelgunne</t>
  </si>
  <si>
    <t>2021BU00140507</t>
  </si>
  <si>
    <t>buurten.bd8c7b9f-0324-4538-9560-859fb30f91ac</t>
  </si>
  <si>
    <t>BU00140508</t>
  </si>
  <si>
    <t>Winschoterdiep</t>
  </si>
  <si>
    <t>2021BU00140508</t>
  </si>
  <si>
    <t>buurten.590f4b39-9f9b-4f55-b8fd-a50c53b5547a</t>
  </si>
  <si>
    <t>BU00140509</t>
  </si>
  <si>
    <t>Stainkoel'n</t>
  </si>
  <si>
    <t>2021BU00140509</t>
  </si>
  <si>
    <t>buurten.ed2a6e98-56e0-4e73-a2ce-549dbe256d10</t>
  </si>
  <si>
    <t>BU00140510</t>
  </si>
  <si>
    <t>Roodehaan</t>
  </si>
  <si>
    <t>2021BU00140510</t>
  </si>
  <si>
    <t>buurten.feef58a8-c89f-4425-9320-f44fb64ea1fd</t>
  </si>
  <si>
    <t>GM1952</t>
  </si>
  <si>
    <t>Midden-Groningen</t>
  </si>
  <si>
    <t>DC195201</t>
  </si>
  <si>
    <t>Transitievisie Warmte Midden-Groningen</t>
  </si>
  <si>
    <t>2021-09-29</t>
  </si>
  <si>
    <t>haalbaar en betaalbaar, samen</t>
  </si>
  <si>
    <t>TVW word gedragen door gemeente, stakeholders (bv. Woco), en bewonersorganisaties</t>
  </si>
  <si>
    <t>https://bestuur.midden-groningen.nl/Vergaderingen/Raadsvergadering/2021/25-november/19:30/03-Transitievisie-Warmte-Midden-Groningen-2021-1.pdf</t>
  </si>
  <si>
    <t>PL1952010004</t>
  </si>
  <si>
    <t>Opstellen WUP</t>
  </si>
  <si>
    <t>BU00140511</t>
  </si>
  <si>
    <t>Waterhuizen</t>
  </si>
  <si>
    <t>2021BU00140511</t>
  </si>
  <si>
    <t>buurten.cfb73c69-94d0-4efc-a10e-67d34ed0d357</t>
  </si>
  <si>
    <t>BU00140600</t>
  </si>
  <si>
    <t>Sterrebosbuurt</t>
  </si>
  <si>
    <t>WK001406</t>
  </si>
  <si>
    <t>2021BU00140600</t>
  </si>
  <si>
    <t>buurten.d995eaee-244f-4aba-8f05-9a51db1dc535</t>
  </si>
  <si>
    <t>PL0014010009</t>
  </si>
  <si>
    <t>De Weijert</t>
  </si>
  <si>
    <t>BU00140601</t>
  </si>
  <si>
    <t>Coendersborg</t>
  </si>
  <si>
    <t>2021BU00140601</t>
  </si>
  <si>
    <t>buurten.519f63c6-0969-4323-8456-cd17e7247b03</t>
  </si>
  <si>
    <t>BU00140602</t>
  </si>
  <si>
    <t>Klein Martijn</t>
  </si>
  <si>
    <t>2021BU00140602</t>
  </si>
  <si>
    <t>buurten.23adebe0-5c93-49c0-9732-a412d81ab49b</t>
  </si>
  <si>
    <t>BU00140603</t>
  </si>
  <si>
    <t>Villabuurt</t>
  </si>
  <si>
    <t>2021BU00140603</t>
  </si>
  <si>
    <t>buurten.d461642c-85d4-455a-bdb0-f2d30922ec88</t>
  </si>
  <si>
    <t>BU00140604</t>
  </si>
  <si>
    <t>Helpman</t>
  </si>
  <si>
    <t>2021BU00140604</t>
  </si>
  <si>
    <t>buurten.42248488-9181-4fe6-abd5-495fc3394f05</t>
  </si>
  <si>
    <t>BU00140605</t>
  </si>
  <si>
    <t>De Wijert</t>
  </si>
  <si>
    <t>2021BU00140605</t>
  </si>
  <si>
    <t>buurten.023b7905-885a-4c6a-908f-dfe8b28452a3</t>
  </si>
  <si>
    <t>BU00140606</t>
  </si>
  <si>
    <t>De Wijert-Zuid</t>
  </si>
  <si>
    <t>2021BU00140606</t>
  </si>
  <si>
    <t>buurten.0d856c0b-9feb-4df0-b6a2-0075d3523fc1</t>
  </si>
  <si>
    <t>BU00140700</t>
  </si>
  <si>
    <t>Corpus den Hoorn</t>
  </si>
  <si>
    <t>WK001407</t>
  </si>
  <si>
    <t>2021BU00140700</t>
  </si>
  <si>
    <t>buurten.839eda2f-3bcb-49a9-b675-8ba7eefa8b5c</t>
  </si>
  <si>
    <t>BU00140701</t>
  </si>
  <si>
    <t>Hoornse Meer</t>
  </si>
  <si>
    <t>2021BU00140701</t>
  </si>
  <si>
    <t>buurten.a3d75744-7334-4414-a24b-3584098f842a</t>
  </si>
  <si>
    <t>GM1730</t>
  </si>
  <si>
    <t>Tynaarlo</t>
  </si>
  <si>
    <t>TVW opstellen</t>
  </si>
  <si>
    <t>DC173001</t>
  </si>
  <si>
    <t>2022-02-01</t>
  </si>
  <si>
    <t>1. Ons doel is CO2 besparen. Dit houden we voor ogen. 2. We maken een realistische Transitievisie Warmte,passend bij de karakteristieken van gemeente Tynaarlo. 3. We maken een haalbare Transitievisie Warmte.4. We maken een betaalbare Transitievisie Warmt</t>
  </si>
  <si>
    <t>Via de opgave vanuit het Rijk is gekeken naar wat in onze ogen realistisch en haalbaar is in Tynaarlo. Richtinggevend is een geloofwaardige aanpak (doen wat je zegt) en de Tynaarlose maat (wat is haalbaar en concreet op ons grondgebied). Isoleren is daar</t>
  </si>
  <si>
    <t>Om Tynaarlo in 2050 een duurzame, toekomstbestendige gemeente te laten zijn is het duurzaam verwarmen van alle ongeveer 14.500 woningen en ruim 2.600 gebouwen een belangrijke stap. Daarbij is het doel zoveel mogelijk van het aardgas af te zijn en energie</t>
  </si>
  <si>
    <t>https://www.tynaarlo.nl/sites/default/files/documents/Concept-Transitievisie%20Warmte.pdf</t>
  </si>
  <si>
    <t>PL1730010001</t>
  </si>
  <si>
    <t>PL1730010006</t>
  </si>
  <si>
    <t>Boorvrije zones/restrictiegebieden.</t>
  </si>
  <si>
    <t>Monumentale panden (met status), verspreid over de gemeente</t>
  </si>
  <si>
    <t>rendabiliteit</t>
  </si>
  <si>
    <t>beperkte mogelijkheden tot isoleren, daarom op zoek naar HT oplossing</t>
  </si>
  <si>
    <t>Label B (rendabel op natuurlijk moment)</t>
  </si>
  <si>
    <t>BU00140702</t>
  </si>
  <si>
    <t>Hoornse Park</t>
  </si>
  <si>
    <t>2021BU00140702</t>
  </si>
  <si>
    <t>buurten.b2db9c10-ca52-48dd-84d7-bd91786aef61</t>
  </si>
  <si>
    <t>BU00140703</t>
  </si>
  <si>
    <t>Van Swieten</t>
  </si>
  <si>
    <t>2021BU00140703</t>
  </si>
  <si>
    <t>buurten.a83c12e0-54a2-4936-86bf-dbe23c8d5af0</t>
  </si>
  <si>
    <t>BU00140704</t>
  </si>
  <si>
    <t>Piccardthof</t>
  </si>
  <si>
    <t>2021BU00140704</t>
  </si>
  <si>
    <t>buurten.8f586b1b-f536-451c-b8e4-483398c43e65</t>
  </si>
  <si>
    <t>BU00140705</t>
  </si>
  <si>
    <t>Bruilweering</t>
  </si>
  <si>
    <t>2021BU00140705</t>
  </si>
  <si>
    <t>buurten.dd1fea2a-551b-4f7a-a22c-2bb1bf388116</t>
  </si>
  <si>
    <t>BU00140800</t>
  </si>
  <si>
    <t>Hoogkerk Dorp</t>
  </si>
  <si>
    <t>WK001408</t>
  </si>
  <si>
    <t>2021BU00140800</t>
  </si>
  <si>
    <t>buurten.4af0a6cc-70a8-445e-9929-dc15b6576455</t>
  </si>
  <si>
    <t>BU00140801</t>
  </si>
  <si>
    <t>Hoogkerk-Zuid</t>
  </si>
  <si>
    <t>2021BU00140801</t>
  </si>
  <si>
    <t>buurten.2e89101f-a025-419d-a274-1ff2b1d969ba</t>
  </si>
  <si>
    <t>GM1699</t>
  </si>
  <si>
    <t>Noordenveld</t>
  </si>
  <si>
    <t>klimaatneutraal in 2040</t>
  </si>
  <si>
    <t>DC169901</t>
  </si>
  <si>
    <t>Samen op weg naar een duurzaam alternatief voor aardgas. Warmtevisie Noordenveld</t>
  </si>
  <si>
    <t>2020-01-28</t>
  </si>
  <si>
    <t>1. Participatief proces2. een onderzoekende houding3. maximaal transparante afwegingen4. adaptieve oplossingen5. lokaal en cooperatief6. keuzevrijheid indien mogelijk7. haalbaar en betaalbaar(8. begin bij het begin: altijd isoleren)</t>
  </si>
  <si>
    <t>Welke kansen en risicos zien inwoners en wat betekent dat voor de warmtevisie? Om dat op het netvlies te krijgen zijn vanaf het begin actief inwoners op verschillende manieren betrokken. De ervaring leert dat hoe concreter het wordt, hoe meer mensen acti</t>
  </si>
  <si>
    <t>Om het landelijke einddoel in 2050 te halen zullen in de 20 jaar daarna bijna 1.200 woningen per jaar moeten worden aangesloten op een hernieuwbare warmtebron. Het zwaartepunt ligt daarmee dus op de laatste periode als de transitie naar verwachting vaart</t>
  </si>
  <si>
    <t>https://www.noordenveld.nl/sites/default/files/2022-08/Warmtevisie%20Noordenveld.pdf</t>
  </si>
  <si>
    <t>PL1699010004</t>
  </si>
  <si>
    <t>Nieuwbouw na 92</t>
  </si>
  <si>
    <t>concept, maatwerk individueel</t>
  </si>
  <si>
    <t>aanpakken woning op natuurlijk moment</t>
  </si>
  <si>
    <t>woningen zijn geschikt voor overstap naar all-electric. Geen kwantitatief doel hoeveel woningen in 2030, wel doel dat alle woningen in 2050 all-electric zijn.</t>
  </si>
  <si>
    <t>Elektriciteit</t>
  </si>
  <si>
    <t>BU00140802</t>
  </si>
  <si>
    <t>Westpoort</t>
  </si>
  <si>
    <t>2021BU00140802</t>
  </si>
  <si>
    <t>buurten.97bf1303-7aa4-42a0-9eb5-76381e3efdef</t>
  </si>
  <si>
    <t>20% aardgasvrij</t>
  </si>
  <si>
    <t>DC196901</t>
  </si>
  <si>
    <t>Transitievisie Warmte (gemeente Westerkwartier)</t>
  </si>
  <si>
    <t>samen, haalbaar en betaalbaar, duurzaam</t>
  </si>
  <si>
    <t>communiceren, informeren en samenwerken met inwoners en ondernemers</t>
  </si>
  <si>
    <t>https://westerkwartier.bestuurlijkeinformatie.nl/Agenda/Document/c9fbd443-cd18-4e3f-80a3-f1bfc6c056f2?documentId=70a49ed0-f7f8-414f-b509-c3dd40747b33</t>
  </si>
  <si>
    <t>PL1969010001</t>
  </si>
  <si>
    <t>Buitengebied en losse bebouwing</t>
  </si>
  <si>
    <t>WUP MOL-dorpen</t>
  </si>
  <si>
    <t>voor 2022</t>
  </si>
  <si>
    <t>definitief, maatwerk individueel</t>
  </si>
  <si>
    <t>isoleren van woningen en onderzoek warmtenet. 2040 aardgasvrij</t>
  </si>
  <si>
    <t>BU00140803</t>
  </si>
  <si>
    <t>Vierverlaten</t>
  </si>
  <si>
    <t>2021BU00140803</t>
  </si>
  <si>
    <t>buurten.79584f43-aa0a-4946-9518-d047bbbc8ab4</t>
  </si>
  <si>
    <t>BU00140804</t>
  </si>
  <si>
    <t>Zuidwending</t>
  </si>
  <si>
    <t>2021BU00140804</t>
  </si>
  <si>
    <t>buurten.2e562894-54c6-4443-b92f-876115030d46</t>
  </si>
  <si>
    <t>BU00140805</t>
  </si>
  <si>
    <t>Leegkerk</t>
  </si>
  <si>
    <t>2021BU00140805</t>
  </si>
  <si>
    <t>buurten.30ff00ea-e8c0-4399-9d46-491380a1c24b</t>
  </si>
  <si>
    <t>BU00140806</t>
  </si>
  <si>
    <t>Gravenburg</t>
  </si>
  <si>
    <t>2021BU00140806</t>
  </si>
  <si>
    <t>buurten.0f8e68e0-319b-47d3-bfc8-e67b6c3382ee</t>
  </si>
  <si>
    <t>BU00140807</t>
  </si>
  <si>
    <t>Suikerfabriekterrein</t>
  </si>
  <si>
    <t>2021BU00140807</t>
  </si>
  <si>
    <t>buurten.64ed2f78-0381-4023-9395-8cec8ebe2a8c</t>
  </si>
  <si>
    <t>BU00140808</t>
  </si>
  <si>
    <t>Peizerweg</t>
  </si>
  <si>
    <t>2021BU00140808</t>
  </si>
  <si>
    <t>buurten.fee814e2-6966-40c8-9d03-2d4b5f69a3dd</t>
  </si>
  <si>
    <t>BU00140809</t>
  </si>
  <si>
    <t>Bangeweer</t>
  </si>
  <si>
    <t>2021BU00140809</t>
  </si>
  <si>
    <t>buurten.23a587b9-2e02-45a5-b537-2539e0095ce1</t>
  </si>
  <si>
    <t>BU00140810</t>
  </si>
  <si>
    <t>De Buitenhof</t>
  </si>
  <si>
    <t>2021BU00140810</t>
  </si>
  <si>
    <t>buurten.5523da51-46e9-4719-a28f-469057cb4684</t>
  </si>
  <si>
    <t>BU00140811</t>
  </si>
  <si>
    <t>Kranenburg</t>
  </si>
  <si>
    <t>2021BU00140811</t>
  </si>
  <si>
    <t>buurten.bc55850d-4237-4620-a5a1-6b8fe5e5b9bb</t>
  </si>
  <si>
    <t>BU00140812</t>
  </si>
  <si>
    <t>De Kring</t>
  </si>
  <si>
    <t>2021BU00140812</t>
  </si>
  <si>
    <t>buurten.b2fd120f-2c6f-4546-935f-06772bb1ba76</t>
  </si>
  <si>
    <t>BU00140900</t>
  </si>
  <si>
    <t>Vinkhuizen-Noord</t>
  </si>
  <si>
    <t>WK001409</t>
  </si>
  <si>
    <t>2021BU00140900</t>
  </si>
  <si>
    <t>buurten.20953e93-6fbe-444a-9dc3-e3530db64d9c</t>
  </si>
  <si>
    <t>PL0014010006</t>
  </si>
  <si>
    <t>Vinkhuizen</t>
  </si>
  <si>
    <t>gefaseerd van het aardgas met als start de komende coalitieperiode. Aardgasbesparende maatregelen treffen, zoals isoleren, elektrische koken, duurzame energieopwekking, gedragsverandering, vernieuwen apparatuur, et cetera.</t>
  </si>
  <si>
    <t>BU00140901</t>
  </si>
  <si>
    <t>Vinkhuizen-Zuid</t>
  </si>
  <si>
    <t>2021BU00140901</t>
  </si>
  <si>
    <t>buurten.6a7a23be-59eb-467f-b0fd-db6e0bb15320</t>
  </si>
  <si>
    <t>BU00140902</t>
  </si>
  <si>
    <t>Hoendiep</t>
  </si>
  <si>
    <t>2021BU00140902</t>
  </si>
  <si>
    <t>buurten.1ab6f79f-215d-46fe-85ef-434220893d64</t>
  </si>
  <si>
    <t>BU00140903</t>
  </si>
  <si>
    <t>Friesestraatweg</t>
  </si>
  <si>
    <t>2021BU00140903</t>
  </si>
  <si>
    <t>buurten.10da2830-51be-4552-a7b5-be88d71484b5</t>
  </si>
  <si>
    <t>BU00140904</t>
  </si>
  <si>
    <t>Reitdiep</t>
  </si>
  <si>
    <t>2021BU00140904</t>
  </si>
  <si>
    <t>buurten.09647231-012a-467e-a49c-111c5c48b7a9</t>
  </si>
  <si>
    <t>PL0014010003</t>
  </si>
  <si>
    <t>financieringsopties aan bewoners. Bewoners besluiten zelf welke route zij kiezen naar aardgasvrij.Ontwikkeling samenwerkingsvormen voor de VVEs.Koppeling met wijk- en dorspvernieuwing</t>
  </si>
  <si>
    <t>onderzoek in vijf type voorbeeldwoningen mbt warmtepompen. Onderzoeken technische, financiele en operationele haalbaarheid van een collectieve aanpak.Pilot uitvoeren zonne-energie delen met je buren.</t>
  </si>
  <si>
    <t>BU00140905</t>
  </si>
  <si>
    <t>Dorkwerd</t>
  </si>
  <si>
    <t>2021BU00140905</t>
  </si>
  <si>
    <t>buurten.0ab7379b-71b4-457c-bc8c-a1144b20032a</t>
  </si>
  <si>
    <t>BU00140906</t>
  </si>
  <si>
    <t>De Held</t>
  </si>
  <si>
    <t>2021BU00140906</t>
  </si>
  <si>
    <t>buurten.d1a353a5-e8d8-4c9a-8126-7c5503ae1f8e</t>
  </si>
  <si>
    <t>BU00140907</t>
  </si>
  <si>
    <t>Westpark</t>
  </si>
  <si>
    <t>2021BU00140907</t>
  </si>
  <si>
    <t>buurten.37c2d4c2-3ab7-4fed-8abd-07550db1fa4d</t>
  </si>
  <si>
    <t>BU00141000</t>
  </si>
  <si>
    <t>WK001410</t>
  </si>
  <si>
    <t>2021BU00141000</t>
  </si>
  <si>
    <t>buurten.03848c07-d1d4-4637-bff4-b93e4fb45252</t>
  </si>
  <si>
    <t>PL0014010004</t>
  </si>
  <si>
    <t>BU00141001</t>
  </si>
  <si>
    <t>Paddepoel-Zuid</t>
  </si>
  <si>
    <t>2021BU00141001</t>
  </si>
  <si>
    <t>buurten.f2eb1dd0-35c7-4e73-82ee-8414c7c3387a</t>
  </si>
  <si>
    <t>BU00141002</t>
  </si>
  <si>
    <t>Paddepoel-Noord</t>
  </si>
  <si>
    <t>2021BU00141002</t>
  </si>
  <si>
    <t>buurten.3c0b0be8-338e-4b67-803f-9d3317300170</t>
  </si>
  <si>
    <t>BU00141003</t>
  </si>
  <si>
    <t>Zernike Campus</t>
  </si>
  <si>
    <t>2021BU00141003</t>
  </si>
  <si>
    <t>buurten.587d7c01-078f-43d7-ac73-52c3b48accce</t>
  </si>
  <si>
    <t>BU00141004</t>
  </si>
  <si>
    <t>Selwerderhof</t>
  </si>
  <si>
    <t>2021BU00141004</t>
  </si>
  <si>
    <t>buurten.f016f6cd-84d7-4f44-835b-2621a96202ba</t>
  </si>
  <si>
    <t>BU00141005</t>
  </si>
  <si>
    <t>Tuinwijk</t>
  </si>
  <si>
    <t>2021BU00141005</t>
  </si>
  <si>
    <t>buurten.7a367d28-6a1b-4abc-a854-3e5cbc78eb3f</t>
  </si>
  <si>
    <t>BU00141100</t>
  </si>
  <si>
    <t>Beijum-West</t>
  </si>
  <si>
    <t>WK001411</t>
  </si>
  <si>
    <t>2021BU00141100</t>
  </si>
  <si>
    <t>buurten.cbd4cd2f-c067-4d75-810d-a198e100264f</t>
  </si>
  <si>
    <t>het Hogeland</t>
  </si>
  <si>
    <t>20% minder aardgasverbruik in 2030. Gemeente heeft een hogere ambitie, namelijk aardgasvrij in 2035 (uiterlijk 2050)</t>
  </si>
  <si>
    <t>DC196601</t>
  </si>
  <si>
    <t>De Hogelandster Aanpak</t>
  </si>
  <si>
    <t>betaalbaar, koppelkansen met versterkingsopgave, samen met bewoners/energiecooperaties.</t>
  </si>
  <si>
    <t>Dorpswarmteplannen maken, daarna uitvoeringsplan</t>
  </si>
  <si>
    <t>https://raadhethogeland.nl/vergaderingen/lijst/vergadering?tx_windmeetings_windmeetings%5Baction%5D=downloadDocument&amp;tx_windmeetings_windmeetings%5Bcontroller%5D=Agenda&amp;tx_windmeetings_windmeetings%5Bdocument%5D=448654&amp;cHash=6a013c8e836d9400da931fb846494</t>
  </si>
  <si>
    <t>PL0014010008</t>
  </si>
  <si>
    <t>PL1966010001</t>
  </si>
  <si>
    <t>Beijum</t>
  </si>
  <si>
    <t>PAW (Zuidwolde)</t>
  </si>
  <si>
    <t>2028</t>
  </si>
  <si>
    <t>voorsorterend; 5GDHC warmtenet</t>
  </si>
  <si>
    <t>aardgasvrij; samen met bestaande projekten. (versterkingsopgave, PAW)</t>
  </si>
  <si>
    <t>alle woningen geïsoleerd tot label B voor zover haalbaar</t>
  </si>
  <si>
    <t>lokale, meerdere clusters van LT-warmtenetten</t>
  </si>
  <si>
    <t>gas, warmtenet, elektriciteit</t>
  </si>
  <si>
    <t>Zonthermie, TEO + WP</t>
  </si>
  <si>
    <t>aquathermie, WKO, zon</t>
  </si>
  <si>
    <t>21</t>
  </si>
  <si>
    <t>BU00141101</t>
  </si>
  <si>
    <t>Beijum-Oost</t>
  </si>
  <si>
    <t>2021BU00141101</t>
  </si>
  <si>
    <t>buurten.0e2c9e17-3d8c-41d7-9082-baec4deba439</t>
  </si>
  <si>
    <t>BU00141102</t>
  </si>
  <si>
    <t>De Hunze</t>
  </si>
  <si>
    <t>2021BU00141102</t>
  </si>
  <si>
    <t>buurten.3e6d8d3d-53cf-471f-a822-a67d5004f27a</t>
  </si>
  <si>
    <t>BU00141103</t>
  </si>
  <si>
    <t>Van Starkenborgh</t>
  </si>
  <si>
    <t>2021BU00141103</t>
  </si>
  <si>
    <t>buurten.363fe4ae-79cf-4aac-a971-3e500a370184</t>
  </si>
  <si>
    <t>BU00141104</t>
  </si>
  <si>
    <t>Noorderhoogebrug</t>
  </si>
  <si>
    <t>2021BU00141104</t>
  </si>
  <si>
    <t>buurten.a33ac494-2660-4a09-88f1-0f48351a9169</t>
  </si>
  <si>
    <t>BU00141105</t>
  </si>
  <si>
    <t>Het Witte Lam</t>
  </si>
  <si>
    <t>2021BU00141105</t>
  </si>
  <si>
    <t>buurten.ae21b3f6-553f-4b39-b437-80b461d80fdd</t>
  </si>
  <si>
    <t>BU00141106</t>
  </si>
  <si>
    <t>Koningslaagte</t>
  </si>
  <si>
    <t>2021BU00141106</t>
  </si>
  <si>
    <t>buurten.003db458-2f2a-4b13-a55e-cb427a531463</t>
  </si>
  <si>
    <t>BU00141107</t>
  </si>
  <si>
    <t>Hunzeboord</t>
  </si>
  <si>
    <t>2021BU00141107</t>
  </si>
  <si>
    <t>buurten.59f12ee7-85a5-404a-87b5-4e9e6e25decf</t>
  </si>
  <si>
    <t>BU00141200</t>
  </si>
  <si>
    <t>Lewenborg-Noord</t>
  </si>
  <si>
    <t>WK001412</t>
  </si>
  <si>
    <t>2021BU00141200</t>
  </si>
  <si>
    <t>buurten.26b8b8d7-70bc-4036-89c6-895221c0b299</t>
  </si>
  <si>
    <t>PL0014010007</t>
  </si>
  <si>
    <t>Lewenborg</t>
  </si>
  <si>
    <t>BU00141201</t>
  </si>
  <si>
    <t>Lewenborg-Zuid</t>
  </si>
  <si>
    <t>2021BU00141201</t>
  </si>
  <si>
    <t>buurten.dfc36b2f-d6c3-44bd-9f5c-d713d7e88b78</t>
  </si>
  <si>
    <t>BU00141202</t>
  </si>
  <si>
    <t>Lewenborg-West</t>
  </si>
  <si>
    <t>2021BU00141202</t>
  </si>
  <si>
    <t>buurten.15827bb1-ffda-47fd-8868-2a7bced888a1</t>
  </si>
  <si>
    <t>BU00141203</t>
  </si>
  <si>
    <t>Oosterhoogebrug</t>
  </si>
  <si>
    <t>2021BU00141203</t>
  </si>
  <si>
    <t>buurten.079f62cc-0de0-469c-b223-d007ab872a4a</t>
  </si>
  <si>
    <t>BU00141204</t>
  </si>
  <si>
    <t>Ulgersmaborg</t>
  </si>
  <si>
    <t>2021BU00141204</t>
  </si>
  <si>
    <t>buurten.be155c7c-6694-4f7e-b449-a1c0a2f1a87d</t>
  </si>
  <si>
    <t>BU00141205</t>
  </si>
  <si>
    <t>Hunzepark</t>
  </si>
  <si>
    <t>2021BU00141205</t>
  </si>
  <si>
    <t>buurten.2e3cde70-92d5-43a8-9723-6885bd1f71ba</t>
  </si>
  <si>
    <t>BU00141206</t>
  </si>
  <si>
    <t>Zilvermeer</t>
  </si>
  <si>
    <t>2021BU00141206</t>
  </si>
  <si>
    <t>buurten.6193223b-784e-4576-b818-2bfcf5f41e56</t>
  </si>
  <si>
    <t>BU00141207</t>
  </si>
  <si>
    <t>Kardinge</t>
  </si>
  <si>
    <t>2021BU00141207</t>
  </si>
  <si>
    <t>buurten.028d1f1e-bba1-483c-9c12-7f8ec2cdd104</t>
  </si>
  <si>
    <t>BU00141208</t>
  </si>
  <si>
    <t>Drielanden</t>
  </si>
  <si>
    <t>2021BU00141208</t>
  </si>
  <si>
    <t>buurten.5315b5bf-6d99-41a3-a379-5061f5b78253</t>
  </si>
  <si>
    <t>BU00141209</t>
  </si>
  <si>
    <t>Noorddijk</t>
  </si>
  <si>
    <t>2021BU00141209</t>
  </si>
  <si>
    <t>buurten.e09e9fbc-385e-4597-a1e4-ded3e824b8df</t>
  </si>
  <si>
    <t>BU00141210</t>
  </si>
  <si>
    <t>Ruischerbrug</t>
  </si>
  <si>
    <t>2021BU00141210</t>
  </si>
  <si>
    <t>buurten.b351cc56-e3e4-4f97-b611-b3e6ff690924</t>
  </si>
  <si>
    <t>BU00141211</t>
  </si>
  <si>
    <t>Ruischerwaard</t>
  </si>
  <si>
    <t>2021BU00141211</t>
  </si>
  <si>
    <t>buurten.c00e7119-2279-4a97-80d5-a3fd6766c6ae</t>
  </si>
  <si>
    <t>BU00141300</t>
  </si>
  <si>
    <t>Middelbert</t>
  </si>
  <si>
    <t>WK001413</t>
  </si>
  <si>
    <t>2021BU00141300</t>
  </si>
  <si>
    <t>buurten.b24cef1c-293b-4f2f-b633-d59f44d95001</t>
  </si>
  <si>
    <t>BU00141301</t>
  </si>
  <si>
    <t>Engelbert</t>
  </si>
  <si>
    <t>2021BU00141301</t>
  </si>
  <si>
    <t>buurten.6deeab65-d639-436b-92f9-ef1cf9bd2578</t>
  </si>
  <si>
    <t>BU00141302</t>
  </si>
  <si>
    <t>Klein Harkstede</t>
  </si>
  <si>
    <t>2021BU00141302</t>
  </si>
  <si>
    <t>buurten.49e73dd3-7dec-4b79-a2ac-e2324f99a310</t>
  </si>
  <si>
    <t>BU00141400</t>
  </si>
  <si>
    <t>Meeroevers</t>
  </si>
  <si>
    <t>WK001414</t>
  </si>
  <si>
    <t>2021BU00141400</t>
  </si>
  <si>
    <t>buurten.acdc7641-278f-4d44-8483-530ea9043953</t>
  </si>
  <si>
    <t>BU00141401</t>
  </si>
  <si>
    <t>Harkstede GN</t>
  </si>
  <si>
    <t>2021BU00141401</t>
  </si>
  <si>
    <t>buurten.d2be736d-7432-4d3f-bde8-694e4a4f7ffa</t>
  </si>
  <si>
    <t>BU00141402</t>
  </si>
  <si>
    <t>Lageland GN</t>
  </si>
  <si>
    <t>2021BU00141402</t>
  </si>
  <si>
    <t>buurten.78dad8dc-410c-4667-9b5f-8a3dfe41486a</t>
  </si>
  <si>
    <t>BU00141403</t>
  </si>
  <si>
    <t>Groenewei</t>
  </si>
  <si>
    <t>2021BU00141403</t>
  </si>
  <si>
    <t>buurten.ceac3b94-6e0e-47b4-bf3d-36dc07826563</t>
  </si>
  <si>
    <t>BU00141404</t>
  </si>
  <si>
    <t>Tersluis</t>
  </si>
  <si>
    <t>2021BU00141404</t>
  </si>
  <si>
    <t>buurten.962fdab3-9e06-469d-aee9-e88f4b7c3848</t>
  </si>
  <si>
    <t>BU00141405</t>
  </si>
  <si>
    <t>De Zeilen</t>
  </si>
  <si>
    <t>2021BU00141405</t>
  </si>
  <si>
    <t>buurten.d966ff7a-3d4d-4f0f-96a6-54c9a4a0877a</t>
  </si>
  <si>
    <t>BU00141406</t>
  </si>
  <si>
    <t>De Wierden</t>
  </si>
  <si>
    <t>2021BU00141406</t>
  </si>
  <si>
    <t>buurten.d479761b-2e0c-4216-b323-918ea061c664</t>
  </si>
  <si>
    <t>BU00141500</t>
  </si>
  <si>
    <t>Ten Boer Dorp</t>
  </si>
  <si>
    <t>WK001415</t>
  </si>
  <si>
    <t>2021BU00141500</t>
  </si>
  <si>
    <t>buurten.d6bfac27-87af-4d56-8122-01b7069c0e0a</t>
  </si>
  <si>
    <t>PL0014010012</t>
  </si>
  <si>
    <t>Ten Boer</t>
  </si>
  <si>
    <t>BU00141501</t>
  </si>
  <si>
    <t>Buitengebied Ten Boer-Zuid</t>
  </si>
  <si>
    <t>2021BU00141501</t>
  </si>
  <si>
    <t>buurten.786ed498-6720-4238-ac6b-435fcb8477ad</t>
  </si>
  <si>
    <t>BU00141502</t>
  </si>
  <si>
    <t>Garmerwolde</t>
  </si>
  <si>
    <t>2021BU00141502</t>
  </si>
  <si>
    <t>buurten.85cd0748-23a5-40af-a0fe-7d49ca180c2e</t>
  </si>
  <si>
    <t>BU00141503</t>
  </si>
  <si>
    <t>Thesinge</t>
  </si>
  <si>
    <t>2021BU00141503</t>
  </si>
  <si>
    <t>buurten.1527f02a-d42e-4ad8-8fb5-3b800cd2017b</t>
  </si>
  <si>
    <t>BU00141504</t>
  </si>
  <si>
    <t>Sint Annen</t>
  </si>
  <si>
    <t>2021BU00141504</t>
  </si>
  <si>
    <t>buurten.34d499b2-1e40-4c9b-9f56-0f94584eb3b0</t>
  </si>
  <si>
    <t>BU00141505</t>
  </si>
  <si>
    <t>Buitengebied Ten Boer-Noord</t>
  </si>
  <si>
    <t>2021BU00141505</t>
  </si>
  <si>
    <t>buurten.d9d94761-38a6-4da0-99e3-e0f3eb7fbc54</t>
  </si>
  <si>
    <t>BU00141506</t>
  </si>
  <si>
    <t>Bedrijventerrein Ten Boer</t>
  </si>
  <si>
    <t>2021BU00141506</t>
  </si>
  <si>
    <t>buurten.b5a6e823-9804-4a2b-94ae-93f6ce934156</t>
  </si>
  <si>
    <t>BU00141600</t>
  </si>
  <si>
    <t>Ten Post Dorp</t>
  </si>
  <si>
    <t>WK001416</t>
  </si>
  <si>
    <t>2021BU00141600</t>
  </si>
  <si>
    <t>buurten.0d093a76-eb0d-48dd-a5f1-1db448ae9a66</t>
  </si>
  <si>
    <t>PL0014010011</t>
  </si>
  <si>
    <t>Ten Post</t>
  </si>
  <si>
    <t>BU00141601</t>
  </si>
  <si>
    <t>Lellens</t>
  </si>
  <si>
    <t>2021BU00141601</t>
  </si>
  <si>
    <t>buurten.1313b3db-36f9-4260-ae8d-d70df5d25b54</t>
  </si>
  <si>
    <t>BU00141602</t>
  </si>
  <si>
    <t>Woltersum</t>
  </si>
  <si>
    <t>2021BU00141602</t>
  </si>
  <si>
    <t>buurten.6e1c3fbd-00a0-42a7-9d77-9022f8b3e07d</t>
  </si>
  <si>
    <t>BU00141603</t>
  </si>
  <si>
    <t>Winneweer</t>
  </si>
  <si>
    <t>2021BU00141603</t>
  </si>
  <si>
    <t>buurten.ec0b0e6d-b8be-45a8-8fd2-74ada5b20231</t>
  </si>
  <si>
    <t>BU00141604</t>
  </si>
  <si>
    <t>Wittewierum</t>
  </si>
  <si>
    <t>2021BU00141604</t>
  </si>
  <si>
    <t>buurten.a3b470dd-b2e5-41d1-b775-188354874a39</t>
  </si>
  <si>
    <t>BU00141605</t>
  </si>
  <si>
    <t>Buitengebied Ten Post</t>
  </si>
  <si>
    <t>2021BU00141605</t>
  </si>
  <si>
    <t>buurten.1791b71f-ee84-4d15-8b84-b70929f35118</t>
  </si>
  <si>
    <t>BU00141700</t>
  </si>
  <si>
    <t>Haren-Centrum</t>
  </si>
  <si>
    <t>WK001417</t>
  </si>
  <si>
    <t>2021BU00141700</t>
  </si>
  <si>
    <t>buurten.2b4b71a4-e1c1-4621-9dfb-17b63e4067ab</t>
  </si>
  <si>
    <t>BU00141701</t>
  </si>
  <si>
    <t>Haren-Zuidwest</t>
  </si>
  <si>
    <t>2021BU00141701</t>
  </si>
  <si>
    <t>buurten.ccf814e2-3f90-490b-bb9d-0f0999140627</t>
  </si>
  <si>
    <t>BU00141702</t>
  </si>
  <si>
    <t>Haren-Zuidoost</t>
  </si>
  <si>
    <t>2021BU00141702</t>
  </si>
  <si>
    <t>buurten.1d16db9b-eccb-4498-8cc6-8eb594ed9c9c</t>
  </si>
  <si>
    <t>BU00141703</t>
  </si>
  <si>
    <t>Haren-Noord</t>
  </si>
  <si>
    <t>2021BU00141703</t>
  </si>
  <si>
    <t>buurten.5b090a1d-47b8-443b-a349-f60ef2657633</t>
  </si>
  <si>
    <t>BU00141704</t>
  </si>
  <si>
    <t>Essen</t>
  </si>
  <si>
    <t>2021BU00141704</t>
  </si>
  <si>
    <t>buurten.173aa8af-ae39-4fbf-8c3e-3360a62ee186</t>
  </si>
  <si>
    <t>BU00141705</t>
  </si>
  <si>
    <t>Buitengebied Haren-Noordwest</t>
  </si>
  <si>
    <t>2021BU00141705</t>
  </si>
  <si>
    <t>buurten.d387139b-c119-4cb5-acb9-54cc865382ae</t>
  </si>
  <si>
    <t>BU00141706</t>
  </si>
  <si>
    <t>Nesciopark</t>
  </si>
  <si>
    <t>2021BU00141706</t>
  </si>
  <si>
    <t>buurten.acf6895a-af5d-497a-9c62-7ea375057385</t>
  </si>
  <si>
    <t>BU00141707</t>
  </si>
  <si>
    <t>Paterswoldsemeer</t>
  </si>
  <si>
    <t>2021BU00141707</t>
  </si>
  <si>
    <t>buurten.a6f99a78-f62a-40c0-ad65-d46edd24b358</t>
  </si>
  <si>
    <t>PL1730010009</t>
  </si>
  <si>
    <t>Paterswolde: Omgeving Reigerlaan</t>
  </si>
  <si>
    <t>lokaal draagvlak</t>
  </si>
  <si>
    <t>Aansluiten op lokale kracht</t>
  </si>
  <si>
    <t>BU00141708</t>
  </si>
  <si>
    <t>Buitengebied Haren-Zuidoost</t>
  </si>
  <si>
    <t>2021BU00141708</t>
  </si>
  <si>
    <t>buurten.192cea3e-aa9f-4e14-9e19-84adcce74589</t>
  </si>
  <si>
    <t>BU00141709</t>
  </si>
  <si>
    <t>Wolddeelen</t>
  </si>
  <si>
    <t>2021BU00141709</t>
  </si>
  <si>
    <t>buurten.45b1cab0-91ce-44f2-940a-13053fdf9d4a</t>
  </si>
  <si>
    <t>BU00141710</t>
  </si>
  <si>
    <t>Buitengebied Haren-Zuidwest</t>
  </si>
  <si>
    <t>2021BU00141710</t>
  </si>
  <si>
    <t>buurten.3aef4054-15dd-4010-924b-48c402960666</t>
  </si>
  <si>
    <t>BU00141800</t>
  </si>
  <si>
    <t>Oosterhaar</t>
  </si>
  <si>
    <t>WK001418</t>
  </si>
  <si>
    <t>2021BU00141800</t>
  </si>
  <si>
    <t>buurten.663414a8-5cdd-459e-a7f8-2205c926dd5a</t>
  </si>
  <si>
    <t>BU00141801</t>
  </si>
  <si>
    <t>Tuindorp</t>
  </si>
  <si>
    <t>2021BU00141801</t>
  </si>
  <si>
    <t>buurten.5b26114f-9aca-46b7-828d-5b3282e09884</t>
  </si>
  <si>
    <t>BU00141802</t>
  </si>
  <si>
    <t>Felland</t>
  </si>
  <si>
    <t>2021BU00141802</t>
  </si>
  <si>
    <t>buurten.9480d9d8-47ee-47be-b340-2f7d1541cf10</t>
  </si>
  <si>
    <t>BU00141803</t>
  </si>
  <si>
    <t>Buitengebied Haren-Noordoost</t>
  </si>
  <si>
    <t>2021BU00141803</t>
  </si>
  <si>
    <t>buurten.16b7d6c3-d0ad-4001-9fa3-fdf2e87cd266</t>
  </si>
  <si>
    <t>BU00141900</t>
  </si>
  <si>
    <t>Glimmen Dorp</t>
  </si>
  <si>
    <t>WK001419</t>
  </si>
  <si>
    <t>2021BU00141900</t>
  </si>
  <si>
    <t>buurten.efc34e16-d9bd-4af1-a2cc-30c406aa8fa9</t>
  </si>
  <si>
    <t>PL0014010001</t>
  </si>
  <si>
    <t>Glimmen</t>
  </si>
  <si>
    <t>BU00141901</t>
  </si>
  <si>
    <t>Onnen Dorp</t>
  </si>
  <si>
    <t>2021BU00141901</t>
  </si>
  <si>
    <t>buurten.d83d314b-4188-43d7-ad52-5f8f50b75c38</t>
  </si>
  <si>
    <t>BU00141902</t>
  </si>
  <si>
    <t>Noordlaren Dorp</t>
  </si>
  <si>
    <t>2021BU00141902</t>
  </si>
  <si>
    <t>buurten.02d9fc10-34f2-4fb8-878e-e145fff0e2a4</t>
  </si>
  <si>
    <t>BU00141903</t>
  </si>
  <si>
    <t>Buitengebied Glimmen</t>
  </si>
  <si>
    <t>2021BU00141903</t>
  </si>
  <si>
    <t>buurten.5b7a31ac-ec25-4d12-8590-8acd0d2fc83a</t>
  </si>
  <si>
    <t>BU00141904</t>
  </si>
  <si>
    <t>Buitengebied Onnen</t>
  </si>
  <si>
    <t>2021BU00141904</t>
  </si>
  <si>
    <t>buurten.fd39dec6-8f05-4a87-970a-c7df9a7cd6d3</t>
  </si>
  <si>
    <t>BU00141905</t>
  </si>
  <si>
    <t>Buitengebied Noordlaren</t>
  </si>
  <si>
    <t>2021BU00141905</t>
  </si>
  <si>
    <t>buurten.13ffb6ef-2cb4-48cb-8197-147d4c3c5c65</t>
  </si>
  <si>
    <t>BU00141906</t>
  </si>
  <si>
    <t>Zuidlaardermeer</t>
  </si>
  <si>
    <t>2021BU00141906</t>
  </si>
  <si>
    <t>buurten.de9a25e9-a20b-45ed-ae91-f7c0bc3a7650</t>
  </si>
  <si>
    <t>BU00141907</t>
  </si>
  <si>
    <t>Noordlaarderbos</t>
  </si>
  <si>
    <t>2021BU00141907</t>
  </si>
  <si>
    <t>buurten.2ff5f8a8-b8ff-4b3b-848d-bdde14b2ef40</t>
  </si>
  <si>
    <t>BU00141908</t>
  </si>
  <si>
    <t>Appelbergen Glimmen</t>
  </si>
  <si>
    <t>2021BU00141908</t>
  </si>
  <si>
    <t>buurten.be1a3179-9a46-4d9f-ab34-3327040d6104</t>
  </si>
  <si>
    <t>BU00141909</t>
  </si>
  <si>
    <t>Appelbergen Onnen</t>
  </si>
  <si>
    <t>2021BU00141909</t>
  </si>
  <si>
    <t>buurten.f6cf00ef-97e7-492c-a29b-25f5046158e7</t>
  </si>
  <si>
    <t>BU00340101</t>
  </si>
  <si>
    <t>Centrum Almere Haven</t>
  </si>
  <si>
    <t>WK003401</t>
  </si>
  <si>
    <t>2021BU00340101</t>
  </si>
  <si>
    <t>buurten.3cd13441-8fcb-4b04-8e97-3fea6f3b1958</t>
  </si>
  <si>
    <t>bevoegdheid gemeente aanwijzen verwijderen gasnetten, overheid investeerd in warmte-infra, susidie woco en particulieren onrendabele top isolatie en all-electric, subsidie onderzoek geothermie, geld en wetgeving uitvoering gemeenten</t>
  </si>
  <si>
    <t>plan moet nog uitgewerkt worden</t>
  </si>
  <si>
    <t>combinatie van MT warmtebronnen  (AEB, Geothermie, lokale restwarmte, biomassa, Diemen)</t>
  </si>
  <si>
    <t>geothermie, restwarmte, biomassa</t>
  </si>
  <si>
    <t>BU00340102</t>
  </si>
  <si>
    <t>De Werven</t>
  </si>
  <si>
    <t>2021BU00340102</t>
  </si>
  <si>
    <t>buurten.1e3c1e0e-6e96-4472-9b64-208c01a627c3</t>
  </si>
  <si>
    <t>BU00340103</t>
  </si>
  <si>
    <t>De Hoven</t>
  </si>
  <si>
    <t>2021BU00340103</t>
  </si>
  <si>
    <t>buurten.b240d496-49f9-4362-a73b-4ccb017ec592</t>
  </si>
  <si>
    <t>BU00340104</t>
  </si>
  <si>
    <t>De Meenten</t>
  </si>
  <si>
    <t>2021BU00340104</t>
  </si>
  <si>
    <t>buurten.92a592ce-2d0c-43e9-81f1-c87d926c1872</t>
  </si>
  <si>
    <t>BU00340105</t>
  </si>
  <si>
    <t>De Grienden</t>
  </si>
  <si>
    <t>2021BU00340105</t>
  </si>
  <si>
    <t>buurten.c9a1811b-5f64-4995-ab56-d9eae16e3664</t>
  </si>
  <si>
    <t>BU00340106</t>
  </si>
  <si>
    <t>De Marken</t>
  </si>
  <si>
    <t>2021BU00340106</t>
  </si>
  <si>
    <t>buurten.91ecb88b-effd-4575-ac2f-614cfd41ab43</t>
  </si>
  <si>
    <t>BU00340107</t>
  </si>
  <si>
    <t>De Gouwen</t>
  </si>
  <si>
    <t>2021BU00340107</t>
  </si>
  <si>
    <t>buurten.51856554-ce78-4d1b-8264-40f41506a2bf</t>
  </si>
  <si>
    <t>BU00340108</t>
  </si>
  <si>
    <t>2021BU00340108</t>
  </si>
  <si>
    <t>buurten.d4f651b9-b43d-4811-938a-07a56cdf3e6f</t>
  </si>
  <si>
    <t>BU00340109</t>
  </si>
  <si>
    <t>De Velden</t>
  </si>
  <si>
    <t>2021BU00340109</t>
  </si>
  <si>
    <t>buurten.5aa61c09-78e1-4e52-8cd8-5fdbb21bfe98</t>
  </si>
  <si>
    <t>BU00340110</t>
  </si>
  <si>
    <t>Overgooi</t>
  </si>
  <si>
    <t>2021BU00340110</t>
  </si>
  <si>
    <t>buurten.c8a562a0-8928-4f22-968a-3aaf61d6759d</t>
  </si>
  <si>
    <t>BU00340111</t>
  </si>
  <si>
    <t>De Laren</t>
  </si>
  <si>
    <t>2021BU00340111</t>
  </si>
  <si>
    <t>buurten.20a4e3b7-335d-4b4a-ba2b-f390e77d3b21</t>
  </si>
  <si>
    <t>BU00340171</t>
  </si>
  <si>
    <t>De Steiger</t>
  </si>
  <si>
    <t>2021BU00340171</t>
  </si>
  <si>
    <t>buurten.e2f3486c-c904-4dcf-ae4f-be44e627f28c</t>
  </si>
  <si>
    <t>BU00340173</t>
  </si>
  <si>
    <t>Stichtsekant</t>
  </si>
  <si>
    <t>2021BU00340173</t>
  </si>
  <si>
    <t>buurten.d321c5bd-f978-4f32-a7e9-0bafbaa078dc</t>
  </si>
  <si>
    <t>In begin 2022 zal samen met de Omgevingsdienst Flevoland &amp; Gooi enVechtstreek een plan van aanpak worden opgesteld waarmee aanspraak gemaakt kan worden op de SEB-regeling.</t>
  </si>
  <si>
    <t>BU00340199</t>
  </si>
  <si>
    <t>overig Almere Haven</t>
  </si>
  <si>
    <t>2021BU00340199</t>
  </si>
  <si>
    <t>buurten.946bc5a2-73f2-4c13-9967-414727e4a6f3</t>
  </si>
  <si>
    <t>PL0034010003</t>
  </si>
  <si>
    <t>Almere Centrum &amp; Hout</t>
  </si>
  <si>
    <t>besparing 0,2PJ (gemeente)</t>
  </si>
  <si>
    <t>warmtenet met restwarmte (mogelijk open net met meer duurzame bronnen,nu restwarmte)</t>
  </si>
  <si>
    <t>BU00340201</t>
  </si>
  <si>
    <t>Centrum Almere Stad</t>
  </si>
  <si>
    <t>WK003402</t>
  </si>
  <si>
    <t>2021BU00340201</t>
  </si>
  <si>
    <t>buurten.6b109245-ebad-40da-a3ec-3f2ba132e7dd</t>
  </si>
  <si>
    <t>BU00340202</t>
  </si>
  <si>
    <t>Filmwijk</t>
  </si>
  <si>
    <t>2021BU00340202</t>
  </si>
  <si>
    <t>buurten.e3f51fed-eddf-470a-8838-590b0ff223df</t>
  </si>
  <si>
    <t>BU00340203</t>
  </si>
  <si>
    <t>Danswijk</t>
  </si>
  <si>
    <t>2021BU00340203</t>
  </si>
  <si>
    <t>buurten.ed260de0-8a8f-4073-9223-4f0efe1dc3eb</t>
  </si>
  <si>
    <t>BU00340204</t>
  </si>
  <si>
    <t>Parkwijk</t>
  </si>
  <si>
    <t>2021BU00340204</t>
  </si>
  <si>
    <t>buurten.997c37d9-ec7d-43a0-863e-2f49bbc33878</t>
  </si>
  <si>
    <t>BU00340205</t>
  </si>
  <si>
    <t>Verzetswijk</t>
  </si>
  <si>
    <t>2021BU00340205</t>
  </si>
  <si>
    <t>buurten.7c86216c-8545-4ecd-9d56-070fa89fb758</t>
  </si>
  <si>
    <t>BU00340206</t>
  </si>
  <si>
    <t>Waterwijk</t>
  </si>
  <si>
    <t>2021BU00340206</t>
  </si>
  <si>
    <t>buurten.0f6520e1-aa85-4901-a0e0-3265da1beeb8</t>
  </si>
  <si>
    <t>BU00340207</t>
  </si>
  <si>
    <t>Tussen de Vaarten noord</t>
  </si>
  <si>
    <t>2021BU00340207</t>
  </si>
  <si>
    <t>buurten.647ac995-929a-4706-9d32-1b6dca0bd9a9</t>
  </si>
  <si>
    <t>PL0034010002</t>
  </si>
  <si>
    <t>PL0034010005</t>
  </si>
  <si>
    <t>Almere Buiten</t>
  </si>
  <si>
    <t>BU00340208</t>
  </si>
  <si>
    <t>Tussen de Vaarten zuid</t>
  </si>
  <si>
    <t>2021BU00340208</t>
  </si>
  <si>
    <t>buurten.5c48c929-ecb1-4475-ab44-de228c884b3c</t>
  </si>
  <si>
    <t>BU00340209</t>
  </si>
  <si>
    <t>Staatsliedenwijk</t>
  </si>
  <si>
    <t>2021BU00340209</t>
  </si>
  <si>
    <t>buurten.05758fc3-72dc-4a00-8755-37c47dc9fed1</t>
  </si>
  <si>
    <t>BU00340210</t>
  </si>
  <si>
    <t>Kruidenwijk</t>
  </si>
  <si>
    <t>2021BU00340210</t>
  </si>
  <si>
    <t>buurten.99ce68d6-a64e-4d7f-91e4-538899a2c67e</t>
  </si>
  <si>
    <t>BU00340211</t>
  </si>
  <si>
    <t>Stedenwijk</t>
  </si>
  <si>
    <t>2021BU00340211</t>
  </si>
  <si>
    <t>buurten.3f07e44c-b588-4f12-87c7-1d6f3ac360ed</t>
  </si>
  <si>
    <t>BU00340212</t>
  </si>
  <si>
    <t>Muziekwijk noord</t>
  </si>
  <si>
    <t>2021BU00340212</t>
  </si>
  <si>
    <t>buurten.f4317e55-2dd5-4e98-9b96-137773980c50</t>
  </si>
  <si>
    <t>BU00340213</t>
  </si>
  <si>
    <t>Muziekwijk zuid</t>
  </si>
  <si>
    <t>2021BU00340213</t>
  </si>
  <si>
    <t>buurten.3527e200-01d7-451b-80a2-65926cc60a4e</t>
  </si>
  <si>
    <t>BU00340214</t>
  </si>
  <si>
    <t>Literatuurwijk</t>
  </si>
  <si>
    <t>2021BU00340214</t>
  </si>
  <si>
    <t>buurten.c628ea9e-0216-4ba2-bc84-f16a54ef70a5</t>
  </si>
  <si>
    <t>BU00340215</t>
  </si>
  <si>
    <t>Noorderplassen</t>
  </si>
  <si>
    <t>2021BU00340215</t>
  </si>
  <si>
    <t>buurten.2dd67487-e7f8-4723-89e6-4224fd984ef7</t>
  </si>
  <si>
    <t>BU00340271</t>
  </si>
  <si>
    <t>Randstad</t>
  </si>
  <si>
    <t>2021BU00340271</t>
  </si>
  <si>
    <t>buurten.95b91e85-3dc3-48a4-b161-3aee7cd356e4</t>
  </si>
  <si>
    <t>BU00340272</t>
  </si>
  <si>
    <t>Markerkant</t>
  </si>
  <si>
    <t>2021BU00340272</t>
  </si>
  <si>
    <t>buurten.371396d8-8ada-41ea-ad8a-88cb7586afe9</t>
  </si>
  <si>
    <t>BU00340273</t>
  </si>
  <si>
    <t>Hollandsekant</t>
  </si>
  <si>
    <t>2021BU00340273</t>
  </si>
  <si>
    <t>buurten.70724df7-25eb-4511-8006-c5153f0fcec4</t>
  </si>
  <si>
    <t>BU00340274</t>
  </si>
  <si>
    <t>Gooisekant</t>
  </si>
  <si>
    <t>2021BU00340274</t>
  </si>
  <si>
    <t>buurten.caf5143c-672c-4504-ba8b-41c34d5218bf</t>
  </si>
  <si>
    <t>BU00340275</t>
  </si>
  <si>
    <t>Veluwsekant</t>
  </si>
  <si>
    <t>2021BU00340275</t>
  </si>
  <si>
    <t>buurten.e495040e-351a-482c-9d3b-2940ca4bd55b</t>
  </si>
  <si>
    <t>BU00340276</t>
  </si>
  <si>
    <t>Sallandsekant</t>
  </si>
  <si>
    <t>2021BU00340276</t>
  </si>
  <si>
    <t>buurten.720187ff-b757-46f1-bda2-de59c3dff61e</t>
  </si>
  <si>
    <t>BU00340299</t>
  </si>
  <si>
    <t>overig Almere Stad</t>
  </si>
  <si>
    <t>2021BU00340299</t>
  </si>
  <si>
    <t>buurten.12716452-02cc-4743-b2c5-4c24789b4bf9</t>
  </si>
  <si>
    <t>De Vaart &amp; Kassengebied Buitenvaart</t>
  </si>
  <si>
    <t>27000 woningequivalenten op warmtenet</t>
  </si>
  <si>
    <t>MT warmte uit lokale geothermiebron (+algemeen net) en  groen gas voor bestaande WKK</t>
  </si>
  <si>
    <t>MT warmte: geothermie en/of groengas WKK</t>
  </si>
  <si>
    <t>geothermie, hernieuwbaar gas</t>
  </si>
  <si>
    <t>32</t>
  </si>
  <si>
    <t>BU00340301</t>
  </si>
  <si>
    <t>Centrum Almere Buiten</t>
  </si>
  <si>
    <t>WK003403</t>
  </si>
  <si>
    <t>2021BU00340301</t>
  </si>
  <si>
    <t>buurten.39b47bea-6051-47a9-ad39-d4b6ee45e056</t>
  </si>
  <si>
    <t>Almere Buiten Centrum</t>
  </si>
  <si>
    <t>besparing 0,2PJ (gemeente), 2250 weq op w-net</t>
  </si>
  <si>
    <t>BU00340302</t>
  </si>
  <si>
    <t>Oostvaardersbuurt</t>
  </si>
  <si>
    <t>2021BU00340302</t>
  </si>
  <si>
    <t>buurten.c7d4d5c6-0efd-4720-a475-39b1cab00b4e</t>
  </si>
  <si>
    <t>PL0034010004</t>
  </si>
  <si>
    <t>BU00340303</t>
  </si>
  <si>
    <t>Seizoenenbuurt</t>
  </si>
  <si>
    <t>2021BU00340303</t>
  </si>
  <si>
    <t>buurten.27a9de39-d5c4-4781-bd3c-427007704ed4</t>
  </si>
  <si>
    <t>BU00340304</t>
  </si>
  <si>
    <t>Molenbuurt</t>
  </si>
  <si>
    <t>2021BU00340304</t>
  </si>
  <si>
    <t>buurten.fcb90a9f-189a-42f0-86de-1ade303100fd</t>
  </si>
  <si>
    <t>BU00340305</t>
  </si>
  <si>
    <t>Bouwmeesterbuurt</t>
  </si>
  <si>
    <t>2021BU00340305</t>
  </si>
  <si>
    <t>buurten.c7e5d83b-3a76-4e46-8432-3feb4e0ef6d7</t>
  </si>
  <si>
    <t>BU00340306</t>
  </si>
  <si>
    <t>Landgoederenbuurt</t>
  </si>
  <si>
    <t>2021BU00340306</t>
  </si>
  <si>
    <t>buurten.44e81e85-916b-4f15-a0be-9fcb7eaf0a09</t>
  </si>
  <si>
    <t>BU00340307</t>
  </si>
  <si>
    <t>Faunabuurt</t>
  </si>
  <si>
    <t>2021BU00340307</t>
  </si>
  <si>
    <t>buurten.aa88da6d-c64c-4ed6-b3a1-0e456da90a28</t>
  </si>
  <si>
    <t>BU00340308</t>
  </si>
  <si>
    <t>2021BU00340308</t>
  </si>
  <si>
    <t>buurten.4bf89d6c-5267-47e1-b767-9959aee58475</t>
  </si>
  <si>
    <t>BU00340309</t>
  </si>
  <si>
    <t>Regenboogbuurt</t>
  </si>
  <si>
    <t>2021BU00340309</t>
  </si>
  <si>
    <t>buurten.aa786be9-94ea-4a6a-9357-cfd7d61f41cd</t>
  </si>
  <si>
    <t>BU00340310</t>
  </si>
  <si>
    <t>Indischebuurt</t>
  </si>
  <si>
    <t>2021BU00340310</t>
  </si>
  <si>
    <t>buurten.2fc3791b-7660-4688-980f-bacaf10ca641</t>
  </si>
  <si>
    <t>BU00340311</t>
  </si>
  <si>
    <t>Eilandenbuurt</t>
  </si>
  <si>
    <t>2021BU00340311</t>
  </si>
  <si>
    <t>buurten.b0664c77-c4c2-417e-a614-27a4a381deef</t>
  </si>
  <si>
    <t>BU00340312</t>
  </si>
  <si>
    <t>Stripheldenbuurt</t>
  </si>
  <si>
    <t>2021BU00340312</t>
  </si>
  <si>
    <t>buurten.947c9ec4-94f0-4960-a082-0cbb4572709a</t>
  </si>
  <si>
    <t>BU00340313</t>
  </si>
  <si>
    <t>Sieradenbuurt</t>
  </si>
  <si>
    <t>2021BU00340313</t>
  </si>
  <si>
    <t>buurten.38cd63e4-a543-4533-9f7c-ccc0461c775e</t>
  </si>
  <si>
    <t>BU00340371</t>
  </si>
  <si>
    <t>Poldervlak</t>
  </si>
  <si>
    <t>2021BU00340371</t>
  </si>
  <si>
    <t>buurten.92a78126-d5b9-443c-a13c-e156e2a55d6c</t>
  </si>
  <si>
    <t>BU00340372</t>
  </si>
  <si>
    <t>De Vaart</t>
  </si>
  <si>
    <t>2021BU00340372</t>
  </si>
  <si>
    <t>buurten.6bc61a9f-d931-4748-9559-43ffe0e66ee1</t>
  </si>
  <si>
    <t>BU00340373</t>
  </si>
  <si>
    <t>Buitenvaart</t>
  </si>
  <si>
    <t>2021BU00340373</t>
  </si>
  <si>
    <t>buurten.ff30bd82-344c-41e1-9910-6f6066e97c61</t>
  </si>
  <si>
    <t>BU00340399</t>
  </si>
  <si>
    <t>overig Almere Buiten</t>
  </si>
  <si>
    <t>2021BU00340399</t>
  </si>
  <si>
    <t>buurten.cd1eb28e-a7c1-4134-b7b3-521ffaec8ac0</t>
  </si>
  <si>
    <t>BU00340401</t>
  </si>
  <si>
    <t>Europakwartier west</t>
  </si>
  <si>
    <t>WK003404</t>
  </si>
  <si>
    <t>2021BU00340401</t>
  </si>
  <si>
    <t>buurten.433148fd-1c3f-40be-a6c1-7e37d783f2bb</t>
  </si>
  <si>
    <t>BU00340402</t>
  </si>
  <si>
    <t>Columbuskwartier</t>
  </si>
  <si>
    <t>2021BU00340402</t>
  </si>
  <si>
    <t>buurten.a369a744-d59a-4299-8290-9de7cd8505d8</t>
  </si>
  <si>
    <t>BU00340403</t>
  </si>
  <si>
    <t>Homeruskwartier</t>
  </si>
  <si>
    <t>2021BU00340403</t>
  </si>
  <si>
    <t>buurten.155689af-d317-4cbc-9aca-daa8c255e45e</t>
  </si>
  <si>
    <t>BU00340404</t>
  </si>
  <si>
    <t>Olympiakwartier west</t>
  </si>
  <si>
    <t>2021BU00340404</t>
  </si>
  <si>
    <t>buurten.b4e63aa5-8e44-4959-975f-15698e2dca28</t>
  </si>
  <si>
    <t>BU00340405</t>
  </si>
  <si>
    <t>Duin</t>
  </si>
  <si>
    <t>2021BU00340405</t>
  </si>
  <si>
    <t>buurten.dbe89b44-5725-4273-b624-ba7304f0e06a</t>
  </si>
  <si>
    <t>Valkeveen</t>
  </si>
  <si>
    <t>BU00340406</t>
  </si>
  <si>
    <t>Europakwartier oost</t>
  </si>
  <si>
    <t>2021BU00340406</t>
  </si>
  <si>
    <t>buurten.6bb14dcf-f52e-471e-b189-2f9ee16fe147</t>
  </si>
  <si>
    <t>BU00340407</t>
  </si>
  <si>
    <t>Olympiakwartier oost</t>
  </si>
  <si>
    <t>2021BU00340407</t>
  </si>
  <si>
    <t>buurten.92279469-3ac0-466b-a792-cc24574fda4b</t>
  </si>
  <si>
    <t>BU00340471</t>
  </si>
  <si>
    <t>Hogekant</t>
  </si>
  <si>
    <t>2021BU00340471</t>
  </si>
  <si>
    <t>buurten.2a5b04cf-64da-411e-88eb-8766cf3633ef</t>
  </si>
  <si>
    <t>BU00340472</t>
  </si>
  <si>
    <t>Middenkant</t>
  </si>
  <si>
    <t>2021BU00340472</t>
  </si>
  <si>
    <t>buurten.701934f5-48cf-449f-b8ef-f6099df405a1</t>
  </si>
  <si>
    <t>BU00340473</t>
  </si>
  <si>
    <t>Lagekant</t>
  </si>
  <si>
    <t>2021BU00340473</t>
  </si>
  <si>
    <t>buurten.ce2a4ccf-8728-4d7c-821c-92cb33385de8</t>
  </si>
  <si>
    <t>BU00340499</t>
  </si>
  <si>
    <t>overig Almere Poort</t>
  </si>
  <si>
    <t>2021BU00340499</t>
  </si>
  <si>
    <t>buurten.f82e0846-ca38-4dcc-8fae-a5c8f9ed685e</t>
  </si>
  <si>
    <t>BU00340502</t>
  </si>
  <si>
    <t>Vogelhorst</t>
  </si>
  <si>
    <t>WK003405</t>
  </si>
  <si>
    <t>2021BU00340502</t>
  </si>
  <si>
    <t>buurten.00b9f53c-f9c0-40ab-85f0-ce8378c2b2c0</t>
  </si>
  <si>
    <t>BU00340503</t>
  </si>
  <si>
    <t>Nobelhorst</t>
  </si>
  <si>
    <t>2021BU00340503</t>
  </si>
  <si>
    <t>buurten.1a10febc-8e99-426f-b231-3afa4d945bc3</t>
  </si>
  <si>
    <t>BU00340571</t>
  </si>
  <si>
    <t>Twentsekant</t>
  </si>
  <si>
    <t>2021BU00340571</t>
  </si>
  <si>
    <t>buurten.025ae104-dba8-499f-bfbe-ac47ed71c483</t>
  </si>
  <si>
    <t>BU00340599</t>
  </si>
  <si>
    <t>overig Almere Hout</t>
  </si>
  <si>
    <t>2021BU00340599</t>
  </si>
  <si>
    <t>buurten.b8c7205f-8089-48c7-aac1-8ee2432fb84b</t>
  </si>
  <si>
    <t>BU00340699</t>
  </si>
  <si>
    <t>overig Almere Pampus</t>
  </si>
  <si>
    <t>WK003406</t>
  </si>
  <si>
    <t>2021BU00340699</t>
  </si>
  <si>
    <t>buurten.17d4d8f2-3cca-4a79-8edd-6b1c24a3fd44</t>
  </si>
  <si>
    <t>BU00370100</t>
  </si>
  <si>
    <t>Stadskanaal Centrum</t>
  </si>
  <si>
    <t>WK003701</t>
  </si>
  <si>
    <t>GM0037</t>
  </si>
  <si>
    <t>Stadskanaal</t>
  </si>
  <si>
    <t>2021BU00370100</t>
  </si>
  <si>
    <t>buurten.7ff0a59a-3d6f-46ae-a0e5-e2a4c501fe20</t>
  </si>
  <si>
    <t>BU00370101</t>
  </si>
  <si>
    <t>Maarsstee</t>
  </si>
  <si>
    <t>2021BU00370101</t>
  </si>
  <si>
    <t>buurten.54d40617-adad-4ab5-b0da-e2153c4158f7</t>
  </si>
  <si>
    <t>BU00370102</t>
  </si>
  <si>
    <t>Maarswold</t>
  </si>
  <si>
    <t>2021BU00370102</t>
  </si>
  <si>
    <t>buurten.b9374751-87ec-48c7-8228-daeec186072b</t>
  </si>
  <si>
    <t>BU00370103</t>
  </si>
  <si>
    <t>Maarsveld</t>
  </si>
  <si>
    <t>2021BU00370103</t>
  </si>
  <si>
    <t>buurten.2b6d9caf-501e-4d79-867c-d609a87a45fc</t>
  </si>
  <si>
    <t>BU00370104</t>
  </si>
  <si>
    <t>De Hagen</t>
  </si>
  <si>
    <t>2021BU00370104</t>
  </si>
  <si>
    <t>buurten.01da8ca0-fdcd-4887-b625-1a1225a1555c</t>
  </si>
  <si>
    <t>BU00370105</t>
  </si>
  <si>
    <t>Vogelwijk en De Borgen</t>
  </si>
  <si>
    <t>2021BU00370105</t>
  </si>
  <si>
    <t>buurten.ceb1f7bf-7c40-4b00-b454-e973d6b372e3</t>
  </si>
  <si>
    <t>BU00370106</t>
  </si>
  <si>
    <t>Industriegebied Vleddermond</t>
  </si>
  <si>
    <t>2021BU00370106</t>
  </si>
  <si>
    <t>buurten.01fedbc3-31c3-4576-a99b-afed0439e9a2</t>
  </si>
  <si>
    <t>BU00370107</t>
  </si>
  <si>
    <t>Dideldom</t>
  </si>
  <si>
    <t>2021BU00370107</t>
  </si>
  <si>
    <t>buurten.acecfc9a-38bc-461b-9f78-46d64e8fa1e2</t>
  </si>
  <si>
    <t>GM1681</t>
  </si>
  <si>
    <t>Borger-Odoorn</t>
  </si>
  <si>
    <t>DC168101</t>
  </si>
  <si>
    <t>Samen aan de slag voor een aardgasvrij Borger-Odoorn</t>
  </si>
  <si>
    <t>Voorwaarden:, starten daar waar er energie zit of waar corporaties aan de slag gaan, er is oog voor haalbaarheid, de mogelijkheden voor collectieve technische oplossingen of een gezamenlijke aanpak wordt onderzocht, er wordt gestreefd naar kennisuitwisse</t>
  </si>
  <si>
    <t>Onze eerste focus ligt de komende vijf jaar bij bewustwording en het stimuleren van individuele technieken. Bewustwording creeren we door het verschaffen van kennis en informatie. We hebben als doel dat iedereen begrijpt waar de warmtetransitie over gaat</t>
  </si>
  <si>
    <t>Aardgasvrij maken van 11.000 woningen en 1.800 andere gebouwen in 2050.</t>
  </si>
  <si>
    <t>https://www.borger-odoorn.nl/fileadmin/files/borger-odoorn/Wonen_en_Leven/Duurzaamheidransitievisie-warmte-borger-odoorn.pdf</t>
  </si>
  <si>
    <t>PL1681010001</t>
  </si>
  <si>
    <t>Gemeentebrede isolatie- en bewustwordingscampagne</t>
  </si>
  <si>
    <t>Voorwaarden:- benutten van instrumenten die landelijk ontwikkeld worden, zoals subsidies en financiering. - goede isolatie van dak, vloer en gevel zorgt voor een lagere warmtevraag en daarmee een makkelijkere overstap op duurzame warmtebronnen.- om koste</t>
  </si>
  <si>
    <t>Onbekend. Staat letterlijk in de TVW: "Landelijk wordt er op dit moment daarom gesproken over 20% aardgasreductie in 2030. In Borger-Odoorn vinden we het exacte percentage in 2030 minder belangrijk. Belangrijker vinden wij het om middels monitoring elke</t>
  </si>
  <si>
    <t>BU00370108</t>
  </si>
  <si>
    <t>2021BU00370108</t>
  </si>
  <si>
    <t>buurten.6de04754-ca34-406d-9967-a59936dc2cbb</t>
  </si>
  <si>
    <t>GM1680</t>
  </si>
  <si>
    <t>Aa en Hunze</t>
  </si>
  <si>
    <t>20% aardgasbesparing in 2030, fossiele brandstof-vrij en energieneutraal wonen in 2040</t>
  </si>
  <si>
    <t>DC168001</t>
  </si>
  <si>
    <t>Transitievisie Warmte 2022 , 2026</t>
  </si>
  <si>
    <t>2022-01-11</t>
  </si>
  <si>
    <t>Wij denken dat dat voor iedereen de beste manier is, waarmee we het behapbaar en betaalbaar houden en dat dit nu nog niet het geval is:* Betaalbaarheid moet worden geborgd* Geen beschikking over collectieve oplossingen* Netwerk in de meeste dorpen nog ni</t>
  </si>
  <si>
    <t>Een visie die inspireert, urgent en realitisch is.</t>
  </si>
  <si>
    <t>Wij willen in 2030 minimaal 20% aardgas bespaard hebben en in 2040 fossielvrij en energieneutraal wonen.</t>
  </si>
  <si>
    <t>https://www.aaenhunze.nl/Inwoners_verenigingen/Wonen_en_ver_bouwen/Duurzaamheid/Transitievisie_Warmte</t>
  </si>
  <si>
    <t>PL1680010001</t>
  </si>
  <si>
    <t>Sturen op samenloop (koppelkansen)</t>
  </si>
  <si>
    <t>draagvlak bewoners/ gebouweigenaren</t>
  </si>
  <si>
    <t>De haal- en betaalbaarheid van een eventueel warmtenet in Gasselternijveenen omgeving zal eerst nader onderzocht moeten worden.</t>
  </si>
  <si>
    <t>hernieuwbaar gas (groengas) en/of aquathermie (TEO) en/of restwarmte (industrie)</t>
  </si>
  <si>
    <t>aquathermie, restwarmte, hernieuwbaar gas</t>
  </si>
  <si>
    <t>12</t>
  </si>
  <si>
    <t>BU00370109</t>
  </si>
  <si>
    <t>Stadskanaal Noord Landskant</t>
  </si>
  <si>
    <t>2021BU00370109</t>
  </si>
  <si>
    <t>buurten.05bf5af2-1d7f-4b0f-a065-d6c471c3aaf9</t>
  </si>
  <si>
    <t>GM0047</t>
  </si>
  <si>
    <t>Veendam</t>
  </si>
  <si>
    <t>20% aardasvrij-ready (3000 woningen)</t>
  </si>
  <si>
    <t>DC004701</t>
  </si>
  <si>
    <t>Waarom nu al bezig met de warmtevisie? Op weg naar een duurzaam Veendam</t>
  </si>
  <si>
    <t>samenwerking, zorgvuldig en aandachtig, betaalbaar</t>
  </si>
  <si>
    <t>communicatie dmv website, kranten, enquetes, social media</t>
  </si>
  <si>
    <t>8700 woningen isoleren</t>
  </si>
  <si>
    <t>https://veendam.raadsinformatie.nl/document/11237864/1/07-02+Warmtevisie+2022+gemeente+Veendam+def</t>
  </si>
  <si>
    <t>PL0047010001</t>
  </si>
  <si>
    <t>PL0047010003</t>
  </si>
  <si>
    <t>Spoor A: Gemeentebrede aanpak</t>
  </si>
  <si>
    <t>Spoor C: onderzoek naar aardgasvrij</t>
  </si>
  <si>
    <t>initiatief van de particuliere woningeigenaren stimuleren</t>
  </si>
  <si>
    <t>onderzoek doen naar alternatieven van aardgas</t>
  </si>
  <si>
    <t>Label B-D</t>
  </si>
  <si>
    <t>Schillabel D+</t>
  </si>
  <si>
    <t>restwarmte en/of waterstof</t>
  </si>
  <si>
    <t>restwarmte en/of hernieuwbaar gas (waterstof)</t>
  </si>
  <si>
    <t>BU00370110</t>
  </si>
  <si>
    <t>Stadskanaal Noord Centrum</t>
  </si>
  <si>
    <t>2021BU00370110</t>
  </si>
  <si>
    <t>buurten.320bdedf-784c-422a-9c97-9c5bedb6e01d</t>
  </si>
  <si>
    <t>BU00370111</t>
  </si>
  <si>
    <t>Stadskanaal Noord</t>
  </si>
  <si>
    <t>2021BU00370111</t>
  </si>
  <si>
    <t>buurten.a3c48f96-592b-4a0b-a39d-a0ddbc355991</t>
  </si>
  <si>
    <t>BU00370112</t>
  </si>
  <si>
    <t>2021BU00370112</t>
  </si>
  <si>
    <t>buurten.c9b15baa-a16f-4dbe-887f-41aa934107ff</t>
  </si>
  <si>
    <t>BU00370200</t>
  </si>
  <si>
    <t>Musselkanaal Centrum</t>
  </si>
  <si>
    <t>WK003702</t>
  </si>
  <si>
    <t>2021BU00370200</t>
  </si>
  <si>
    <t>buurten.3845da7c-af89-4684-8eea-62a285a056ac</t>
  </si>
  <si>
    <t>PL1681010003</t>
  </si>
  <si>
    <t>Tweede Exloermond</t>
  </si>
  <si>
    <t>Voorwaarden:- Energie onder bewoners, vrijwillige betrokkenheid- Bewoners worden niet gedwongen tot deelname aan maatregelen richting aardgasvrij- Aansluiten op geplande werkzaamheden van de woningcorporatie</t>
  </si>
  <si>
    <t>Bewoners van de wijk willen onderzoeken op welke manier en middels welke techniek(en) inwoners van het aardgas af kunnen stappen.</t>
  </si>
  <si>
    <t>BU00370201</t>
  </si>
  <si>
    <t>Musselkanaal Zuid</t>
  </si>
  <si>
    <t>2021BU00370201</t>
  </si>
  <si>
    <t>buurten.1235f2c6-4d5c-4b9c-b1bc-add87bd13718</t>
  </si>
  <si>
    <t>GM1950</t>
  </si>
  <si>
    <t>Westerwolde</t>
  </si>
  <si>
    <t>DC195001</t>
  </si>
  <si>
    <t>Transitievisie Warmte Westerwolde</t>
  </si>
  <si>
    <t>de kanttekening wordt geplaatst dat het afhankelijk is van de ontwikkeling en beschikbaarheid van duurzame gassen (groengas en in mindere mate waterstof) en financiele mogelijkheden.</t>
  </si>
  <si>
    <t>De warmtetransitie in Westerwolde wordt aangepakt volgens een stapsgewijze benadering, waarbij de nadruk ligt op isolatie en energiebesparing. De ontwikkeling en beschikbaarheid van groen gas wordt op de voet gevolgd. Bij de volgende verplichte actualisa</t>
  </si>
  <si>
    <t>Gemeente maakt een besparingsaanpak op basis van no-regret maatregelen Gemeente stimuleert dat er inwonersinitiatieven ontstaan die aansluiten bij de besparingsaanpak Gemeente ondersteunt inwonersinitiatieven die aan de slag gaan met de besparingsaanpak</t>
  </si>
  <si>
    <t>https://www.westerwolde.nl/file/18839/download</t>
  </si>
  <si>
    <t>PL1950010004</t>
  </si>
  <si>
    <t>Heel Westerwolde</t>
  </si>
  <si>
    <t>Prioritering op basis van volume en opschaling</t>
  </si>
  <si>
    <t>Gemeente neemt formeel een besluit over inzet van het Duurzaamheidsfonds (gevuld door opbrengsten uit zonneweides) en aan toekenning van middelen voor verduurzaming en leefbaarheid</t>
  </si>
  <si>
    <t>Van aardgasvrij-ready op basis van uitgevoerd no-regret stappenplan naar aardgasvrij</t>
  </si>
  <si>
    <t>Isolatie, Vloerverwarming, HR+++ glas, Inductie koken, Vloerisolatie, Mechanische ventilatie</t>
  </si>
  <si>
    <t>(Hybride) Warmtepomp en/of Zonnepanelen</t>
  </si>
  <si>
    <t>Individuele elektrische warmtepomp (bodemwarmtepomp of luchtwarmtepomp) of warmtenet met midden- of hoog temperatuur bron of Warmtenet met laagtemperatuur bron of groengas of waterstof</t>
  </si>
  <si>
    <t>Zonneweides</t>
  </si>
  <si>
    <t>zonnewarmte</t>
  </si>
  <si>
    <t>BU00370202</t>
  </si>
  <si>
    <t>Musselkanaal Noord</t>
  </si>
  <si>
    <t>2021BU00370202</t>
  </si>
  <si>
    <t>buurten.369947f4-cc83-4a06-af3b-c252281e2b28</t>
  </si>
  <si>
    <t>BU00370203</t>
  </si>
  <si>
    <t>Ceresdorp</t>
  </si>
  <si>
    <t>2021BU00370203</t>
  </si>
  <si>
    <t>buurten.0cf641d7-d21c-42dc-817c-3a54ba74e57f</t>
  </si>
  <si>
    <t>BU00370300</t>
  </si>
  <si>
    <t>Onstwedde</t>
  </si>
  <si>
    <t>WK003703</t>
  </si>
  <si>
    <t>2021BU00370300</t>
  </si>
  <si>
    <t>buurten.28a860e7-10b3-4c04-a069-9028a1ec2ff8</t>
  </si>
  <si>
    <t>BU00370301</t>
  </si>
  <si>
    <t>Holte</t>
  </si>
  <si>
    <t>2021BU00370301</t>
  </si>
  <si>
    <t>buurten.37b3d7f9-08d2-4150-a071-84d4fc7d6e46</t>
  </si>
  <si>
    <t>BU00370308</t>
  </si>
  <si>
    <t>Onstwedde Buitengebied Noord</t>
  </si>
  <si>
    <t>2021BU00370308</t>
  </si>
  <si>
    <t>buurten.d783796b-5553-47de-8fec-aabf915b574b</t>
  </si>
  <si>
    <t>PL1950010001</t>
  </si>
  <si>
    <t>2031</t>
  </si>
  <si>
    <t>BU00370309</t>
  </si>
  <si>
    <t>Onstwedde Buitengebied Zuid</t>
  </si>
  <si>
    <t>2021BU00370309</t>
  </si>
  <si>
    <t>buurten.701403b6-003d-4af6-a534-621070d7cb16</t>
  </si>
  <si>
    <t>BU00370400</t>
  </si>
  <si>
    <t>Mussel</t>
  </si>
  <si>
    <t>WK003704</t>
  </si>
  <si>
    <t>2021BU00370400</t>
  </si>
  <si>
    <t>buurten.7dfb4eea-0d7f-44f9-af01-98f7c9d5c680</t>
  </si>
  <si>
    <t>BU00370401</t>
  </si>
  <si>
    <t>Kopstukken</t>
  </si>
  <si>
    <t>2021BU00370401</t>
  </si>
  <si>
    <t>buurten.2c144178-9c9b-424b-9e46-6c05ba1edb15</t>
  </si>
  <si>
    <t>BU00370402</t>
  </si>
  <si>
    <t>Vledderveen</t>
  </si>
  <si>
    <t>2021BU00370402</t>
  </si>
  <si>
    <t>buurten.11ce6864-46bc-4cc2-a395-23f45f9d8c65</t>
  </si>
  <si>
    <t>BU00370409</t>
  </si>
  <si>
    <t>Mussel Buitengebied</t>
  </si>
  <si>
    <t>2021BU00370409</t>
  </si>
  <si>
    <t>buurten.95357d68-dd35-4373-a397-d5946c949fd8</t>
  </si>
  <si>
    <t>BU00370500</t>
  </si>
  <si>
    <t>Alteveer</t>
  </si>
  <si>
    <t>WK003705</t>
  </si>
  <si>
    <t>2021BU00370500</t>
  </si>
  <si>
    <t>buurten.da0b70e5-b39b-4400-8249-be010f458415</t>
  </si>
  <si>
    <t>BU00370509</t>
  </si>
  <si>
    <t>Alteveer Buitengebied</t>
  </si>
  <si>
    <t>2021BU00370509</t>
  </si>
  <si>
    <t>buurten.0a440aad-cc18-4ebd-9db9-799b567939a1</t>
  </si>
  <si>
    <t>BU00470000</t>
  </si>
  <si>
    <t>Veendam-Centrum</t>
  </si>
  <si>
    <t>WK004700</t>
  </si>
  <si>
    <t>2021BU00470000</t>
  </si>
  <si>
    <t>buurten.cb521ea8-c227-490e-83dd-cb293d49667b</t>
  </si>
  <si>
    <t>iedere inwoner krijgt een gedetailleerd beeld van de benodigde isolatie, ventilatie, kosten, opbrengsten en financieringsmogelijkheden</t>
  </si>
  <si>
    <t>BU00470001</t>
  </si>
  <si>
    <t>Veendam-Oude Ae</t>
  </si>
  <si>
    <t>2021BU00470001</t>
  </si>
  <si>
    <t>buurten.223fcf78-f9a0-4935-bc6b-28c75d89fbd4</t>
  </si>
  <si>
    <t>BU00470002</t>
  </si>
  <si>
    <t>Veendam-Middenweg en omgeving</t>
  </si>
  <si>
    <t>2021BU00470002</t>
  </si>
  <si>
    <t>buurten.493aec01-50f6-4990-b270-fec07ae499b3</t>
  </si>
  <si>
    <t>BU00470003</t>
  </si>
  <si>
    <t>Veendam en omgeving station</t>
  </si>
  <si>
    <t>2021BU00470003</t>
  </si>
  <si>
    <t>buurten.ab4742e1-e939-45c8-96d5-f5d50cd8f324</t>
  </si>
  <si>
    <t>BU00470004</t>
  </si>
  <si>
    <t>Veendam-Zuid</t>
  </si>
  <si>
    <t>2021BU00470004</t>
  </si>
  <si>
    <t>buurten.17d6882c-35a4-49ac-93d8-f964f44d7219</t>
  </si>
  <si>
    <t>BU00470005</t>
  </si>
  <si>
    <t>Veendam-Sorghvliet</t>
  </si>
  <si>
    <t>2021BU00470005</t>
  </si>
  <si>
    <t>buurten.11c41341-4d23-405c-b6ce-f40b34061f67</t>
  </si>
  <si>
    <t>BU00470006</t>
  </si>
  <si>
    <t>Veendam-industriegebied</t>
  </si>
  <si>
    <t>2021BU00470006</t>
  </si>
  <si>
    <t>buurten.5d1ceffe-e805-48cf-b0a6-99fd04d1acd9</t>
  </si>
  <si>
    <t>BU00470007</t>
  </si>
  <si>
    <t>Buitenwoel</t>
  </si>
  <si>
    <t>2021BU00470007</t>
  </si>
  <si>
    <t>buurten.bfcec398-a32f-44e4-b852-51b924ac09b8</t>
  </si>
  <si>
    <t>BU00470100</t>
  </si>
  <si>
    <t>Borgercompagnie (gedeeltelijk)</t>
  </si>
  <si>
    <t>WK004701</t>
  </si>
  <si>
    <t>2021BU00470100</t>
  </si>
  <si>
    <t>buurten.e445e530-9e86-4e18-a31d-46e7e229210d</t>
  </si>
  <si>
    <t>BU00470101</t>
  </si>
  <si>
    <t>Ommelanderwijk</t>
  </si>
  <si>
    <t>2021BU00470101</t>
  </si>
  <si>
    <t>buurten.95140cba-0815-4b1b-878f-64cdcc7e4056</t>
  </si>
  <si>
    <t>BU00470102</t>
  </si>
  <si>
    <t>2021BU00470102</t>
  </si>
  <si>
    <t>buurten.6404d595-30c8-4183-968c-02de1a69596e</t>
  </si>
  <si>
    <t>BU00470109</t>
  </si>
  <si>
    <t>Verspreide huizen</t>
  </si>
  <si>
    <t>2021BU00470109</t>
  </si>
  <si>
    <t>buurten.b2ed9327-f5f1-4129-9e3a-91b6d9ec3eb1</t>
  </si>
  <si>
    <t>BU00470200</t>
  </si>
  <si>
    <t>Wildervank</t>
  </si>
  <si>
    <t>WK004702</t>
  </si>
  <si>
    <t>2021BU00470200</t>
  </si>
  <si>
    <t>buurten.62e39bf1-4825-4499-8fc4-d3d4621a3b0f</t>
  </si>
  <si>
    <t>BU00470201</t>
  </si>
  <si>
    <t>Boven-Wildervank</t>
  </si>
  <si>
    <t>2021BU00470201</t>
  </si>
  <si>
    <t>buurten.da317f3a-b480-486b-86d2-cf50cae46cf6</t>
  </si>
  <si>
    <t>BU00470202</t>
  </si>
  <si>
    <t>Bareveld</t>
  </si>
  <si>
    <t>2021BU00470202</t>
  </si>
  <si>
    <t>buurten.06d13215-b2ee-4483-a8a7-ee530433e31a</t>
  </si>
  <si>
    <t>BU00470203</t>
  </si>
  <si>
    <t>Wildervanksterdallen</t>
  </si>
  <si>
    <t>2021BU00470203</t>
  </si>
  <si>
    <t>buurten.5e830d0f-3656-45c3-aede-5c9efe53f659</t>
  </si>
  <si>
    <t>BU00470209</t>
  </si>
  <si>
    <t>2021BU00470209</t>
  </si>
  <si>
    <t>buurten.e3ce6834-99c8-4cbc-8fd8-62c9b82b448d</t>
  </si>
  <si>
    <t>Onderzoeken nieuwe collectieve kansen (hernieuwbaar gas), Gasselternijveen e.o.</t>
  </si>
  <si>
    <t>betaalbaarheid, (technische) haalbaarheid, draagvlak van bewoners/gebouweigenaren</t>
  </si>
  <si>
    <t>BU00500000</t>
  </si>
  <si>
    <t>Centrum</t>
  </si>
  <si>
    <t>WK005000</t>
  </si>
  <si>
    <t>2021BU00500000</t>
  </si>
  <si>
    <t>buurten.abd0fd1b-79d2-4809-8b56-f33f208c2652</t>
  </si>
  <si>
    <t>BU00500001</t>
  </si>
  <si>
    <t>Eerste woonwijk</t>
  </si>
  <si>
    <t>2021BU00500001</t>
  </si>
  <si>
    <t>buurten.71ed1b0b-906a-41f3-bafc-6c1a939fab73</t>
  </si>
  <si>
    <t>BU00500002</t>
  </si>
  <si>
    <t>Tweede woonwijk</t>
  </si>
  <si>
    <t>2021BU00500002</t>
  </si>
  <si>
    <t>buurten.0357331a-117b-45f2-94eb-afc9ae90f477</t>
  </si>
  <si>
    <t>PL0050010003</t>
  </si>
  <si>
    <t>Verkenningsgebied in Zuid: Wildbuurt, Vissenbuurt, Vlinderbuurt</t>
  </si>
  <si>
    <t>individuele actie van bewoners</t>
  </si>
  <si>
    <t>duurzame gassen (mogelijk waterstof of groengas)</t>
  </si>
  <si>
    <t>hernieuwbaar gas (groengas, waterstof)</t>
  </si>
  <si>
    <t>BU00500003</t>
  </si>
  <si>
    <t>Derde woonwijk</t>
  </si>
  <si>
    <t>2021BU00500003</t>
  </si>
  <si>
    <t>buurten.aa1443e9-c4e9-4a3e-bb9c-9f816f9e725f</t>
  </si>
  <si>
    <t>BU00500004</t>
  </si>
  <si>
    <t>Buurt 4</t>
  </si>
  <si>
    <t>2021BU00500004</t>
  </si>
  <si>
    <t>buurten.b47a5a98-92bb-43fe-802d-6b173eadf551</t>
  </si>
  <si>
    <t>BU00500005</t>
  </si>
  <si>
    <t>Buurt 5</t>
  </si>
  <si>
    <t>2021BU00500005</t>
  </si>
  <si>
    <t>buurten.d632d8c5-aabe-45a1-aaa4-a0ba0f181266</t>
  </si>
  <si>
    <t>BU00500006</t>
  </si>
  <si>
    <t>Zuidlob</t>
  </si>
  <si>
    <t>2021BU00500006</t>
  </si>
  <si>
    <t>buurten.d5d24588-3f14-4241-a966-aff6e3fc61f2</t>
  </si>
  <si>
    <t>draagvlak en gunstige omstandigheden creeren voor de verdere warmtetransitie.</t>
  </si>
  <si>
    <t>We geven antwoord op vragen als: hoe kunnen we aardgasvrij worden, met zo min mogelijk kosten en overlast voor onze samenleving? Waar kunnen we dan beginnen? En wat is daarvoor het meest geschikte moment?</t>
  </si>
  <si>
    <t>https://nijkerk.bestuurlijkeinformatie.nl/Agenda/Document/1c4174dc-bab5-4c72-bcce-06ca2d54bcc0?documentId=61a4ce9e-aa13-466d-bc9b-696e2415c22e</t>
  </si>
  <si>
    <t>BU00500007</t>
  </si>
  <si>
    <t>Middengebied</t>
  </si>
  <si>
    <t>2021BU00500007</t>
  </si>
  <si>
    <t>buurten.e4c2a79b-4708-4cb2-a48c-b84f6f9c112d</t>
  </si>
  <si>
    <t>PL0995010004</t>
  </si>
  <si>
    <t>elektriciteit</t>
  </si>
  <si>
    <t>BU00500008</t>
  </si>
  <si>
    <t>Knardijkgebied</t>
  </si>
  <si>
    <t>2021BU00500008</t>
  </si>
  <si>
    <t>buurten.f3d94e3f-122b-4abe-9608-7b3037167748</t>
  </si>
  <si>
    <t>BU00500009</t>
  </si>
  <si>
    <t>Trekkersveld</t>
  </si>
  <si>
    <t>2021BU00500009</t>
  </si>
  <si>
    <t>buurten.7da63b92-d74b-4048-8ea2-0a70b616f214</t>
  </si>
  <si>
    <t>BU00500010</t>
  </si>
  <si>
    <t>Horstenparc</t>
  </si>
  <si>
    <t>2021BU00500010</t>
  </si>
  <si>
    <t>buurten.f9d41013-b15e-4c72-a02e-be6a93e550a9</t>
  </si>
  <si>
    <t>BU00590000</t>
  </si>
  <si>
    <t>Buitenpost</t>
  </si>
  <si>
    <t>WK005900</t>
  </si>
  <si>
    <t>GM0059</t>
  </si>
  <si>
    <t>Achtkarspelen</t>
  </si>
  <si>
    <t>2021BU00590000</t>
  </si>
  <si>
    <t>buurten.499bfdde-df12-43ca-ab92-5e315817f139</t>
  </si>
  <si>
    <t>DC005901</t>
  </si>
  <si>
    <t>Wonen en werken zonder aardgas; Warmtevisie Achtkarspelen en Tytsjerksteradiel</t>
  </si>
  <si>
    <t>2020-12-01</t>
  </si>
  <si>
    <t>De duurzaamheidsagenda wordt in 2024 geevalueerd en de warmtevisie dient iedere 5 jaar geactualiseerd te worden. Specifiek voor de warmtevisie wordt in 2022 bepaald of de uitvoering in de daaropvolgende jaren voortgezet wordt.Keuzevrijheid en betaalbaarh</t>
  </si>
  <si>
    <t>Breed draagvlak van inwoners, bedrijven, andere organisaties en gemeenteraden. Betaalbare en kostenefficiente oplossingen. Duidelijk en gedragen kader voor investeringen. Goede samenwerking en leren van elkaar. Ook koppelkansen met andere werkzaamheden e</t>
  </si>
  <si>
    <t>We zetten in op een energiebesparing door isolatie van 10% in 2023 en 20% in 2030. Indien de plannen uit de TVW volgens schema verlopen, is 12% van de gebouwde omgeving aardgasvrij in de twee gemeentes.</t>
  </si>
  <si>
    <t>https://www.t-diel.nl/_flysystem/media/2.3-transitievisie-warmte.pdf</t>
  </si>
  <si>
    <t>PL0059010001</t>
  </si>
  <si>
    <t>PL0059010005</t>
  </si>
  <si>
    <t>Alle kernen Achtkarspelen</t>
  </si>
  <si>
    <t>Zuid-Buitenpost</t>
  </si>
  <si>
    <t>Beperkte maatregelen aan isolatie en warmte-afgiftesystemen kunnen nodig zijn</t>
  </si>
  <si>
    <t>Isolatiemaatregelen om alle gebouwen transitiegereed te maken, en tot de transitie in ieder geval energie te besparen</t>
  </si>
  <si>
    <t>Tytsjerksteradiel en Achtkarspelen hebben relatief veel vooroorlogse woningen en gebouwen in buitengebieden. Momenteel zijn hiervoor nog geen duurzame en betaalbare warmtebronnen voorhanden. Deze gebieden zullen vooralsnog aan het aardgas blijven, tot er</t>
  </si>
  <si>
    <t>Hybride Warmtepomp (mogelijk)</t>
  </si>
  <si>
    <t>Duurzaam gas</t>
  </si>
  <si>
    <t>BU00590001</t>
  </si>
  <si>
    <t>Twijzel</t>
  </si>
  <si>
    <t>2021BU00590001</t>
  </si>
  <si>
    <t>buurten.b312d490-5b1b-4869-8822-8b8026335420</t>
  </si>
  <si>
    <t>Buitengebied gem. Achtkarspelen</t>
  </si>
  <si>
    <t>orienterend. Planvorming nog niet gestart</t>
  </si>
  <si>
    <t>BU00590002</t>
  </si>
  <si>
    <t>Kootstertille</t>
  </si>
  <si>
    <t>2021BU00590002</t>
  </si>
  <si>
    <t>buurten.e9c04f48-17c7-4825-93cb-d6492adf6363</t>
  </si>
  <si>
    <t>BU00590003</t>
  </si>
  <si>
    <t>Twijzelerheide</t>
  </si>
  <si>
    <t>2021BU00590003</t>
  </si>
  <si>
    <t>buurten.505fa38d-6e36-46b8-9243-cc1f5af67116</t>
  </si>
  <si>
    <t>BU00590004</t>
  </si>
  <si>
    <t>Gerkesklooster</t>
  </si>
  <si>
    <t>2021BU00590004</t>
  </si>
  <si>
    <t>buurten.55e1fce2-171c-4d2b-9f36-69be8dfea43f</t>
  </si>
  <si>
    <t>BU00590005</t>
  </si>
  <si>
    <t>Verspreide huizen Buitenpost</t>
  </si>
  <si>
    <t>2021BU00590005</t>
  </si>
  <si>
    <t>buurten.2ed4e4d8-d6b7-4553-91c2-dc128571f5e8</t>
  </si>
  <si>
    <t>BU00590006</t>
  </si>
  <si>
    <t>Verspreide huizen Twijzel</t>
  </si>
  <si>
    <t>2021BU00590006</t>
  </si>
  <si>
    <t>buurten.dbed1754-eb38-43ff-a1ff-783336634e28</t>
  </si>
  <si>
    <t>BU00590007</t>
  </si>
  <si>
    <t>Verspreide huizen Kootstertille</t>
  </si>
  <si>
    <t>2021BU00590007</t>
  </si>
  <si>
    <t>buurten.d0c77851-f313-4a31-9263-315a7c2c5632</t>
  </si>
  <si>
    <t>PL0059010010</t>
  </si>
  <si>
    <t>Buitengebied gem. Tytsjerksteradiel</t>
  </si>
  <si>
    <t>BU00590008</t>
  </si>
  <si>
    <t>Verspreide huizen Twijzelerheide</t>
  </si>
  <si>
    <t>2021BU00590008</t>
  </si>
  <si>
    <t>buurten.78e7331d-ad9f-4677-9dd0-99cbf4cab1ce</t>
  </si>
  <si>
    <t>BU00590009</t>
  </si>
  <si>
    <t>Verspreide huizen Gerkesklooster</t>
  </si>
  <si>
    <t>2021BU00590009</t>
  </si>
  <si>
    <t>buurten.3a4afe3c-577c-4340-9d25-3d4e85f67be9</t>
  </si>
  <si>
    <t>BU00590100</t>
  </si>
  <si>
    <t>Stroobos</t>
  </si>
  <si>
    <t>WK005901</t>
  </si>
  <si>
    <t>2021BU00590100</t>
  </si>
  <si>
    <t>buurten.f23357c7-e35a-424f-ab4f-bb8dddf7a4fc</t>
  </si>
  <si>
    <t>BU00590102</t>
  </si>
  <si>
    <t>Drogeham</t>
  </si>
  <si>
    <t>2021BU00590102</t>
  </si>
  <si>
    <t>buurten.638ceb2a-b5a1-45d8-b123-a4697cf21e99</t>
  </si>
  <si>
    <t>BU00590103</t>
  </si>
  <si>
    <t>Augustinusga</t>
  </si>
  <si>
    <t>2021BU00590103</t>
  </si>
  <si>
    <t>buurten.96955a77-f6e3-4f0a-bf41-88c66f8a999e</t>
  </si>
  <si>
    <t>BU00590107</t>
  </si>
  <si>
    <t>Verspreide huizen Stroobos</t>
  </si>
  <si>
    <t>2021BU00590107</t>
  </si>
  <si>
    <t>buurten.87d3b011-fcc6-49cb-bd52-9c7567157a1e</t>
  </si>
  <si>
    <t>BU00590108</t>
  </si>
  <si>
    <t>Verspreide huizen Drogeham</t>
  </si>
  <si>
    <t>2021BU00590108</t>
  </si>
  <si>
    <t>buurten.1f9c3846-a9a5-44b9-8362-ccb7020bb3e1</t>
  </si>
  <si>
    <t>BU00590109</t>
  </si>
  <si>
    <t>Verspreide huizen Augustinusga</t>
  </si>
  <si>
    <t>2021BU00590109</t>
  </si>
  <si>
    <t>buurten.e57eaeb2-36e0-40f3-875e-e7b4ae7f4afe</t>
  </si>
  <si>
    <t>BU00590200</t>
  </si>
  <si>
    <t>Surhuisterveen</t>
  </si>
  <si>
    <t>WK005902</t>
  </si>
  <si>
    <t>2021BU00590200</t>
  </si>
  <si>
    <t>buurten.a53b94a0-ab66-44ed-a17e-47e12ce2a15c</t>
  </si>
  <si>
    <t>Surhuisterveen (losse vorm)</t>
  </si>
  <si>
    <t>Resultaat onderzoek</t>
  </si>
  <si>
    <t>BU00590201</t>
  </si>
  <si>
    <t>Harkema</t>
  </si>
  <si>
    <t>2021BU00590201</t>
  </si>
  <si>
    <t>buurten.26d9c47c-9306-41af-84ab-1e64683ec84a</t>
  </si>
  <si>
    <t>PL0059010004</t>
  </si>
  <si>
    <t>Actieve bewoners maken hier werk van warmtetransitie</t>
  </si>
  <si>
    <t>BU00590202</t>
  </si>
  <si>
    <t>Surhuizum</t>
  </si>
  <si>
    <t>2021BU00590202</t>
  </si>
  <si>
    <t>buurten.02cd74ef-1231-4293-ae4c-dce8dd878d1b</t>
  </si>
  <si>
    <t>BU00590203</t>
  </si>
  <si>
    <t>Boelenslaan</t>
  </si>
  <si>
    <t>2021BU00590203</t>
  </si>
  <si>
    <t>buurten.22b4385d-2649-4489-8fda-618f83f60c13</t>
  </si>
  <si>
    <t>GM0090</t>
  </si>
  <si>
    <t>Smallingerland</t>
  </si>
  <si>
    <t>aardgasvrij in 2050, 20% aardgasvrij in 2030 dmv collectief warmtenet</t>
  </si>
  <si>
    <t>DC009001</t>
  </si>
  <si>
    <t>Transitievisie Warmte gemeente Smallingerland</t>
  </si>
  <si>
    <t>2021-11-01</t>
  </si>
  <si>
    <t>Haalbaarheid en betaalbaarheid is een randvoorwaarde en is voor onze inwoners essentieel. Dit betekent ook dat financiering voor alle huis, en gebouweigenaren mogelijk moet zijn, de hoogte van de exacte kosten en financiering is voor elk gebouw en woning</t>
  </si>
  <si>
    <t>ca. 15% a 20% v.d. woningen aardgasvrij in 2030 d.m.v. collectief warmtenet (startwijken). Alle woningen en gebouwen aardgasvrij in 2050</t>
  </si>
  <si>
    <t>solatieactie met lokaal MKB voor koopwoningen (gericht op het bereiken van de standaard isolatiewaarde van 50 graden) , Organiseren bewonersspel Hier begint het van Hieropgewekt: in minimaal 2 buurten/wijken aan de slag met bewoners, met als doel een (be</t>
  </si>
  <si>
    <t>https://duurzaamsmallingerland.nl/aardgasvrij-smallingerland/</t>
  </si>
  <si>
    <t>PL0090010001</t>
  </si>
  <si>
    <t>Participatie voor bewoners Smalligerland</t>
  </si>
  <si>
    <t>Bewustwording van de verduurzamingsopgave, Handelingsperspectief bieden: welke stappen kunnen inwoners nu al nemen? , Informeren over de Transitievisie Warmte Smallingerland en de warmte-alternatieven, Het plaatsen van de opgave binnen een groter kader:</t>
  </si>
  <si>
    <t>BU00590206</t>
  </si>
  <si>
    <t>Verspreide huizen Surhuisterveen</t>
  </si>
  <si>
    <t>2021BU00590206</t>
  </si>
  <si>
    <t>buurten.e869a094-1f2a-4d1d-9f99-f50b37d8295c</t>
  </si>
  <si>
    <t>BU00590207</t>
  </si>
  <si>
    <t>Verspreide huizen Harkema</t>
  </si>
  <si>
    <t>2021BU00590207</t>
  </si>
  <si>
    <t>buurten.490058a0-f3fd-424f-b8a3-e53336dae2bc</t>
  </si>
  <si>
    <t>BU00590208</t>
  </si>
  <si>
    <t>Verspreide huizen Surhuizum</t>
  </si>
  <si>
    <t>2021BU00590208</t>
  </si>
  <si>
    <t>buurten.ddcc32b0-0243-4952-82df-17a081f725f7</t>
  </si>
  <si>
    <t>BU00590209</t>
  </si>
  <si>
    <t>Verspreide huizen Boelenslaan</t>
  </si>
  <si>
    <t>2021BU00590209</t>
  </si>
  <si>
    <t>buurten.9ee5aea8-4930-4425-885b-f14c850968ed</t>
  </si>
  <si>
    <t>BU00600000</t>
  </si>
  <si>
    <t>Nes</t>
  </si>
  <si>
    <t>WK006000</t>
  </si>
  <si>
    <t>2021BU00600000</t>
  </si>
  <si>
    <t>buurten.9b67496b-b9db-4f86-8a98-a5d72610bec4</t>
  </si>
  <si>
    <t>BU00600001</t>
  </si>
  <si>
    <t>Buren</t>
  </si>
  <si>
    <t>2021BU00600001</t>
  </si>
  <si>
    <t>buurten.cc18765c-3e24-4def-bf96-a4d758af4acd</t>
  </si>
  <si>
    <t>BU00600002</t>
  </si>
  <si>
    <t>Ballum</t>
  </si>
  <si>
    <t>2021BU00600002</t>
  </si>
  <si>
    <t>buurten.e12c9b10-57ec-42e0-b6c5-047c4f88ef11</t>
  </si>
  <si>
    <t>BU00600003</t>
  </si>
  <si>
    <t>Hollum</t>
  </si>
  <si>
    <t>2021BU00600003</t>
  </si>
  <si>
    <t>buurten.7c6c59c9-e1bb-40d3-8a03-f7bb0988b54b</t>
  </si>
  <si>
    <t>BU00600007</t>
  </si>
  <si>
    <t>Verspreide huizen Ballum</t>
  </si>
  <si>
    <t>2021BU00600007</t>
  </si>
  <si>
    <t>buurten.067a5bcc-0f1a-48ba-97c1-db3ac98ddc5f</t>
  </si>
  <si>
    <t>BU00600008</t>
  </si>
  <si>
    <t>Verspreide huizen Nes</t>
  </si>
  <si>
    <t>2021BU00600008</t>
  </si>
  <si>
    <t>buurten.5605f8f4-d99a-4ad6-ada9-fa310ccf1a92</t>
  </si>
  <si>
    <t>BU00600009</t>
  </si>
  <si>
    <t>Verspreide huizen Hollum</t>
  </si>
  <si>
    <t>2021BU00600009</t>
  </si>
  <si>
    <t>buurten.524601c8-ea00-4d9d-af0c-4303c630c1d5</t>
  </si>
  <si>
    <t>BU00720001</t>
  </si>
  <si>
    <t>De Spiker en het industrieterrein Hermes</t>
  </si>
  <si>
    <t>WK007200</t>
  </si>
  <si>
    <t>2021BU00720001</t>
  </si>
  <si>
    <t>buurten.579ba779-1cc8-4359-8bcf-f8ea8f83f553</t>
  </si>
  <si>
    <t>PL0072010002</t>
  </si>
  <si>
    <t>We onderzoeken hoe groot de kans is dat de gasnetwerken beschikbaar blijven. Vooral voor de oude binnenstad van Harlingen is dat belangrijk;</t>
  </si>
  <si>
    <t>Restwarmte en Aquathermie zijn interessant</t>
  </si>
  <si>
    <t>BU00720002</t>
  </si>
  <si>
    <t>Trebolbuurt</t>
  </si>
  <si>
    <t>2021BU00720002</t>
  </si>
  <si>
    <t>buurten.56e90ab8-89a9-4c44-89d7-f3d0d64149ff</t>
  </si>
  <si>
    <t>PL0072010003</t>
  </si>
  <si>
    <t>Oosterpark, Trebolbuurt, Dorpskernen Midlum en Wijnaldum en buitengebied</t>
  </si>
  <si>
    <t>BU00720003</t>
  </si>
  <si>
    <t>Plan-Zuid</t>
  </si>
  <si>
    <t>2021BU00720003</t>
  </si>
  <si>
    <t>buurten.92147762-1765-4fde-9e15-f183efcc49cf</t>
  </si>
  <si>
    <t>BU00720004</t>
  </si>
  <si>
    <t>Oosterpark</t>
  </si>
  <si>
    <t>2021BU00720004</t>
  </si>
  <si>
    <t>buurten.0733bbc4-8ab7-4984-b8e2-69513047d61d</t>
  </si>
  <si>
    <t>BU00720005</t>
  </si>
  <si>
    <t>Koningsbuurt</t>
  </si>
  <si>
    <t>2021BU00720005</t>
  </si>
  <si>
    <t>buurten.b032d264-8fa3-4bd2-bcba-1a304850bedb</t>
  </si>
  <si>
    <t>BU00720006</t>
  </si>
  <si>
    <t>2021BU00720006</t>
  </si>
  <si>
    <t>buurten.871752fd-3649-40c3-b931-87408d06071e</t>
  </si>
  <si>
    <t>BU00720007</t>
  </si>
  <si>
    <t>Industriehaven en omgeving</t>
  </si>
  <si>
    <t>2021BU00720007</t>
  </si>
  <si>
    <t>buurten.039af948-0ea2-4995-948d-2ffda3e94764</t>
  </si>
  <si>
    <t>BU00720009</t>
  </si>
  <si>
    <t>Verspreide huizen Harlingen</t>
  </si>
  <si>
    <t>2021BU00720009</t>
  </si>
  <si>
    <t>buurten.1c87c806-a15a-40e3-ad7b-8765930cac6f</t>
  </si>
  <si>
    <t>BU00720100</t>
  </si>
  <si>
    <t>Midlum</t>
  </si>
  <si>
    <t>WK007201</t>
  </si>
  <si>
    <t>2021BU00720100</t>
  </si>
  <si>
    <t>buurten.c0d95858-f356-4f27-94f4-e7e8b3514cc5</t>
  </si>
  <si>
    <t>BU00720109</t>
  </si>
  <si>
    <t>Verspreide huizen Midlum</t>
  </si>
  <si>
    <t>2021BU00720109</t>
  </si>
  <si>
    <t>buurten.87e724bb-c81f-4152-86f7-81b80538bf09</t>
  </si>
  <si>
    <t>BU00720200</t>
  </si>
  <si>
    <t>Wijnaldum</t>
  </si>
  <si>
    <t>WK007202</t>
  </si>
  <si>
    <t>2021BU00720200</t>
  </si>
  <si>
    <t>buurten.b8128b08-19b2-465c-be2f-9a5afbb34ee0</t>
  </si>
  <si>
    <t>BU00720209</t>
  </si>
  <si>
    <t>Verspreide huizen Wijnaldum</t>
  </si>
  <si>
    <t>2021BU00720209</t>
  </si>
  <si>
    <t>buurten.9334eff4-9c1d-45fa-9313-f820830bb67b</t>
  </si>
  <si>
    <t>BU00740100</t>
  </si>
  <si>
    <t>Noord</t>
  </si>
  <si>
    <t>WK007401</t>
  </si>
  <si>
    <t>GM0074</t>
  </si>
  <si>
    <t>Heerenveen</t>
  </si>
  <si>
    <t>2021BU00740100</t>
  </si>
  <si>
    <t>buurten.7dd245e1-fe72-4aec-981e-c3eb18a58fa2</t>
  </si>
  <si>
    <t>in 2030 20% van gebouwen duurzaam verwarmen, in 2050 aardgasvrij</t>
  </si>
  <si>
    <t>DC007401</t>
  </si>
  <si>
    <t>Transitievisie Warmte Gemeente Heerenveen</t>
  </si>
  <si>
    <t>2021-09-01</t>
  </si>
  <si>
    <t>betaalbaarheid, isolatie moet op orde zijn, techniek en tijdspad sluiten aan bij buurt, uitvoeringsplannen koppelen aan ontwikkelingen en  planningen in de buurt</t>
  </si>
  <si>
    <t>planning: wanneer en waar beginnen.</t>
  </si>
  <si>
    <t>https://heerenveen.bestuurlijkeinformatie.nl/Agenda/Index/e1766a78-cc48-4189-8418-f5266e9be751#754c5832-6c51-448a-ad9b-504fc79bfabb</t>
  </si>
  <si>
    <t>PL0074010001</t>
  </si>
  <si>
    <t>PL0074010028</t>
  </si>
  <si>
    <t>Aengwirden (Tjalleberd, Terband, Luinjeberd, Gersloot(polder)</t>
  </si>
  <si>
    <t>Overige bedrijventerreinen</t>
  </si>
  <si>
    <t>techniek en tijdspad sluiten aan bij de buurt</t>
  </si>
  <si>
    <t>aardgasvrij in 2030</t>
  </si>
  <si>
    <t>afvalwater van de zuivelindustrie en uit de bodem (1,5 tot 4 km diepte ? geothermie)</t>
  </si>
  <si>
    <t>restwarmte (zuivelindustrie) en geothermie</t>
  </si>
  <si>
    <t>BU00740101</t>
  </si>
  <si>
    <t>2021BU00740101</t>
  </si>
  <si>
    <t>buurten.5fb296d6-4ce0-4b18-9d9b-fab247136865</t>
  </si>
  <si>
    <t>PL0074010005</t>
  </si>
  <si>
    <t>De Greiden</t>
  </si>
  <si>
    <t>BU00740102</t>
  </si>
  <si>
    <t>Midden</t>
  </si>
  <si>
    <t>2021BU00740102</t>
  </si>
  <si>
    <t>buurten.8093afd7-5839-405c-a111-921ccb7746b4</t>
  </si>
  <si>
    <t>PL0074010012</t>
  </si>
  <si>
    <t>De Akkers</t>
  </si>
  <si>
    <t>de Heide</t>
  </si>
  <si>
    <t>BU00740103</t>
  </si>
  <si>
    <t>Nijehaske</t>
  </si>
  <si>
    <t>2021BU00740103</t>
  </si>
  <si>
    <t>buurten.f37e9d27-d19b-457e-b537-5812895be6b9</t>
  </si>
  <si>
    <t>BU00740104</t>
  </si>
  <si>
    <t>2021BU00740104</t>
  </si>
  <si>
    <t>buurten.2c82d443-bbba-4ee8-9c66-add02f86552d</t>
  </si>
  <si>
    <t>BU00740105</t>
  </si>
  <si>
    <t>De Heide</t>
  </si>
  <si>
    <t>2021BU00740105</t>
  </si>
  <si>
    <t>buurten.1dddad86-073c-47a7-b105-55e69845eb3e</t>
  </si>
  <si>
    <t>PL0074010002</t>
  </si>
  <si>
    <t>BU00740106</t>
  </si>
  <si>
    <t>2021BU00740106</t>
  </si>
  <si>
    <t>buurten.4e489c65-92f8-484d-9c45-b294c8573680</t>
  </si>
  <si>
    <t>PL0074010026</t>
  </si>
  <si>
    <t>BU00740107</t>
  </si>
  <si>
    <t>Skoatterwald</t>
  </si>
  <si>
    <t>2021BU00740107</t>
  </si>
  <si>
    <t>buurten.3272af66-ccc9-40c9-91c2-93567f1bc986</t>
  </si>
  <si>
    <t>PL0074010008</t>
  </si>
  <si>
    <t>Skoatterwold</t>
  </si>
  <si>
    <t>BU00740108</t>
  </si>
  <si>
    <t>Het meer</t>
  </si>
  <si>
    <t>2021BU00740108</t>
  </si>
  <si>
    <t>buurten.00dfb060-b657-4119-8d5c-2bade23c7086</t>
  </si>
  <si>
    <t>GM0086</t>
  </si>
  <si>
    <t>Opsterland</t>
  </si>
  <si>
    <t>minimaal 20% aardgasbesparing in 2030 (tov 2019)</t>
  </si>
  <si>
    <t>DC008601</t>
  </si>
  <si>
    <t>De Transitievisie Warmte van de gemeente Opsterland</t>
  </si>
  <si>
    <t>Participatie: keuzevrijheid en eigen tempo staan centraal, Actieve houding: faciliteren en stimuleren van inwoners en ondernemers, Betaalbaarheid, Duurzaam, Realistisch ambitieniveau, Beproefde technieken hebben de voorkeur.</t>
  </si>
  <si>
    <t>Transitievisie Warmte stippelen we uit welke routes we kunnen nemen voor de verschillende dorpen en buurten en moedigen we iedereen aan om zogenaamde geen-spijtmaatregelen te treffen: maatregelen die het energiegebruik beperken en altijd lonend zijn.</t>
  </si>
  <si>
    <t>Direct van het aardgas afgaan is vaak te duur en ingewikkeld. Daarom zetten we eerst in op het zoveel mogelijk voorbereiden van alle gebouwen op een aardgasvrije toekomst. Zo zijn we optimaal voorbereid om voor 2050 alle gebouwen aardgasvrij te kunnen ma</t>
  </si>
  <si>
    <t>https://ris2.ibabs.eu/Agenda/Details/Opsterland/51502c13-6235-4968-9df1-b8a7406f2720</t>
  </si>
  <si>
    <t>PL0086010003</t>
  </si>
  <si>
    <t>Elektriciteit, Hernieuwbaar gas</t>
  </si>
  <si>
    <t>BU00740109</t>
  </si>
  <si>
    <t>Nieuweschoot</t>
  </si>
  <si>
    <t>2021BU00740109</t>
  </si>
  <si>
    <t>buurten.834794bc-3c01-4b47-88a5-2291bdd5faf1</t>
  </si>
  <si>
    <t>Weststellingwerf</t>
  </si>
  <si>
    <t>De Transitievisie Warmte van de gemeente Weststellingwerf</t>
  </si>
  <si>
    <t>https://weststellingwerf.bestuurlijkeinformatie.nl/Agenda/Index/1b93fc07-52ca-4a22-83a8-cdc7c15286d5</t>
  </si>
  <si>
    <t>Wolvega: Wolvega Noord, De Muziekbuurt, Vogelbuurt, De Meulepolle, Bloemenbuurt, De Stedes, De Heidepolle, Tuindorp. Noordwolde: Geldering, Haenepolle, Rotanwijk, Recreatie, De Stelling, Noordwolde-Zuid. Langelille-Buitengebied, Langelille, Slijkenburg-S</t>
  </si>
  <si>
    <t>BU00740110</t>
  </si>
  <si>
    <t>Haskerveen</t>
  </si>
  <si>
    <t>2021BU00740110</t>
  </si>
  <si>
    <t>buurten.60ea7766-9d17-4b38-8300-ff749e629845</t>
  </si>
  <si>
    <t>PL0074010011</t>
  </si>
  <si>
    <t>BU00740201</t>
  </si>
  <si>
    <t>Terband</t>
  </si>
  <si>
    <t>WK007402</t>
  </si>
  <si>
    <t>2021BU00740201</t>
  </si>
  <si>
    <t>buurten.9c50a164-aea3-41e9-b4fe-16e241ea9cf9</t>
  </si>
  <si>
    <t>BU00740202</t>
  </si>
  <si>
    <t>Luinjeberd</t>
  </si>
  <si>
    <t>2021BU00740202</t>
  </si>
  <si>
    <t>buurten.b91f84c0-b01c-453d-9ed2-91dbe779f4a2</t>
  </si>
  <si>
    <t>PL0074010016</t>
  </si>
  <si>
    <t>Aldeboarn</t>
  </si>
  <si>
    <t>BU00740203</t>
  </si>
  <si>
    <t>Tjalleberd</t>
  </si>
  <si>
    <t>2021BU00740203</t>
  </si>
  <si>
    <t>buurten.3eb4bc1e-4c1a-49d0-a9b3-3232007cb0a7</t>
  </si>
  <si>
    <t>BU00740204</t>
  </si>
  <si>
    <t>Gersloot</t>
  </si>
  <si>
    <t>2021BU00740204</t>
  </si>
  <si>
    <t>buurten.7b59ee0c-7cae-472e-8974-9ad66a417e0e</t>
  </si>
  <si>
    <t>Beetsterzwaag: Roekbosk, Singels, Skeakel, Merkelen, Hup strjitten, Talant. Ureterp: De Ekers, Centrum, Gilden, Buorfinne. Gorredijk: Ij buurt, Bloemenwijk, Miente. Bakkeveen: Bakkeveen-De Kampen, Bakkeveen-Centrum. Olterterp, Frieschepalen, Frieschepale</t>
  </si>
  <si>
    <t>BU00740205</t>
  </si>
  <si>
    <t>Gersloot-polder</t>
  </si>
  <si>
    <t>2021BU00740205</t>
  </si>
  <si>
    <t>buurten.6da7680a-1982-4c6c-a641-1f97457848bf</t>
  </si>
  <si>
    <t>BU00740301</t>
  </si>
  <si>
    <t>De Knipe</t>
  </si>
  <si>
    <t>WK007403</t>
  </si>
  <si>
    <t>2021BU00740301</t>
  </si>
  <si>
    <t>buurten.7360f4d4-8cf6-4219-b2a2-45fa9d0aace9</t>
  </si>
  <si>
    <t>PL0074010013</t>
  </si>
  <si>
    <t>BU00740302</t>
  </si>
  <si>
    <t>Bontebok</t>
  </si>
  <si>
    <t>2021BU00740302</t>
  </si>
  <si>
    <t>buurten.f9a84390-ddd0-4e35-a385-3964f16dace0</t>
  </si>
  <si>
    <t>PL0074010018</t>
  </si>
  <si>
    <t>Oudehorne</t>
  </si>
  <si>
    <t>BU00740401</t>
  </si>
  <si>
    <t>Oudeschoot</t>
  </si>
  <si>
    <t>WK007404</t>
  </si>
  <si>
    <t>2021BU00740401</t>
  </si>
  <si>
    <t>buurten.66824d81-3106-44c0-9b3c-50e74b50618a</t>
  </si>
  <si>
    <t>GM0098</t>
  </si>
  <si>
    <t>DC009801</t>
  </si>
  <si>
    <t>PL0098010003</t>
  </si>
  <si>
    <t>BU00740402</t>
  </si>
  <si>
    <t>Mildam</t>
  </si>
  <si>
    <t>2021BU00740402</t>
  </si>
  <si>
    <t>buurten.f5a95276-699a-4ccf-b8cd-c75924b967d1</t>
  </si>
  <si>
    <t>PL0074010003</t>
  </si>
  <si>
    <t>Katlijk</t>
  </si>
  <si>
    <t>BU00740403</t>
  </si>
  <si>
    <t>2021BU00740403</t>
  </si>
  <si>
    <t>buurten.81655e64-7970-40b0-82ef-6009f13361ba</t>
  </si>
  <si>
    <t>BU00740404</t>
  </si>
  <si>
    <t>Nieuwehorne</t>
  </si>
  <si>
    <t>2021BU00740404</t>
  </si>
  <si>
    <t>buurten.e1893e5d-e854-4838-9f13-a889a487147f</t>
  </si>
  <si>
    <t>BU00740405</t>
  </si>
  <si>
    <t>2021BU00740405</t>
  </si>
  <si>
    <t>buurten.570d1119-d75b-4554-8a39-fe9febf187cb</t>
  </si>
  <si>
    <t>De Transitievisie Warmte van de gemeente Ooststellingwerf</t>
  </si>
  <si>
    <t>https://www.ooststellingwerf.nl/transitievisie-warmte-gemeenten-ooststellingwerf-weststellingwerf-en-opsterland-klaar-voor</t>
  </si>
  <si>
    <t>PL0074010017</t>
  </si>
  <si>
    <t>BU00740406</t>
  </si>
  <si>
    <t>Jubbega</t>
  </si>
  <si>
    <t>2021BU00740406</t>
  </si>
  <si>
    <t>buurten.ffdd05b7-aff7-42ef-8cba-834c0065e4e6</t>
  </si>
  <si>
    <t>BU00740407</t>
  </si>
  <si>
    <t>Hoornsterzwaag</t>
  </si>
  <si>
    <t>2021BU00740407</t>
  </si>
  <si>
    <t>buurten.97dd7a33-37a5-4152-8490-dc1792f38068</t>
  </si>
  <si>
    <t>Oosterwolde-Maden, Ravenswoud, Haulerwijk-Noord-West, Langedijke-Buitengebied, Haule-Buitengebied, Haulerwijk-Buitengebied, Fochteloo, Oosterwolde-Haerenkwartier, Haulerwijk-Brueneweg, Oosterwolde-Iris, Haule, Elsloo, Appelscha-Vaart, Oosterwolde-Slatten</t>
  </si>
  <si>
    <t>BU00740601</t>
  </si>
  <si>
    <t>Oranjewoud</t>
  </si>
  <si>
    <t>WK007406</t>
  </si>
  <si>
    <t>2021BU00740601</t>
  </si>
  <si>
    <t>buurten.27cc0272-a337-4d84-9f84-9f6bdeab436a</t>
  </si>
  <si>
    <t>BU00740701</t>
  </si>
  <si>
    <t>Haskerdijken</t>
  </si>
  <si>
    <t>WK007407</t>
  </si>
  <si>
    <t>2021BU00740701</t>
  </si>
  <si>
    <t>buurten.c04daf57-ec9f-4118-9360-5fc3cdd67dc9</t>
  </si>
  <si>
    <t>Nieuwebrug</t>
  </si>
  <si>
    <t>BU00740702</t>
  </si>
  <si>
    <t>2021BU00740702</t>
  </si>
  <si>
    <t>buurten.cc900a10-e257-4c6a-ae9d-d390350a215e</t>
  </si>
  <si>
    <t>PL0074010020</t>
  </si>
  <si>
    <t>BU00740901</t>
  </si>
  <si>
    <t>Akkrum</t>
  </si>
  <si>
    <t>WK007409</t>
  </si>
  <si>
    <t>2021BU00740901</t>
  </si>
  <si>
    <t>buurten.8dd80f53-5c80-4393-a1f0-9d79b547d993</t>
  </si>
  <si>
    <t>Leeuwarden</t>
  </si>
  <si>
    <t>Bijlagen Warmtevisie Leeuwarden</t>
  </si>
  <si>
    <t>n.v.t.</t>
  </si>
  <si>
    <t>https://leeuwarden.bestuurlijkeinformatie.nl/Agenda/Index/6a9fe6ff-1a22-4fd9-8d8d-fe8e89a9b5c3#c3c8597c-9bfd-45f9-a67d-03a235128fa3</t>
  </si>
  <si>
    <t>PL0074010014</t>
  </si>
  <si>
    <t>Terherne</t>
  </si>
  <si>
    <t>startwijk. Doeljaar 2030, maar onduidelijk wat.</t>
  </si>
  <si>
    <t>BU00740902</t>
  </si>
  <si>
    <t>2021BU00740902</t>
  </si>
  <si>
    <t>buurten.016aae07-cff6-440b-b7dc-783060fc1304</t>
  </si>
  <si>
    <t>BU00740903</t>
  </si>
  <si>
    <t>2021BU00740903</t>
  </si>
  <si>
    <t>buurten.e418ab14-060c-4b4a-9d2e-ba28cdef161f</t>
  </si>
  <si>
    <t>BU00801001</t>
  </si>
  <si>
    <t>De Waag</t>
  </si>
  <si>
    <t>WK008010</t>
  </si>
  <si>
    <t>GM0080</t>
  </si>
  <si>
    <t>2021BU00801001</t>
  </si>
  <si>
    <t>buurten.af6901e1-9227-4aff-b34e-fb01b13542c7</t>
  </si>
  <si>
    <t>fossiele brandstof-vrij in 2050, 49% CO2-reductie in 2030 (tov 1990)</t>
  </si>
  <si>
    <t>DC008002</t>
  </si>
  <si>
    <t>PL0080020001</t>
  </si>
  <si>
    <t>PL0080020002</t>
  </si>
  <si>
    <t>Achter de Hoven, Aldlen-Oost, Bloemenbuurt, De Centrale, Jan van Scorelbuurt, Oldegalieen, Schieringen, Transvaalwijk, Tulpenburg, Vrijheidswijk-Oost, Welgelegen</t>
  </si>
  <si>
    <t>Blokhuisplein, De Waag, Grote Kerkbuurt, Hoek, Nieuwestad, Oldehove, Stationskwartier, Westeinde, Zaailand</t>
  </si>
  <si>
    <t>Afleverset en/of hybride warmtepomp en/of gasketel</t>
  </si>
  <si>
    <t>hWP,Wnet,Hr</t>
  </si>
  <si>
    <t>Niet gespecificeerde warmtebron</t>
  </si>
  <si>
    <t>BU00801002</t>
  </si>
  <si>
    <t>Nieuwestad</t>
  </si>
  <si>
    <t>2021BU00801002</t>
  </si>
  <si>
    <t>buurten.b08d2260-27cb-4271-acd0-546dc8429c91</t>
  </si>
  <si>
    <t>BU00801003</t>
  </si>
  <si>
    <t>Oldehove</t>
  </si>
  <si>
    <t>2021BU00801003</t>
  </si>
  <si>
    <t>buurten.96e8cdfa-c579-42ff-9ba1-b5338f9b1fe5</t>
  </si>
  <si>
    <t>BU00801004</t>
  </si>
  <si>
    <t>Grote Kerkbuurt</t>
  </si>
  <si>
    <t>2021BU00801004</t>
  </si>
  <si>
    <t>buurten.8468988f-7500-4441-a222-6793c3d508f8</t>
  </si>
  <si>
    <t>PL0080020003</t>
  </si>
  <si>
    <t>Buitengebied Noordwest, Cambuur, Cambuursterpad, Camminghaburen-Midden, Camminghaburen-Zuid, De Werp, De Zwette VI Deinumerpolder, Goutum, Grou, Hemrik, Hollanderwijk, Huizum-Badweg, Huizum-Bornia, Huizum-Dorp, Huizum-Sixma, Indische buurt, Jirnsum, Mage</t>
  </si>
  <si>
    <t>Elektriciteit, niet gespecificieerde warmtebron</t>
  </si>
  <si>
    <t>BU00801005</t>
  </si>
  <si>
    <t>Hoek</t>
  </si>
  <si>
    <t>2021BU00801005</t>
  </si>
  <si>
    <t>buurten.2864abdd-931b-4c0b-ba59-01874a2b6133</t>
  </si>
  <si>
    <t>BU00801006</t>
  </si>
  <si>
    <t>Blokhuisplein</t>
  </si>
  <si>
    <t>2021BU00801006</t>
  </si>
  <si>
    <t>buurten.fcd934f8-2eec-4e6f-a19c-3e8a9a99cc04</t>
  </si>
  <si>
    <t>BU00801007</t>
  </si>
  <si>
    <t>Zaailand</t>
  </si>
  <si>
    <t>2021BU00801007</t>
  </si>
  <si>
    <t>buurten.8cde9cf4-d2ae-4a4f-b996-1c1635a33eb4</t>
  </si>
  <si>
    <t>BU00801008</t>
  </si>
  <si>
    <t>Stationskwartier</t>
  </si>
  <si>
    <t>2021BU00801008</t>
  </si>
  <si>
    <t>buurten.6ffec27f-9b82-46ae-bb64-201d337be415</t>
  </si>
  <si>
    <t>DC008001</t>
  </si>
  <si>
    <t>Stap voor stap naar aardgasvrij. Warmtevisie Leeuwarden</t>
  </si>
  <si>
    <t>Betaalbaar, Samenwerken, De warmtevoorziening is betrouwbaar en duurzaam, Gebruik van logische momenten, stapt voor stap, zorgvuldig en transparant.</t>
  </si>
  <si>
    <t>ambitieuze doelstelling van 11% besparing in 2030 en 30% in 2050</t>
  </si>
  <si>
    <t>https://leeuwarden.bestuurlijkeinformatie.nl/Agenda/Document/d66e1ab2-6b53-4d7a-9815-2efc747dde50?documentId=add1bf22-2cfb-4a05-ac7d-62e7d2829c34&amp;agendaItemId=58911aad-bf07-4a3b-9481-f82582d2b62e</t>
  </si>
  <si>
    <t>PL0080010001</t>
  </si>
  <si>
    <t>Nijlen, Harlingervaart Noord, Oranjewijk, Heechterp,</t>
  </si>
  <si>
    <t>Aardwarmte, elektriciteit</t>
  </si>
  <si>
    <t>bodemenergie</t>
  </si>
  <si>
    <t>geothermie</t>
  </si>
  <si>
    <t>30</t>
  </si>
  <si>
    <t>BU00801101</t>
  </si>
  <si>
    <t>Tulpenburg</t>
  </si>
  <si>
    <t>WK008011</t>
  </si>
  <si>
    <t>2021BU00801101</t>
  </si>
  <si>
    <t>buurten.81b365c3-0117-4c5f-8fac-268623bcdc27</t>
  </si>
  <si>
    <t>BU00801102</t>
  </si>
  <si>
    <t>Oranjewijk</t>
  </si>
  <si>
    <t>2021BU00801102</t>
  </si>
  <si>
    <t>buurten.37c87f89-fb8d-40d7-a1df-f9671180c2a5</t>
  </si>
  <si>
    <t>BU00801103</t>
  </si>
  <si>
    <t>Achter de Hoven</t>
  </si>
  <si>
    <t>2021BU00801103</t>
  </si>
  <si>
    <t>buurten.c44737e7-de35-428f-9fb5-4381fe0b9ded</t>
  </si>
  <si>
    <t>BU00801104</t>
  </si>
  <si>
    <t>Schepenbuurt</t>
  </si>
  <si>
    <t>2021BU00801104</t>
  </si>
  <si>
    <t>buurten.e764ee23-5aed-49a4-b2d8-b4eecd132552</t>
  </si>
  <si>
    <t>BU00801105</t>
  </si>
  <si>
    <t>Wielenpôlle</t>
  </si>
  <si>
    <t>2021BU00801105</t>
  </si>
  <si>
    <t>buurten.2f44844c-7612-4b31-a208-8eb6eb9bd4c3</t>
  </si>
  <si>
    <t>BU00801106</t>
  </si>
  <si>
    <t>Huizum-Dorp</t>
  </si>
  <si>
    <t>2021BU00801106</t>
  </si>
  <si>
    <t>buurten.14a59eeb-1698-4023-bc89-eca5dbe98fb3</t>
  </si>
  <si>
    <t>BU00801107</t>
  </si>
  <si>
    <t>Huizum-Sixma</t>
  </si>
  <si>
    <t>2021BU00801107</t>
  </si>
  <si>
    <t>buurten.c9a69ed1-9ab7-408e-afc3-87bfc1a4f448</t>
  </si>
  <si>
    <t>BU00801108</t>
  </si>
  <si>
    <t>Huizum-Bornia</t>
  </si>
  <si>
    <t>2021BU00801108</t>
  </si>
  <si>
    <t>buurten.236441d5-ab7c-4a2f-a178-8e175bc51adc</t>
  </si>
  <si>
    <t>BU00801109</t>
  </si>
  <si>
    <t>Huizum-Badweg</t>
  </si>
  <si>
    <t>2021BU00801109</t>
  </si>
  <si>
    <t>buurten.f9e48618-d527-4a51-915b-22b3d4c63fc7</t>
  </si>
  <si>
    <t>BU00802001</t>
  </si>
  <si>
    <t>Oldegalileën</t>
  </si>
  <si>
    <t>WK008020</t>
  </si>
  <si>
    <t>2021BU00802001</t>
  </si>
  <si>
    <t>buurten.8a400689-f1cf-4721-aadb-b02980750dbd</t>
  </si>
  <si>
    <t>PL0080010003</t>
  </si>
  <si>
    <t>Aardwarmte</t>
  </si>
  <si>
    <t>BU00802002</t>
  </si>
  <si>
    <t>2021BU00802002</t>
  </si>
  <si>
    <t>buurten.f78536d0-5559-498b-9aca-c9389bfcbbee</t>
  </si>
  <si>
    <t>Aldlen West, Helicon, Camminghaburen Noord, Bilgaard, Vrijheidsweijk West, Rapenburg, Valeriuskwartier</t>
  </si>
  <si>
    <t>BU00802003</t>
  </si>
  <si>
    <t>Cambuursterpad</t>
  </si>
  <si>
    <t>2021BU00802003</t>
  </si>
  <si>
    <t>buurten.299b217a-0586-4a6b-9b88-602576b4718c</t>
  </si>
  <si>
    <t>BU00802004</t>
  </si>
  <si>
    <t>Zamenhofpark</t>
  </si>
  <si>
    <t>2021BU00802004</t>
  </si>
  <si>
    <t>buurten.3c2a1491-18f0-4241-a1d4-1f46b05a75b7</t>
  </si>
  <si>
    <t>BU00802005</t>
  </si>
  <si>
    <t>Cambuur</t>
  </si>
  <si>
    <t>2021BU00802005</t>
  </si>
  <si>
    <t>buurten.5e5ef3c5-022b-4588-9006-0ee98709aa47</t>
  </si>
  <si>
    <t>BU00802006</t>
  </si>
  <si>
    <t>2021BU00802006</t>
  </si>
  <si>
    <t>buurten.f533ecb5-3ca6-4ea2-8764-e33e6310257a</t>
  </si>
  <si>
    <t>BU00802007</t>
  </si>
  <si>
    <t>2021BU00802007</t>
  </si>
  <si>
    <t>buurten.b0590967-284a-4cfb-a2e8-c4746619788a</t>
  </si>
  <si>
    <t>BU00802008</t>
  </si>
  <si>
    <t>Molenpad</t>
  </si>
  <si>
    <t>2021BU00802008</t>
  </si>
  <si>
    <t>buurten.a6e60459-4f03-4516-b8c7-afa9be00c872</t>
  </si>
  <si>
    <t>BU00802009</t>
  </si>
  <si>
    <t>Welgelegen</t>
  </si>
  <si>
    <t>2021BU00802009</t>
  </si>
  <si>
    <t>buurten.d3bd189b-c586-49fd-8cc4-a9a0721e5f4a</t>
  </si>
  <si>
    <t>BU00803001</t>
  </si>
  <si>
    <t>Transvaalwijk</t>
  </si>
  <si>
    <t>WK008030</t>
  </si>
  <si>
    <t>2021BU00803001</t>
  </si>
  <si>
    <t>buurten.de9e666c-c8d7-41c3-b011-30badc410a83</t>
  </si>
  <si>
    <t>BU00803002</t>
  </si>
  <si>
    <t>Bonifatius</t>
  </si>
  <si>
    <t>2021BU00803002</t>
  </si>
  <si>
    <t>buurten.b4efb27b-3eaf-4b5f-a9f2-0ff1aa6bac02</t>
  </si>
  <si>
    <t>BU00803003</t>
  </si>
  <si>
    <t>Rengerspark</t>
  </si>
  <si>
    <t>2021BU00803003</t>
  </si>
  <si>
    <t>buurten.fe80ff3d-8727-40bb-a9df-6c57eaaa84d0</t>
  </si>
  <si>
    <t>BU00803004</t>
  </si>
  <si>
    <t>Vogelwijk</t>
  </si>
  <si>
    <t>2021BU00803004</t>
  </si>
  <si>
    <t>buurten.1dfc5e5d-300f-4644-9421-a2556a26559d</t>
  </si>
  <si>
    <t>BU00803005</t>
  </si>
  <si>
    <t>Sonnenborgh</t>
  </si>
  <si>
    <t>2021BU00803005</t>
  </si>
  <si>
    <t>buurten.31a13dde-76cf-4063-b335-4e982721334b</t>
  </si>
  <si>
    <t>BU00803006</t>
  </si>
  <si>
    <t>Valeriuskwartier</t>
  </si>
  <si>
    <t>2021BU00803006</t>
  </si>
  <si>
    <t>buurten.28fc9fd2-72b3-4a07-bb49-227317fc031c</t>
  </si>
  <si>
    <t>BU00803007</t>
  </si>
  <si>
    <t>Magere Weide</t>
  </si>
  <si>
    <t>2021BU00803007</t>
  </si>
  <si>
    <t>buurten.5cfd54d2-8d7d-4bbb-a967-e78285678f95</t>
  </si>
  <si>
    <t>PL0080020004</t>
  </si>
  <si>
    <t>Alde Leie, Bears, Britsum, Buitengebied Britsum, Buitengebied Feinsum, Buitengebied Hijum, Buitengebied Hilaard, Buitengebied Jelsum, Buitengebied Jirnsum, Buitengebied Jorwert, Buitengebied Koarnjum, Buitengebied Lekkum en Miedum, Buitengebied Mantgum,</t>
  </si>
  <si>
    <t>BU00803101</t>
  </si>
  <si>
    <t>Westeinde</t>
  </si>
  <si>
    <t>WK008031</t>
  </si>
  <si>
    <t>2021BU00803101</t>
  </si>
  <si>
    <t>buurten.fedee60b-bbf4-4409-8e79-b0addb171f1e</t>
  </si>
  <si>
    <t>BU00803102</t>
  </si>
  <si>
    <t>Buitengebied Noordwest</t>
  </si>
  <si>
    <t>2021BU00803102</t>
  </si>
  <si>
    <t>buurten.2dd42ddb-0c7e-49f6-8f66-bb1ac0a360d1</t>
  </si>
  <si>
    <t>BU00803201</t>
  </si>
  <si>
    <t>Vossepark</t>
  </si>
  <si>
    <t>WK008032</t>
  </si>
  <si>
    <t>2021BU00803201</t>
  </si>
  <si>
    <t>buurten.bcaca0d0-42f3-49d9-a817-e671fc61915d</t>
  </si>
  <si>
    <t>BU00803202</t>
  </si>
  <si>
    <t>Helicon</t>
  </si>
  <si>
    <t>2021BU00803202</t>
  </si>
  <si>
    <t>buurten.d4dd753b-0c3c-41b2-90d2-dd58d8dffde7</t>
  </si>
  <si>
    <t>onderzoekend. onderzoek loopt</t>
  </si>
  <si>
    <t>BU00803203</t>
  </si>
  <si>
    <t>Harlingervaart Noord</t>
  </si>
  <si>
    <t>2021BU00803203</t>
  </si>
  <si>
    <t>buurten.a3a0cf38-3a1b-4032-8b3e-8d5d5eec65a7</t>
  </si>
  <si>
    <t>BU00804001</t>
  </si>
  <si>
    <t>Hollanderwijk</t>
  </si>
  <si>
    <t>WK008040</t>
  </si>
  <si>
    <t>2021BU00804001</t>
  </si>
  <si>
    <t>buurten.700a3619-ee57-4fa2-941a-df49adeb1c1d</t>
  </si>
  <si>
    <t>PL0080010002</t>
  </si>
  <si>
    <t>De Zwette I Harlingervaart, De Zwette II Zwettehaven, De Zwette III Schenkenschans, De Zwette IV Businesspark en De Zwette V Newton</t>
  </si>
  <si>
    <t>BU00804002</t>
  </si>
  <si>
    <t>Gerard Dou</t>
  </si>
  <si>
    <t>2021BU00804002</t>
  </si>
  <si>
    <t>buurten.0645916d-b4ac-4b42-9d51-f5eacf9a6fd5</t>
  </si>
  <si>
    <t>BU00804003</t>
  </si>
  <si>
    <t>Julianapark</t>
  </si>
  <si>
    <t>2021BU00804003</t>
  </si>
  <si>
    <t>buurten.b5481137-ff00-4782-abf5-1a779d3d88e8</t>
  </si>
  <si>
    <t>BU00804004</t>
  </si>
  <si>
    <t>Jan van Scorelbuurt</t>
  </si>
  <si>
    <t>2021BU00804004</t>
  </si>
  <si>
    <t>buurten.885492fc-793e-4589-96b8-6fd483d16782</t>
  </si>
  <si>
    <t>BU00804101</t>
  </si>
  <si>
    <t>Nijlân</t>
  </si>
  <si>
    <t>WK008041</t>
  </si>
  <si>
    <t>2021BU00804101</t>
  </si>
  <si>
    <t>buurten.5126c9cc-e92c-41cb-8a14-e474ed0295c2</t>
  </si>
  <si>
    <t>BU00804102</t>
  </si>
  <si>
    <t>De Zwette I Harlingervaart</t>
  </si>
  <si>
    <t>2021BU00804102</t>
  </si>
  <si>
    <t>buurten.87ebb5ab-1e26-40d3-935b-3d562c2aaeee</t>
  </si>
  <si>
    <t>BU00804103</t>
  </si>
  <si>
    <t>De Zwette II Zwettehaven</t>
  </si>
  <si>
    <t>2021BU00804103</t>
  </si>
  <si>
    <t>buurten.411021ce-b617-4a73-a082-0f6c7e4535fb</t>
  </si>
  <si>
    <t>PL0080020005</t>
  </si>
  <si>
    <t>Blitsaerd, Buitengebied De Zwette, Buitengebied Grou, Buitengebied Hempens, Buitengebied Warten, Buitengebied Wirdum, De Groene Ster, De Klamp, De Zuidlanden, Grote Wielen, Wiarda, Zuiderburen</t>
  </si>
  <si>
    <t>BU00804104</t>
  </si>
  <si>
    <t>De Zwette III Schenkenschans</t>
  </si>
  <si>
    <t>2021BU00804104</t>
  </si>
  <si>
    <t>buurten.0c2c6867-0104-4399-ba82-b4ba91a13142</t>
  </si>
  <si>
    <t>BU00804105</t>
  </si>
  <si>
    <t>De Zwette IV Businesspark</t>
  </si>
  <si>
    <t>2021BU00804105</t>
  </si>
  <si>
    <t>buurten.7c5f407a-96ae-437b-b0d3-ec5f156bbea1</t>
  </si>
  <si>
    <t>BU00804106</t>
  </si>
  <si>
    <t>De Zwette V Newton</t>
  </si>
  <si>
    <t>2021BU00804106</t>
  </si>
  <si>
    <t>buurten.50e6671b-d79b-44c8-90ec-1a8d4a44094a</t>
  </si>
  <si>
    <t>BU00804107</t>
  </si>
  <si>
    <t>De Zwette VI Deinumerpolder</t>
  </si>
  <si>
    <t>2021BU00804107</t>
  </si>
  <si>
    <t>buurten.9e831f95-e3f4-4f81-bb6c-7cff27734de7</t>
  </si>
  <si>
    <t>BU00804108</t>
  </si>
  <si>
    <t>EnergieCampus Sylsterrak</t>
  </si>
  <si>
    <t>2021BU00804108</t>
  </si>
  <si>
    <t>buurten.0c51e5a7-3061-46cf-bf79-bb7da6fa360e</t>
  </si>
  <si>
    <t>BU00804109</t>
  </si>
  <si>
    <t>Buitengebied De Zwette</t>
  </si>
  <si>
    <t>2021BU00804109</t>
  </si>
  <si>
    <t>buurten.1e35276c-bb4f-41a5-9c61-f72a93c90273</t>
  </si>
  <si>
    <t>BU00804110</t>
  </si>
  <si>
    <t>Buitengebied West</t>
  </si>
  <si>
    <t>2021BU00804110</t>
  </si>
  <si>
    <t>buurten.356b22e4-7821-4eba-81fd-769f7a2d7016</t>
  </si>
  <si>
    <t>BU00805001</t>
  </si>
  <si>
    <t>Heechterp</t>
  </si>
  <si>
    <t>WK008050</t>
  </si>
  <si>
    <t>2021BU00805001</t>
  </si>
  <si>
    <t>buurten.5282ab07-a905-4a29-9ed4-c4b627c81f09</t>
  </si>
  <si>
    <t>BU00805002</t>
  </si>
  <si>
    <t>Schieringen</t>
  </si>
  <si>
    <t>2021BU00805002</t>
  </si>
  <si>
    <t>buurten.5310b706-ec78-4827-b72a-3516081f0c54</t>
  </si>
  <si>
    <t>BU00805003</t>
  </si>
  <si>
    <t>De Centrale</t>
  </si>
  <si>
    <t>2021BU00805003</t>
  </si>
  <si>
    <t>buurten.615ae939-ce19-4ff3-970b-f15dafb629a2</t>
  </si>
  <si>
    <t>BU00805101</t>
  </si>
  <si>
    <t>Camminghaburen-Noord</t>
  </si>
  <si>
    <t>WK008051</t>
  </si>
  <si>
    <t>2021BU00805101</t>
  </si>
  <si>
    <t>buurten.fe75d0fa-bc79-45ce-b411-9f6434e91797</t>
  </si>
  <si>
    <t>BU00805102</t>
  </si>
  <si>
    <t>Camminghaburen-Midden</t>
  </si>
  <si>
    <t>2021BU00805102</t>
  </si>
  <si>
    <t>buurten.19d535e6-f46a-4ec1-b58a-66c3517bcf7e</t>
  </si>
  <si>
    <t>BU00805103</t>
  </si>
  <si>
    <t>Camminghaburen-Zuid</t>
  </si>
  <si>
    <t>2021BU00805103</t>
  </si>
  <si>
    <t>buurten.6963513b-4e19-443a-88f5-2e54e957b120</t>
  </si>
  <si>
    <t>BU00805104</t>
  </si>
  <si>
    <t>Grote Wielen</t>
  </si>
  <si>
    <t>2021BU00805104</t>
  </si>
  <si>
    <t>buurten.1c783024-7742-4fcb-b362-bf99e3a710cd</t>
  </si>
  <si>
    <t>BU00805105</t>
  </si>
  <si>
    <t>De Groene Ster</t>
  </si>
  <si>
    <t>2021BU00805105</t>
  </si>
  <si>
    <t>buurten.f6fa861f-0d39-437b-846d-25d54ab4d508</t>
  </si>
  <si>
    <t>PL0059010006</t>
  </si>
  <si>
    <t>Alle kernen Tytsjerksteradiel</t>
  </si>
  <si>
    <t>BU00806001</t>
  </si>
  <si>
    <t>Bilgaard</t>
  </si>
  <si>
    <t>WK008060</t>
  </si>
  <si>
    <t>2021BU00806001</t>
  </si>
  <si>
    <t>buurten.46a876b1-d233-4270-a28a-81f936d89f60</t>
  </si>
  <si>
    <t>BU00806002</t>
  </si>
  <si>
    <t>Havankpark</t>
  </si>
  <si>
    <t>2021BU00806002</t>
  </si>
  <si>
    <t>buurten.32e4ee8f-9914-4d20-9cfe-79209ccfe5b5</t>
  </si>
  <si>
    <t>BU00806003</t>
  </si>
  <si>
    <t>Vierhuisterweg e.o.</t>
  </si>
  <si>
    <t>2021BU00806003</t>
  </si>
  <si>
    <t>buurten.45537936-fc59-4937-96be-cc5882ff0ef3</t>
  </si>
  <si>
    <t>BU00806101</t>
  </si>
  <si>
    <t>Vrijheidswijk-West</t>
  </si>
  <si>
    <t>WK008061</t>
  </si>
  <si>
    <t>2021BU00806101</t>
  </si>
  <si>
    <t>buurten.89e6f159-aa76-4187-a9a4-17b7cc394da6</t>
  </si>
  <si>
    <t>BU00806102</t>
  </si>
  <si>
    <t>Vrijheidswijk-Oost</t>
  </si>
  <si>
    <t>2021BU00806102</t>
  </si>
  <si>
    <t>buurten.152d0910-601d-4546-b93a-aae8da468dee</t>
  </si>
  <si>
    <t>BU00806201</t>
  </si>
  <si>
    <t>Lekkum</t>
  </si>
  <si>
    <t>WK008062</t>
  </si>
  <si>
    <t>2021BU00806201</t>
  </si>
  <si>
    <t>buurten.476e209b-cc86-4d2f-9775-6aa295e333b8</t>
  </si>
  <si>
    <t>BU00806202</t>
  </si>
  <si>
    <t>Snakkerburen</t>
  </si>
  <si>
    <t>2021BU00806202</t>
  </si>
  <si>
    <t>buurten.97e1a3ec-b914-4242-bdd0-2c14eb462ad1</t>
  </si>
  <si>
    <t>BU00806203</t>
  </si>
  <si>
    <t>Buitengebied Lekkum en Miedum</t>
  </si>
  <si>
    <t>2021BU00806203</t>
  </si>
  <si>
    <t>buurten.7cbe3cef-2370-440b-b24f-905a17cf0fb9</t>
  </si>
  <si>
    <t>BU00806204</t>
  </si>
  <si>
    <t>Blitsaerd</t>
  </si>
  <si>
    <t>2021BU00806204</t>
  </si>
  <si>
    <t>buurten.296479eb-d280-4768-a48f-1882b511c5c0</t>
  </si>
  <si>
    <t>BU00806205</t>
  </si>
  <si>
    <t>Jelsum</t>
  </si>
  <si>
    <t>2021BU00806205</t>
  </si>
  <si>
    <t>buurten.5a30c3a3-5e04-4d6f-a53e-b24b2d53ae26</t>
  </si>
  <si>
    <t>BU00806206</t>
  </si>
  <si>
    <t>Buitengebied Jelsum</t>
  </si>
  <si>
    <t>2021BU00806206</t>
  </si>
  <si>
    <t>buurten.6f0867a8-740d-4150-b2ea-c5c530d9c211</t>
  </si>
  <si>
    <t>BU00806207</t>
  </si>
  <si>
    <t>Koarnjum</t>
  </si>
  <si>
    <t>2021BU00806207</t>
  </si>
  <si>
    <t>buurten.414948c6-067f-4aea-b9e6-76e1b1cdea69</t>
  </si>
  <si>
    <t>BU00806208</t>
  </si>
  <si>
    <t>Buitengebied Koarnjum</t>
  </si>
  <si>
    <t>2021BU00806208</t>
  </si>
  <si>
    <t>buurten.e0691bdc-578f-4306-ba06-7ee97fc2e255</t>
  </si>
  <si>
    <t>BU00806209</t>
  </si>
  <si>
    <t>Britsum</t>
  </si>
  <si>
    <t>2021BU00806209</t>
  </si>
  <si>
    <t>buurten.9dad023e-82bd-4571-a947-350e3bc567f7</t>
  </si>
  <si>
    <t>BU00806210</t>
  </si>
  <si>
    <t>Buitengebied Britsum</t>
  </si>
  <si>
    <t>2021BU00806210</t>
  </si>
  <si>
    <t>buurten.11970c4c-e666-4dfe-9cda-c55a7adcfe23</t>
  </si>
  <si>
    <t>Stiens</t>
  </si>
  <si>
    <t>BU00806301</t>
  </si>
  <si>
    <t>WK008063</t>
  </si>
  <si>
    <t>2021BU00806301</t>
  </si>
  <si>
    <t>buurten.c4c2c247-5ff6-42ec-83ba-f888182e82b5</t>
  </si>
  <si>
    <t>PL0080010005</t>
  </si>
  <si>
    <t>BU00806302</t>
  </si>
  <si>
    <t>Buitengebied Stiens</t>
  </si>
  <si>
    <t>2021BU00806302</t>
  </si>
  <si>
    <t>buurten.68125f27-3929-426d-833d-9d912bf5659d</t>
  </si>
  <si>
    <t>BU00806303</t>
  </si>
  <si>
    <t>Feinsum</t>
  </si>
  <si>
    <t>2021BU00806303</t>
  </si>
  <si>
    <t>buurten.85c78234-9baa-4e36-a353-828de9979688</t>
  </si>
  <si>
    <t>BU00806304</t>
  </si>
  <si>
    <t>Buitengebied Feinsum</t>
  </si>
  <si>
    <t>2021BU00806304</t>
  </si>
  <si>
    <t>buurten.cb88de42-95a6-443e-8e3f-b0b79da5c246</t>
  </si>
  <si>
    <t>BU00806305</t>
  </si>
  <si>
    <t>Hijum</t>
  </si>
  <si>
    <t>2021BU00806305</t>
  </si>
  <si>
    <t>buurten.6f6e5499-dabf-4b4b-a966-ccaa446daf03</t>
  </si>
  <si>
    <t>BU00806306</t>
  </si>
  <si>
    <t>Buitengebied Hijum</t>
  </si>
  <si>
    <t>2021BU00806306</t>
  </si>
  <si>
    <t>buurten.eaaa3d94-dc03-4a67-b290-4bb999fa6b77</t>
  </si>
  <si>
    <t>BU00806307</t>
  </si>
  <si>
    <t>Alde Leie</t>
  </si>
  <si>
    <t>2021BU00806307</t>
  </si>
  <si>
    <t>buurten.daecc8b4-a819-4279-9f59-c3f99ef5b08a</t>
  </si>
  <si>
    <t>BU00807001</t>
  </si>
  <si>
    <t>Aldlân-Oost</t>
  </si>
  <si>
    <t>WK008070</t>
  </si>
  <si>
    <t>2021BU00807001</t>
  </si>
  <si>
    <t>buurten.4e85b31e-8901-432e-8c32-fe2f7d2ae7fd</t>
  </si>
  <si>
    <t>BU00807002</t>
  </si>
  <si>
    <t>Aldlân-West</t>
  </si>
  <si>
    <t>2021BU00807002</t>
  </si>
  <si>
    <t>buurten.498247df-acf6-41b8-95c1-d5a9859fdc1a</t>
  </si>
  <si>
    <t>BU00807003</t>
  </si>
  <si>
    <t>Rapenburg</t>
  </si>
  <si>
    <t>2021BU00807003</t>
  </si>
  <si>
    <t>buurten.830f3f49-6a37-479a-8138-3eaae4daab8a</t>
  </si>
  <si>
    <t>BU00807004</t>
  </si>
  <si>
    <t>Hemrik</t>
  </si>
  <si>
    <t>2021BU00807004</t>
  </si>
  <si>
    <t>buurten.51424c87-0a23-420e-a15e-a476df3da1fb</t>
  </si>
  <si>
    <t>BU00807101</t>
  </si>
  <si>
    <t>Goutum</t>
  </si>
  <si>
    <t>WK008071</t>
  </si>
  <si>
    <t>2021BU00807101</t>
  </si>
  <si>
    <t>buurten.6d6709bc-d9fb-49c9-8fab-a25b4cfd2225</t>
  </si>
  <si>
    <t>BU00807201</t>
  </si>
  <si>
    <t>Hempens/Teerns</t>
  </si>
  <si>
    <t>WK008072</t>
  </si>
  <si>
    <t>2021BU00807201</t>
  </si>
  <si>
    <t>buurten.256c0d14-a6fb-4707-8486-e25cd48c26a7</t>
  </si>
  <si>
    <t>BU00807202</t>
  </si>
  <si>
    <t>Buitengebied Hempens</t>
  </si>
  <si>
    <t>2021BU00807202</t>
  </si>
  <si>
    <t>buurten.4daa6f9c-7f27-42fa-b9ff-389ec53b8c73</t>
  </si>
  <si>
    <t>BU00807203</t>
  </si>
  <si>
    <t>Zuiderburen</t>
  </si>
  <si>
    <t>2021BU00807203</t>
  </si>
  <si>
    <t>buurten.1e8cdad6-2b78-43c1-a387-1ed7bd7f50d8</t>
  </si>
  <si>
    <t>BU00807301</t>
  </si>
  <si>
    <t>Techum</t>
  </si>
  <si>
    <t>WK008073</t>
  </si>
  <si>
    <t>2021BU00807301</t>
  </si>
  <si>
    <t>buurten.e96b6efe-e7d9-4749-95d1-c39a7e65b82a</t>
  </si>
  <si>
    <t>BU00807302</t>
  </si>
  <si>
    <t>Wiarda</t>
  </si>
  <si>
    <t>2021BU00807302</t>
  </si>
  <si>
    <t>buurten.ff94384c-b5a4-4369-9737-18fdc735cc24</t>
  </si>
  <si>
    <t>BU00807303</t>
  </si>
  <si>
    <t>De Werp</t>
  </si>
  <si>
    <t>2021BU00807303</t>
  </si>
  <si>
    <t>buurten.70280af2-5ca0-4aa5-b532-d90a7417c1ce</t>
  </si>
  <si>
    <t>BU00807304</t>
  </si>
  <si>
    <t>De Zuidlanden</t>
  </si>
  <si>
    <t>2021BU00807304</t>
  </si>
  <si>
    <t>buurten.2d332100-add3-44ab-bf93-f7526209322e</t>
  </si>
  <si>
    <t>BU00807305</t>
  </si>
  <si>
    <t>De Klamp</t>
  </si>
  <si>
    <t>2021BU00807305</t>
  </si>
  <si>
    <t>buurten.5b4426d4-d45f-4347-8d80-60b0beff2ac8</t>
  </si>
  <si>
    <t>BU00807401</t>
  </si>
  <si>
    <t>Barrahûs</t>
  </si>
  <si>
    <t>WK008074</t>
  </si>
  <si>
    <t>2021BU00807401</t>
  </si>
  <si>
    <t>buurten.fed497dc-885e-40fa-9e05-1dce1d724374</t>
  </si>
  <si>
    <t>BU00807402</t>
  </si>
  <si>
    <t>Middelsee</t>
  </si>
  <si>
    <t>2021BU00807402</t>
  </si>
  <si>
    <t>buurten.380bec6c-33e0-47f7-8304-f5fa24fe3126</t>
  </si>
  <si>
    <t>BU00808001</t>
  </si>
  <si>
    <t>Wirdum</t>
  </si>
  <si>
    <t>WK008080</t>
  </si>
  <si>
    <t>2021BU00808001</t>
  </si>
  <si>
    <t>buurten.2c2aad49-e87b-4890-834a-6c2ecec5f749</t>
  </si>
  <si>
    <t>BU00808002</t>
  </si>
  <si>
    <t>Swichum</t>
  </si>
  <si>
    <t>2021BU00808002</t>
  </si>
  <si>
    <t>buurten.72023fe3-6490-433f-a984-4bb9c07a0684</t>
  </si>
  <si>
    <t>BU00808003</t>
  </si>
  <si>
    <t>Buitengebied Wirdum</t>
  </si>
  <si>
    <t>2021BU00808003</t>
  </si>
  <si>
    <t>buurten.f3636023-9700-4a7f-8070-6b7309a4faff</t>
  </si>
  <si>
    <t>BU00808004</t>
  </si>
  <si>
    <t>Wergea</t>
  </si>
  <si>
    <t>2021BU00808004</t>
  </si>
  <si>
    <t>buurten.3c8f02f4-51d5-4be7-a146-d98a55de2728</t>
  </si>
  <si>
    <t>BU00808005</t>
  </si>
  <si>
    <t>Buitengebied Wergea</t>
  </si>
  <si>
    <t>2021BU00808005</t>
  </si>
  <si>
    <t>buurten.c1ef3be5-62bf-463c-af63-6ec037c0de26</t>
  </si>
  <si>
    <t>BU00808006</t>
  </si>
  <si>
    <t>Warstiens</t>
  </si>
  <si>
    <t>2021BU00808006</t>
  </si>
  <si>
    <t>buurten.5e250b36-2363-44e1-9cc5-d963248ac5ad</t>
  </si>
  <si>
    <t>BU00808007</t>
  </si>
  <si>
    <t>Warten</t>
  </si>
  <si>
    <t>2021BU00808007</t>
  </si>
  <si>
    <t>buurten.a4399580-3b04-4919-afd8-259511a672f6</t>
  </si>
  <si>
    <t>BU00808008</t>
  </si>
  <si>
    <t>Buitengebied Warten</t>
  </si>
  <si>
    <t>2021BU00808008</t>
  </si>
  <si>
    <t>buurten.1e622889-551c-48ac-9713-6e132e2aa61a</t>
  </si>
  <si>
    <t>BU00808101</t>
  </si>
  <si>
    <t>Wytgaard</t>
  </si>
  <si>
    <t>WK008081</t>
  </si>
  <si>
    <t>2021BU00808101</t>
  </si>
  <si>
    <t>buurten.6e892523-ce9e-4da3-9811-669b1b2e9028</t>
  </si>
  <si>
    <t>BU00808102</t>
  </si>
  <si>
    <t>Buitengebied Wytgaard</t>
  </si>
  <si>
    <t>2021BU00808102</t>
  </si>
  <si>
    <t>buurten.ecaa0cda-9a2e-47b3-b254-7a879bb0e56c</t>
  </si>
  <si>
    <t>BU00808103</t>
  </si>
  <si>
    <t>Mantgum</t>
  </si>
  <si>
    <t>2021BU00808103</t>
  </si>
  <si>
    <t>buurten.e6946030-7979-4f9b-9be8-54ae1717c2c5</t>
  </si>
  <si>
    <t>BU00808104</t>
  </si>
  <si>
    <t>Buitengebied Mantgum</t>
  </si>
  <si>
    <t>2021BU00808104</t>
  </si>
  <si>
    <t>buurten.a154a2b3-7137-44ec-8301-a26cf29c632b</t>
  </si>
  <si>
    <t>BU00808105</t>
  </si>
  <si>
    <t>Weidum</t>
  </si>
  <si>
    <t>2021BU00808105</t>
  </si>
  <si>
    <t>buurten.74aa9e5f-47ae-4b3a-b6e8-da3bdef5f570</t>
  </si>
  <si>
    <t>BU00808106</t>
  </si>
  <si>
    <t>Buitengebied Weidum</t>
  </si>
  <si>
    <t>2021BU00808106</t>
  </si>
  <si>
    <t>buurten.154296dc-0b4b-4325-b1b4-85d3d9be8580</t>
  </si>
  <si>
    <t>BU00808107</t>
  </si>
  <si>
    <t>Jellum</t>
  </si>
  <si>
    <t>2021BU00808107</t>
  </si>
  <si>
    <t>buurten.1e82755b-d980-4b9a-beaf-d81371dd24b7</t>
  </si>
  <si>
    <t>BU00808108</t>
  </si>
  <si>
    <t>Bears</t>
  </si>
  <si>
    <t>2021BU00808108</t>
  </si>
  <si>
    <t>buurten.153edfb5-75e0-446f-acb1-ca0e049f64e2</t>
  </si>
  <si>
    <t>BU00808109</t>
  </si>
  <si>
    <t>Jorwert</t>
  </si>
  <si>
    <t>2021BU00808109</t>
  </si>
  <si>
    <t>buurten.0acba8ba-270e-4231-84d4-7c9122088f00</t>
  </si>
  <si>
    <t>BU00808110</t>
  </si>
  <si>
    <t>Buitengebied Jorwert</t>
  </si>
  <si>
    <t>2021BU00808110</t>
  </si>
  <si>
    <t>buurten.b3e0ea13-701e-4d4f-933d-e84a1bc75f44</t>
  </si>
  <si>
    <t>PL0080010004</t>
  </si>
  <si>
    <t>BU00808111</t>
  </si>
  <si>
    <t>Hilaard</t>
  </si>
  <si>
    <t>2021BU00808111</t>
  </si>
  <si>
    <t>buurten.dcc219d4-b405-45c8-b23e-27c40cc0907a</t>
  </si>
  <si>
    <t>BU00808112</t>
  </si>
  <si>
    <t>Buitengebied Hilaard</t>
  </si>
  <si>
    <t>2021BU00808112</t>
  </si>
  <si>
    <t>buurten.e78d0eb0-6194-440d-b226-01fb2fc1d91c</t>
  </si>
  <si>
    <t>BU00808113</t>
  </si>
  <si>
    <t>Húns</t>
  </si>
  <si>
    <t>2021BU00808113</t>
  </si>
  <si>
    <t>buurten.70bdaa9d-9e9b-428a-9cd8-187ca03be0ce</t>
  </si>
  <si>
    <t>BU00808114</t>
  </si>
  <si>
    <t>Leons</t>
  </si>
  <si>
    <t>2021BU00808114</t>
  </si>
  <si>
    <t>buurten.efc0b655-1799-46f0-a908-6a86a2391251</t>
  </si>
  <si>
    <t>BU00808115</t>
  </si>
  <si>
    <t>Baard</t>
  </si>
  <si>
    <t>2021BU00808115</t>
  </si>
  <si>
    <t>buurten.6f50694c-3834-4f47-b374-48ee177b1aaa</t>
  </si>
  <si>
    <t>BU00808116</t>
  </si>
  <si>
    <t>Easterlittens</t>
  </si>
  <si>
    <t>2021BU00808116</t>
  </si>
  <si>
    <t>buurten.dd00e262-fee9-42cb-b5d8-6aa3a4632d6c</t>
  </si>
  <si>
    <t>Baard, Easterlittens, Hens, Leons en het buitengebied bij deze dorpen</t>
  </si>
  <si>
    <t>Hernieuwbaar gas van dichtbijgelegen boerderij</t>
  </si>
  <si>
    <t>BU00808117</t>
  </si>
  <si>
    <t>Buitengebied Easterlittens</t>
  </si>
  <si>
    <t>2021BU00808117</t>
  </si>
  <si>
    <t>buurten.f39b4bd9-778e-42a0-9558-31679d76c085</t>
  </si>
  <si>
    <t>BU00808201</t>
  </si>
  <si>
    <t>Reduzum</t>
  </si>
  <si>
    <t>WK008082</t>
  </si>
  <si>
    <t>2021BU00808201</t>
  </si>
  <si>
    <t>buurten.82037e00-8a48-4366-909d-3d2826d10e9e</t>
  </si>
  <si>
    <t>BU00808202</t>
  </si>
  <si>
    <t>Buitengebied Reduzum</t>
  </si>
  <si>
    <t>2021BU00808202</t>
  </si>
  <si>
    <t>buurten.49bf447b-5487-4310-bf6e-031506af6d7b</t>
  </si>
  <si>
    <t>BU00808203</t>
  </si>
  <si>
    <t>Eagum</t>
  </si>
  <si>
    <t>2021BU00808203</t>
  </si>
  <si>
    <t>buurten.566601eb-e2b5-47f4-a64d-495a65502341</t>
  </si>
  <si>
    <t>BU00808204</t>
  </si>
  <si>
    <t>Idaerd</t>
  </si>
  <si>
    <t>2021BU00808204</t>
  </si>
  <si>
    <t>buurten.42a51b28-40a6-4c36-a677-d736e072e4f1</t>
  </si>
  <si>
    <t>BU00808205</t>
  </si>
  <si>
    <t>Friens</t>
  </si>
  <si>
    <t>2021BU00808205</t>
  </si>
  <si>
    <t>buurten.d5c18895-51f2-4d84-b641-c3df62b39254</t>
  </si>
  <si>
    <t>BU00808206</t>
  </si>
  <si>
    <t>Grou</t>
  </si>
  <si>
    <t>2021BU00808206</t>
  </si>
  <si>
    <t>buurten.da158c3d-362b-4e00-b2b0-7da8f97599e7</t>
  </si>
  <si>
    <t>BU00808207</t>
  </si>
  <si>
    <t>Buitengebied Grou</t>
  </si>
  <si>
    <t>2021BU00808207</t>
  </si>
  <si>
    <t>buurten.7e470a05-2635-479b-9c72-847af425c764</t>
  </si>
  <si>
    <t>BU00808208</t>
  </si>
  <si>
    <t>Jirnsum</t>
  </si>
  <si>
    <t>2021BU00808208</t>
  </si>
  <si>
    <t>buurten.f01ce90a-5035-40da-8345-aa3b338f7f07</t>
  </si>
  <si>
    <t>BU00808209</t>
  </si>
  <si>
    <t>Buitengebied Jirnsum</t>
  </si>
  <si>
    <t>2021BU00808209</t>
  </si>
  <si>
    <t>buurten.7a5e6d6d-a1a7-4512-a5c2-580b981ec683</t>
  </si>
  <si>
    <t>PL1940010005</t>
  </si>
  <si>
    <t>BU00850101</t>
  </si>
  <si>
    <t>Appelscha-Bruggelaan</t>
  </si>
  <si>
    <t>WK008501</t>
  </si>
  <si>
    <t>GM0085</t>
  </si>
  <si>
    <t>Ooststellingwerf</t>
  </si>
  <si>
    <t>2021BU00850101</t>
  </si>
  <si>
    <t>buurten.1d870d09-53bb-479c-a56d-e086b5406a45</t>
  </si>
  <si>
    <t>DC008501</t>
  </si>
  <si>
    <t>PL0085010003</t>
  </si>
  <si>
    <t>BU00850102</t>
  </si>
  <si>
    <t>Appelscha-De Valouwe</t>
  </si>
  <si>
    <t>2021BU00850102</t>
  </si>
  <si>
    <t>buurten.facf1bfc-ff44-468f-ad27-c35a93668eba</t>
  </si>
  <si>
    <t>BU00850103</t>
  </si>
  <si>
    <t>Appelscha-Drentseweg</t>
  </si>
  <si>
    <t>2021BU00850103</t>
  </si>
  <si>
    <t>buurten.ae5fde97-33aa-4981-90e6-11250392c022</t>
  </si>
  <si>
    <t>BU00850104</t>
  </si>
  <si>
    <t>Appelscha-Midden Oost</t>
  </si>
  <si>
    <t>2021BU00850104</t>
  </si>
  <si>
    <t>buurten.8ae819e0-3571-4f56-a23f-e8466daebd08</t>
  </si>
  <si>
    <t>BU00850105</t>
  </si>
  <si>
    <t>Appelscha-Midden West</t>
  </si>
  <si>
    <t>2021BU00850105</t>
  </si>
  <si>
    <t>buurten.8b021422-b627-417f-ae6a-dd539ca5aa8b</t>
  </si>
  <si>
    <t>BU00850106</t>
  </si>
  <si>
    <t>Appelscha-Noord</t>
  </si>
  <si>
    <t>2021BU00850106</t>
  </si>
  <si>
    <t>buurten.f525ec7f-4a44-4d17-9cb4-8ce57901e46d</t>
  </si>
  <si>
    <t>PL0085010001</t>
  </si>
  <si>
    <t>Appelscha-Noord, Oosterwolde-Biezenkamp</t>
  </si>
  <si>
    <t>BU00850107</t>
  </si>
  <si>
    <t>Appelscha-Steegdenhal</t>
  </si>
  <si>
    <t>2021BU00850107</t>
  </si>
  <si>
    <t>buurten.dfe82e7d-3f29-453c-aa39-4e660b2b2b0a</t>
  </si>
  <si>
    <t>BU00850108</t>
  </si>
  <si>
    <t>Appelscha-Toogwijk</t>
  </si>
  <si>
    <t>2021BU00850108</t>
  </si>
  <si>
    <t>buurten.b60cb4e9-6d60-474d-ab7b-da978cbf6d54</t>
  </si>
  <si>
    <t>BU00850109</t>
  </si>
  <si>
    <t>Appelscha-Vaart</t>
  </si>
  <si>
    <t>2021BU00850109</t>
  </si>
  <si>
    <t>buurten.0e4b921e-4a1c-466b-9159-71e00652d8aa</t>
  </si>
  <si>
    <t>BU00850110</t>
  </si>
  <si>
    <t>Appelscha-Van Emstweg</t>
  </si>
  <si>
    <t>2021BU00850110</t>
  </si>
  <si>
    <t>buurten.470801fc-5cff-4c06-80f1-0525697df920</t>
  </si>
  <si>
    <t>BU00850111</t>
  </si>
  <si>
    <t>Appelscha-Buitengebied</t>
  </si>
  <si>
    <t>2021BU00850111</t>
  </si>
  <si>
    <t>buurten.f6282fd8-2555-493f-bbe3-f17247d71fe6</t>
  </si>
  <si>
    <t>GM1731</t>
  </si>
  <si>
    <t>Midden-Drenthe</t>
  </si>
  <si>
    <t>Westerveld</t>
  </si>
  <si>
    <t>1,5% energiebesparing per jaar, 16% hernieuwbare opwekking in 2023, en uitstootvermindering conform klimaatakkoord</t>
  </si>
  <si>
    <t>voor 2050 aardgasvrij wonen, werken en leven. Voor de eigen bedrijfsvoering zijn wij ambitieuzer en gaan we voor een
reductie van 75% van de CO2-uitstoot in 2030.</t>
  </si>
  <si>
    <t>DC173101</t>
  </si>
  <si>
    <t>draagvlak, duurzaam besparen en lokaal en betaalbaar</t>
  </si>
  <si>
    <t>De komende twee jaar (2023 en 2024) staan voor een groot gedeelte in het teken van het uitwerken van de visie tot uitvoeringsgerichte acties: het uitvoeringsprogramma. Hierin
wordt per spoor en subdoel verder uitgewerkt hoe we dit gaan uitvoeren.</t>
  </si>
  <si>
    <t>samenwerken met stakeholders, individuele maatregelen stimuleren</t>
  </si>
  <si>
    <t>Wij committeren ons aan de opgave om voor 2050 aardgasvrij te wonen, werken en leven. Tot 2030 zetten
we in op besparing en het aardgasvrij-gereed maken van woningen.</t>
  </si>
  <si>
    <t>https://www.gemeentewesterveld.nl/Inwoners/Duurzaamheid%3AtHO7X1JLT-y6MrFZqURUPQ/Transitievisie_Warmte_TVW/Document_Transitievisie_Warmte.pdf</t>
  </si>
  <si>
    <t>PL1731010005</t>
  </si>
  <si>
    <t>Algemeen Midden-Drenthe</t>
  </si>
  <si>
    <t>individuele aanpak</t>
  </si>
  <si>
    <t>groen gas, hybride warmtepomp</t>
  </si>
  <si>
    <t>technische mogelijkheden, betaalbaarheid</t>
  </si>
  <si>
    <t>toegeweken naar een aardgasvrij alternatief voor warmte</t>
  </si>
  <si>
    <t>D+</t>
  </si>
  <si>
    <t>elektriciteit, hybride warmtepomp</t>
  </si>
  <si>
    <t>hWP. eWP</t>
  </si>
  <si>
    <t>gas, elektriciteit</t>
  </si>
  <si>
    <t>thermische energie uit oppervlaktewater (TEO) of afvalwater (TEA)</t>
  </si>
  <si>
    <t>aquathermie (TEO) en/of aquathermie (TEA)</t>
  </si>
  <si>
    <t>BU00850201</t>
  </si>
  <si>
    <t>Donkerbroek-Noord</t>
  </si>
  <si>
    <t>WK008502</t>
  </si>
  <si>
    <t>2021BU00850201</t>
  </si>
  <si>
    <t>buurten.a3dedaba-2b6e-4cb1-a333-18ea8ea1b8b4</t>
  </si>
  <si>
    <t>BU00850202</t>
  </si>
  <si>
    <t>Donkerbroek-Zuid</t>
  </si>
  <si>
    <t>2021BU00850202</t>
  </si>
  <si>
    <t>buurten.0749b659-7564-4401-b110-322d75fccab4</t>
  </si>
  <si>
    <t>BU00850203</t>
  </si>
  <si>
    <t>Donkerbroek-Buitengebied</t>
  </si>
  <si>
    <t>2021BU00850203</t>
  </si>
  <si>
    <t>buurten.3d2c6948-78d6-4d30-94b7-353582e4dfb6</t>
  </si>
  <si>
    <t>PL0074010027</t>
  </si>
  <si>
    <t>BU00850301</t>
  </si>
  <si>
    <t>Elsloo</t>
  </si>
  <si>
    <t>WK008503</t>
  </si>
  <si>
    <t>2021BU00850301</t>
  </si>
  <si>
    <t>buurten.221dffd8-618f-4b38-a702-b4922ba62ef1</t>
  </si>
  <si>
    <t>BU00850302</t>
  </si>
  <si>
    <t>Elsloo-Buitengebied</t>
  </si>
  <si>
    <t>2021BU00850302</t>
  </si>
  <si>
    <t>buurten.aa6da31a-7ae0-4542-9391-0ef4e44469e7</t>
  </si>
  <si>
    <t>GM1701</t>
  </si>
  <si>
    <t>DC170101</t>
  </si>
  <si>
    <t>PL1701010001</t>
  </si>
  <si>
    <t>spijtvrije maatregelen toepassen, overstappen op warmtepomp</t>
  </si>
  <si>
    <t>label C of D</t>
  </si>
  <si>
    <t>BU00850401</t>
  </si>
  <si>
    <t>Fochteloo</t>
  </si>
  <si>
    <t>WK008504</t>
  </si>
  <si>
    <t>2021BU00850401</t>
  </si>
  <si>
    <t>buurten.a9ae89d3-53be-4d2a-bb4e-13a6d1967603</t>
  </si>
  <si>
    <t>BU00850402</t>
  </si>
  <si>
    <t>Fochteloo-Buitengebied</t>
  </si>
  <si>
    <t>2021BU00850402</t>
  </si>
  <si>
    <t>buurten.332caade-c04c-46c5-a000-4970ecd55ff4</t>
  </si>
  <si>
    <t>PL1699010013</t>
  </si>
  <si>
    <t>indien mogelijk (soms geen aanvaardbaar duurzaam alternatief ivm regelgeving/beschermd dorpsgezicht)</t>
  </si>
  <si>
    <t>Gasketel</t>
  </si>
  <si>
    <t>BU00850501</t>
  </si>
  <si>
    <t>Haule</t>
  </si>
  <si>
    <t>WK008505</t>
  </si>
  <si>
    <t>2021BU00850501</t>
  </si>
  <si>
    <t>buurten.613642fb-bb46-4c60-87e8-1f777505da6c</t>
  </si>
  <si>
    <t>BU00850502</t>
  </si>
  <si>
    <t>Haule-Buitengebied</t>
  </si>
  <si>
    <t>2021BU00850502</t>
  </si>
  <si>
    <t>buurten.192f2fee-dfb1-466d-b3f6-58eaf2c44aa5</t>
  </si>
  <si>
    <t>BU00850601</t>
  </si>
  <si>
    <t>Haulerwijk-Bruïneweg</t>
  </si>
  <si>
    <t>WK008506</t>
  </si>
  <si>
    <t>2021BU00850601</t>
  </si>
  <si>
    <t>buurten.b28b9787-e8f5-47ed-afb0-708143c14a27</t>
  </si>
  <si>
    <t>BU00850602</t>
  </si>
  <si>
    <t>Haulerwijk-Hoofdweg</t>
  </si>
  <si>
    <t>2021BU00850602</t>
  </si>
  <si>
    <t>buurten.8ee5bdfd-2920-4fb2-bf60-ee7642bcea90</t>
  </si>
  <si>
    <t>PL0085010002</t>
  </si>
  <si>
    <t>Oosterwolde:  Prandinga, buurten in het centrum, Duistereweg, Snellingerdijk, Zuid.Haulerwijk:  Sinnehiem.</t>
  </si>
  <si>
    <t>Voor deze buurten geldt dat de aanwezige warmtebron niet groot genoeg is om de hele buurt collectief te verwarmen, waardoor in deze buurten alleen een combinatie van individuele oplossingen en een collectief oplossing mogelijk is.</t>
  </si>
  <si>
    <t>De uiteindelijke haalbaarheid van de collectieve voorzieningen moet nog nader worden onderzocht op onder andere draagvlak en financiele haalbaarheid.</t>
  </si>
  <si>
    <t>Afleverset en/of (hybride) warmtepomp en/of gasketel</t>
  </si>
  <si>
    <t>hWP,eWP,Wnet,Hr</t>
  </si>
  <si>
    <t>16</t>
  </si>
  <si>
    <t>Aquathermie, WKO, elektriciteit, hernieuwbaar gas</t>
  </si>
  <si>
    <t>aquathermie en/of WKO en/of hernieuwbaar gas</t>
  </si>
  <si>
    <t>aquathermie, WKO, hernieuwbaar gas</t>
  </si>
  <si>
    <t>19</t>
  </si>
  <si>
    <t>BU00850603</t>
  </si>
  <si>
    <t>Haulerwijk-Noord-Oost</t>
  </si>
  <si>
    <t>2021BU00850603</t>
  </si>
  <si>
    <t>buurten.9b043d36-0998-4047-b92c-d51ed9d7c875</t>
  </si>
  <si>
    <t>BU00850604</t>
  </si>
  <si>
    <t>Haulerwijk-Noord-West</t>
  </si>
  <si>
    <t>2021BU00850604</t>
  </si>
  <si>
    <t>buurten.94f4d4f3-08a1-4911-80b9-6d90781e9609</t>
  </si>
  <si>
    <t>BU00850605</t>
  </si>
  <si>
    <t>Haulerwijk-Oosterwoldseweg</t>
  </si>
  <si>
    <t>2021BU00850605</t>
  </si>
  <si>
    <t>buurten.a0167458-d14f-4148-acb5-6fe1475fc886</t>
  </si>
  <si>
    <t>BU00850606</t>
  </si>
  <si>
    <t>Haulerwijk-Sinnehiem</t>
  </si>
  <si>
    <t>2021BU00850606</t>
  </si>
  <si>
    <t>buurten.9d7efec8-f411-4e47-98c4-39a42cf03309</t>
  </si>
  <si>
    <t>BU00850607</t>
  </si>
  <si>
    <t>Haulerwijk-Industrie</t>
  </si>
  <si>
    <t>2021BU00850607</t>
  </si>
  <si>
    <t>buurten.bf118643-21b7-427e-943e-e2b295cdfa2f</t>
  </si>
  <si>
    <t>BU00850608</t>
  </si>
  <si>
    <t>Haulerwijk-Buitengebied</t>
  </si>
  <si>
    <t>2021BU00850608</t>
  </si>
  <si>
    <t>buurten.afbf40d5-b6d8-441a-a285-5bd9c83438de</t>
  </si>
  <si>
    <t>BU00850701</t>
  </si>
  <si>
    <t>Langedijke</t>
  </si>
  <si>
    <t>WK008507</t>
  </si>
  <si>
    <t>2021BU00850701</t>
  </si>
  <si>
    <t>buurten.12c99009-6199-48e4-bb87-b1967b61b6cf</t>
  </si>
  <si>
    <t>BU00850702</t>
  </si>
  <si>
    <t>Langedijke-Buitengebied</t>
  </si>
  <si>
    <t>2021BU00850702</t>
  </si>
  <si>
    <t>buurten.f745749f-51a6-4885-a110-868c4bcf205c</t>
  </si>
  <si>
    <t>BU00850801</t>
  </si>
  <si>
    <t>Makkinga</t>
  </si>
  <si>
    <t>WK008508</t>
  </si>
  <si>
    <t>2021BU00850801</t>
  </si>
  <si>
    <t>buurten.407cce11-fe27-462a-9fe8-7f57fa1df8cc</t>
  </si>
  <si>
    <t>BU00850802</t>
  </si>
  <si>
    <t>Makkinga-Buitengebied</t>
  </si>
  <si>
    <t>2021BU00850802</t>
  </si>
  <si>
    <t>buurten.efcca740-0cf1-4051-aaf4-397e45415616</t>
  </si>
  <si>
    <t>BU00850901</t>
  </si>
  <si>
    <t>Nijeberkoop</t>
  </si>
  <si>
    <t>WK008509</t>
  </si>
  <si>
    <t>2021BU00850901</t>
  </si>
  <si>
    <t>buurten.92bb5a31-6da3-4e48-83f6-29f31197c43d</t>
  </si>
  <si>
    <t>BU00850902</t>
  </si>
  <si>
    <t>Nijeberkoop-Buitengebied</t>
  </si>
  <si>
    <t>2021BU00850902</t>
  </si>
  <si>
    <t>buurten.51614333-5338-44d2-bd35-862817de70de</t>
  </si>
  <si>
    <t>BU00851001</t>
  </si>
  <si>
    <t>Oldeberkoop-Oost</t>
  </si>
  <si>
    <t>WK008510</t>
  </si>
  <si>
    <t>2021BU00851001</t>
  </si>
  <si>
    <t>buurten.10ba6e2b-51ed-4f7b-a4b0-722f6dc025de</t>
  </si>
  <si>
    <t>BU00851002</t>
  </si>
  <si>
    <t>Oldeberkoop-West</t>
  </si>
  <si>
    <t>2021BU00851002</t>
  </si>
  <si>
    <t>buurten.b5756904-0f66-4ba1-9745-f716dd450f2a</t>
  </si>
  <si>
    <t>BU00851003</t>
  </si>
  <si>
    <t>Oldeberkoop-Buitengebied</t>
  </si>
  <si>
    <t>2021BU00851003</t>
  </si>
  <si>
    <t>buurten.8d1de2ae-4388-48d0-bfe8-1bc33eca56ae</t>
  </si>
  <si>
    <t>BU00851101</t>
  </si>
  <si>
    <t>Oosterwolde-Maden</t>
  </si>
  <si>
    <t>WK008511</t>
  </si>
  <si>
    <t>2021BU00851101</t>
  </si>
  <si>
    <t>buurten.0f3431fe-ac05-4402-9467-d75e74af6df8</t>
  </si>
  <si>
    <t>BU00851102</t>
  </si>
  <si>
    <t>Oosterwolde-Biezenkamp</t>
  </si>
  <si>
    <t>2021BU00851102</t>
  </si>
  <si>
    <t>buurten.181ee48e-d9a7-4c7a-92e5-ec09c7924a4b</t>
  </si>
  <si>
    <t>BU00851103</t>
  </si>
  <si>
    <t>Oosterwolde-Prandinga</t>
  </si>
  <si>
    <t>2021BU00851103</t>
  </si>
  <si>
    <t>buurten.c3973ea9-421c-42a0-9031-fd42592e0248</t>
  </si>
  <si>
    <t>BU00851104</t>
  </si>
  <si>
    <t>Oosterwolde-Weemeweg</t>
  </si>
  <si>
    <t>2021BU00851104</t>
  </si>
  <si>
    <t>buurten.8f48e23f-1cc3-46d1-a981-5d43dce6712f</t>
  </si>
  <si>
    <t>BU00851105</t>
  </si>
  <si>
    <t>Oosterwolde-Centrum-Noord-West</t>
  </si>
  <si>
    <t>2021BU00851105</t>
  </si>
  <si>
    <t>buurten.937c0416-1217-4432-8df5-d2a7962c6f24</t>
  </si>
  <si>
    <t>BU00851106</t>
  </si>
  <si>
    <t>Oosterwolde-Centrum-Noord-Oost</t>
  </si>
  <si>
    <t>2021BU00851106</t>
  </si>
  <si>
    <t>buurten.cfba6e99-f667-4af4-90fa-bf5208779a10</t>
  </si>
  <si>
    <t>BU00851107</t>
  </si>
  <si>
    <t>Oosterwolde-Noord-Oost</t>
  </si>
  <si>
    <t>2021BU00851107</t>
  </si>
  <si>
    <t>buurten.f308d5b3-96b5-4606-ab94-449029fdcb44</t>
  </si>
  <si>
    <t>BU00851108</t>
  </si>
  <si>
    <t>Oosterwolde-Hieming</t>
  </si>
  <si>
    <t>2021BU00851108</t>
  </si>
  <si>
    <t>buurten.8f3de963-479d-4711-8a43-bcc4c7a28e8b</t>
  </si>
  <si>
    <t>BU00851109</t>
  </si>
  <si>
    <t>Oosterwolde-Schottelenburg</t>
  </si>
  <si>
    <t>2021BU00851109</t>
  </si>
  <si>
    <t>buurten.3f35d26b-0230-4370-920d-f6680dd14706</t>
  </si>
  <si>
    <t>BU00851110</t>
  </si>
  <si>
    <t>Oosterwolde-Duistereweg</t>
  </si>
  <si>
    <t>2021BU00851110</t>
  </si>
  <si>
    <t>buurten.cec9ea19-0a63-488c-b649-e6efd480baae</t>
  </si>
  <si>
    <t>BU00851111</t>
  </si>
  <si>
    <t>Oosterwolde-Slatten</t>
  </si>
  <si>
    <t>2021BU00851111</t>
  </si>
  <si>
    <t>buurten.db173518-23aa-4bb1-896c-257f25c9bd50</t>
  </si>
  <si>
    <t>BU00851112</t>
  </si>
  <si>
    <t>Oosterwolde-Zuid</t>
  </si>
  <si>
    <t>2021BU00851112</t>
  </si>
  <si>
    <t>buurten.f86d79ac-1988-4917-9754-f962d8d3f5db</t>
  </si>
  <si>
    <t>BU00851113</t>
  </si>
  <si>
    <t>Oosterwolde-Centrum-Zuid-Oost</t>
  </si>
  <si>
    <t>2021BU00851113</t>
  </si>
  <si>
    <t>buurten.8daad7dd-66fd-4ff9-89b6-3ff8c43e00ab</t>
  </si>
  <si>
    <t>BU00851114</t>
  </si>
  <si>
    <t>Oosterwolde-Iris</t>
  </si>
  <si>
    <t>2021BU00851114</t>
  </si>
  <si>
    <t>buurten.6281017d-cd42-4326-bae1-01e6d8c59ab7</t>
  </si>
  <si>
    <t>BU00851115</t>
  </si>
  <si>
    <t>Oosterwolde-Snellingerdijk</t>
  </si>
  <si>
    <t>2021BU00851115</t>
  </si>
  <si>
    <t>buurten.f8f235f2-de81-466b-b2ed-1bea2558ce00</t>
  </si>
  <si>
    <t>BU00851116</t>
  </si>
  <si>
    <t>Oosterwolde-Haerenkwartier</t>
  </si>
  <si>
    <t>2021BU00851116</t>
  </si>
  <si>
    <t>buurten.4ed49fa9-9f6c-40b2-b10d-bed803f50a1f</t>
  </si>
  <si>
    <t>BU00851117</t>
  </si>
  <si>
    <t>Oosterwolde-Industrie</t>
  </si>
  <si>
    <t>2021BU00851117</t>
  </si>
  <si>
    <t>buurten.596ed26c-94b3-482b-b3b3-f6ff8f3ce197</t>
  </si>
  <si>
    <t>BU00851118</t>
  </si>
  <si>
    <t>Oosterwolde-Buitengebied</t>
  </si>
  <si>
    <t>2021BU00851118</t>
  </si>
  <si>
    <t>buurten.363c1ec7-77a4-4a85-b036-527c5fb60ae6</t>
  </si>
  <si>
    <t>BU00851201</t>
  </si>
  <si>
    <t>Ravenswoud</t>
  </si>
  <si>
    <t>WK008512</t>
  </si>
  <si>
    <t>2021BU00851201</t>
  </si>
  <si>
    <t>buurten.676d2f05-0b2d-45b4-aeec-b2f7ae2e3d8f</t>
  </si>
  <si>
    <t>BU00851202</t>
  </si>
  <si>
    <t>Ravenswoud-Buitengebied</t>
  </si>
  <si>
    <t>2021BU00851202</t>
  </si>
  <si>
    <t>buurten.e01dad6d-2e2b-4c5a-94ae-f4b52ab179f7</t>
  </si>
  <si>
    <t>2021-11-03</t>
  </si>
  <si>
    <t>behapbaar en betaalbaar, integraliteit, individuele maatregelen</t>
  </si>
  <si>
    <t>https://www.middendrenthe.nl/zaakinfo/document/docnr/9522037</t>
  </si>
  <si>
    <t>Overal m.u.v. waterwingebied Beilen</t>
  </si>
  <si>
    <t>biomassa</t>
  </si>
  <si>
    <t>25</t>
  </si>
  <si>
    <t>BU00851301</t>
  </si>
  <si>
    <t>Waskemeer</t>
  </si>
  <si>
    <t>WK008513</t>
  </si>
  <si>
    <t>2021BU00851301</t>
  </si>
  <si>
    <t>buurten.80e1a2be-a631-417e-985f-e06c7783fb98</t>
  </si>
  <si>
    <t>BU00851302</t>
  </si>
  <si>
    <t>Waskemeer-Buitengebied</t>
  </si>
  <si>
    <t>2021BU00851302</t>
  </si>
  <si>
    <t>buurten.57d6eb12-b51c-41db-82b9-5c3e93a7dd3b</t>
  </si>
  <si>
    <t>BU00860101</t>
  </si>
  <si>
    <t>Bakkeveen-Centrum</t>
  </si>
  <si>
    <t>WK008601</t>
  </si>
  <si>
    <t>2021BU00860101</t>
  </si>
  <si>
    <t>buurten.fe0ffc83-25e2-4023-9378-c00c703ffa93</t>
  </si>
  <si>
    <t>BU00860102</t>
  </si>
  <si>
    <t>Bakkeveen-De Kampen</t>
  </si>
  <si>
    <t>2021BU00860102</t>
  </si>
  <si>
    <t>buurten.a737cf5c-1c6f-46ab-a3c6-4678be7b697f</t>
  </si>
  <si>
    <t>BU00860103</t>
  </si>
  <si>
    <t>Bakkeveen-Buitengebied</t>
  </si>
  <si>
    <t>2021BU00860103</t>
  </si>
  <si>
    <t>buurten.e5aa8e9d-9be1-4719-a377-b9e24f03101f</t>
  </si>
  <si>
    <t>BU00860201</t>
  </si>
  <si>
    <t>Beetsterzwaag-Centrum</t>
  </si>
  <si>
    <t>WK008602</t>
  </si>
  <si>
    <t>2021BU00860201</t>
  </si>
  <si>
    <t>buurten.6c793d29-c14a-4c94-b7a7-6142911c55ea</t>
  </si>
  <si>
    <t>PL0086010002</t>
  </si>
  <si>
    <t>Gorredijk: Groene Long, Centrum, Beetsterzwaag: Centrum</t>
  </si>
  <si>
    <t>Voor deze buurten geldt dat de aanwezige warmtebron niet groot genoeg is om de hele buurt collectief te verwarmen, waardoor in deze buurten alleen een combinatie van individuele oplossingen en een collectief oplossing mogelijk is. De uiteindelijke haalba</t>
  </si>
  <si>
    <t>BU00860202</t>
  </si>
  <si>
    <t>Beetsterzwaag-Merkelân</t>
  </si>
  <si>
    <t>2021BU00860202</t>
  </si>
  <si>
    <t>buurten.d5366a6c-e334-4398-a6cc-d603c7c0a3f4</t>
  </si>
  <si>
    <t>BU00860203</t>
  </si>
  <si>
    <t>Beetsterzwaag-Skeakel</t>
  </si>
  <si>
    <t>2021BU00860203</t>
  </si>
  <si>
    <t>buurten.ab518e0a-f377-4ab2-8f30-2429e4ac3d1c</t>
  </si>
  <si>
    <t>BU00860204</t>
  </si>
  <si>
    <t>Beetsterzwaag-Talant</t>
  </si>
  <si>
    <t>2021BU00860204</t>
  </si>
  <si>
    <t>buurten.482a1dc0-311d-4ed5-a277-9a69095bc771</t>
  </si>
  <si>
    <t>BU00860205</t>
  </si>
  <si>
    <t>Beetsterzwaag-Hup strjitten</t>
  </si>
  <si>
    <t>2021BU00860205</t>
  </si>
  <si>
    <t>buurten.2aa04f5f-8c5f-4ffd-9e1e-862907fde0d4</t>
  </si>
  <si>
    <t>BU00860206</t>
  </si>
  <si>
    <t>Beetsterzwaag-Singels</t>
  </si>
  <si>
    <t>2021BU00860206</t>
  </si>
  <si>
    <t>buurten.5777f2b7-02a4-4f5b-81d0-38fc56b3ad17</t>
  </si>
  <si>
    <t>BU00860207</t>
  </si>
  <si>
    <t>Beetsterzwaag-Roekebosk</t>
  </si>
  <si>
    <t>2021BU00860207</t>
  </si>
  <si>
    <t>buurten.47b06bbe-4833-444e-ad52-ab1023554140</t>
  </si>
  <si>
    <t>BU00860208</t>
  </si>
  <si>
    <t>Beetsterzwaag-Olterterp</t>
  </si>
  <si>
    <t>2021BU00860208</t>
  </si>
  <si>
    <t>buurten.bac0a3c8-c770-4630-89e4-1a8a596486a8</t>
  </si>
  <si>
    <t>BU00860209</t>
  </si>
  <si>
    <t>Beetsterzwaag-Buitengebied</t>
  </si>
  <si>
    <t>2021BU00860209</t>
  </si>
  <si>
    <t>buurten.35e604fe-52a0-405e-b829-776eec872cef</t>
  </si>
  <si>
    <t>BU00860401</t>
  </si>
  <si>
    <t>Frieschepalen-Kom</t>
  </si>
  <si>
    <t>WK008604</t>
  </si>
  <si>
    <t>2021BU00860401</t>
  </si>
  <si>
    <t>buurten.811ef8b4-d7e8-47fd-8a8a-d846911c9567</t>
  </si>
  <si>
    <t>BU00860402</t>
  </si>
  <si>
    <t>Frieschepalen-Buitengebied</t>
  </si>
  <si>
    <t>2021BU00860402</t>
  </si>
  <si>
    <t>buurten.31e65a22-0cd1-4aa2-8173-aa5aaf11fdd7</t>
  </si>
  <si>
    <t>BU00860501</t>
  </si>
  <si>
    <t>Gorredijk-Centrum</t>
  </si>
  <si>
    <t>WK008605</t>
  </si>
  <si>
    <t>2021BU00860501</t>
  </si>
  <si>
    <t>buurten.461745e5-52e9-4b85-b6a9-4f227d2742f3</t>
  </si>
  <si>
    <t>BU00860502</t>
  </si>
  <si>
    <t>Gorredijk-De Kromten</t>
  </si>
  <si>
    <t>2021BU00860502</t>
  </si>
  <si>
    <t>buurten.22df2cf3-5f5e-403e-a910-8612cdb5dbd9</t>
  </si>
  <si>
    <t>BU00860503</t>
  </si>
  <si>
    <t>Gorredijk-IJ buurt</t>
  </si>
  <si>
    <t>2021BU00860503</t>
  </si>
  <si>
    <t>buurten.879b6266-cb04-4bd5-afa0-8613aa666c80</t>
  </si>
  <si>
    <t>BU00860504</t>
  </si>
  <si>
    <t>Gorredijk-Bloemenwijk</t>
  </si>
  <si>
    <t>2021BU00860504</t>
  </si>
  <si>
    <t>buurten.f6fd62e0-da05-4577-a9f0-a1549605c31b</t>
  </si>
  <si>
    <t>BU00860505</t>
  </si>
  <si>
    <t>Gorredijk-Loevestein</t>
  </si>
  <si>
    <t>2021BU00860505</t>
  </si>
  <si>
    <t>buurten.bcbf9d14-4ccc-4b73-a958-5426d5d941fe</t>
  </si>
  <si>
    <t>PL0086010001</t>
  </si>
  <si>
    <t>Gorredijk: Loevestein, Ureterp:  Fugeliet</t>
  </si>
  <si>
    <t>BU00860506</t>
  </si>
  <si>
    <t>Gorredijk-Groene Long</t>
  </si>
  <si>
    <t>2021BU00860506</t>
  </si>
  <si>
    <t>buurten.a09951a1-d9e6-4282-8d76-9101f6b713b2</t>
  </si>
  <si>
    <t>BU00860507</t>
  </si>
  <si>
    <t>Gorredijk-Miente</t>
  </si>
  <si>
    <t>2021BU00860507</t>
  </si>
  <si>
    <t>buurten.3903c3a1-41dc-4563-9824-236863cab690</t>
  </si>
  <si>
    <t>BU00860508</t>
  </si>
  <si>
    <t>Gorredijk-Buitengebied</t>
  </si>
  <si>
    <t>2021BU00860508</t>
  </si>
  <si>
    <t>buurten.e1b09c8a-7f9c-40f9-a91a-17001aaa31be</t>
  </si>
  <si>
    <t>BU00860601</t>
  </si>
  <si>
    <t>Hemrik-Kom</t>
  </si>
  <si>
    <t>WK008606</t>
  </si>
  <si>
    <t>2021BU00860601</t>
  </si>
  <si>
    <t>buurten.bda071eb-9a04-448a-9090-6da0c52bd9b3</t>
  </si>
  <si>
    <t>BU00860602</t>
  </si>
  <si>
    <t>Hemrik-Buitengebied</t>
  </si>
  <si>
    <t>2021BU00860602</t>
  </si>
  <si>
    <t>buurten.5c2fc5fa-be71-4c38-bc1f-bea9d49b6e0f</t>
  </si>
  <si>
    <t>BU00860701</t>
  </si>
  <si>
    <t>Jonkerslân-Kom</t>
  </si>
  <si>
    <t>WK008607</t>
  </si>
  <si>
    <t>2021BU00860701</t>
  </si>
  <si>
    <t>buurten.69fd98c3-c96a-4eac-a92f-a82644b818f2</t>
  </si>
  <si>
    <t>BU00860702</t>
  </si>
  <si>
    <t>Jonkerslân-Buitengebied</t>
  </si>
  <si>
    <t>2021BU00860702</t>
  </si>
  <si>
    <t>buurten.3d721a52-f08c-4b14-b683-e62c0ec29399</t>
  </si>
  <si>
    <t>PL0074010022</t>
  </si>
  <si>
    <t>BU00860801</t>
  </si>
  <si>
    <t>Langezwaag-Kom</t>
  </si>
  <si>
    <t>WK008608</t>
  </si>
  <si>
    <t>2021BU00860801</t>
  </si>
  <si>
    <t>buurten.a003d982-440c-4ee3-becf-fba8ec24cedc</t>
  </si>
  <si>
    <t>BU00860802</t>
  </si>
  <si>
    <t>Langezwaag-Buitengebied</t>
  </si>
  <si>
    <t>2021BU00860802</t>
  </si>
  <si>
    <t>buurten.841fd828-0a3c-4db4-840e-39fa40bb13c1</t>
  </si>
  <si>
    <t>PL0074010021</t>
  </si>
  <si>
    <t>BU00860901</t>
  </si>
  <si>
    <t>Lippenhuizen-Kom</t>
  </si>
  <si>
    <t>WK008609</t>
  </si>
  <si>
    <t>2021BU00860901</t>
  </si>
  <si>
    <t>buurten.cbfe58d2-5544-40f4-accb-c7063e8b66fa</t>
  </si>
  <si>
    <t>BU00860902</t>
  </si>
  <si>
    <t>Lippenhuizen-Buitengebied</t>
  </si>
  <si>
    <t>2021BU00860902</t>
  </si>
  <si>
    <t>buurten.922b385f-af13-4b14-bee6-34de0aee4a8c</t>
  </si>
  <si>
    <t>BU00861001</t>
  </si>
  <si>
    <t>Luxwoude-Kom</t>
  </si>
  <si>
    <t>WK008610</t>
  </si>
  <si>
    <t>2021BU00861001</t>
  </si>
  <si>
    <t>buurten.835a7b91-4bca-4bf5-810a-56473f9c270c</t>
  </si>
  <si>
    <t>BU00861002</t>
  </si>
  <si>
    <t>Luxwoude-Buitengebied</t>
  </si>
  <si>
    <t>2021BU00861002</t>
  </si>
  <si>
    <t>buurten.753790a0-d9d4-4ed8-b044-cc821dc7db82</t>
  </si>
  <si>
    <t>BU00861101</t>
  </si>
  <si>
    <t>Nij Beets-Kom</t>
  </si>
  <si>
    <t>WK008611</t>
  </si>
  <si>
    <t>2021BU00861101</t>
  </si>
  <si>
    <t>buurten.0df5418e-aa91-4a76-9558-f3319db3000e</t>
  </si>
  <si>
    <t>BU00861102</t>
  </si>
  <si>
    <t>Nij Beets-Buitengebied</t>
  </si>
  <si>
    <t>2021BU00861102</t>
  </si>
  <si>
    <t>buurten.d976885f-9e44-4984-b8ba-a21436e7e528</t>
  </si>
  <si>
    <t>BU00861301</t>
  </si>
  <si>
    <t>Siegerswoude-Kom</t>
  </si>
  <si>
    <t>WK008613</t>
  </si>
  <si>
    <t>2021BU00861301</t>
  </si>
  <si>
    <t>buurten.fb75af11-d01e-4ac2-b0a3-744c5d65e023</t>
  </si>
  <si>
    <t>BU00861302</t>
  </si>
  <si>
    <t>Siegerswoude-Buitengebied</t>
  </si>
  <si>
    <t>2021BU00861302</t>
  </si>
  <si>
    <t>buurten.05d629d7-decb-42ff-8121-20661c64fb53</t>
  </si>
  <si>
    <t>BU00861401</t>
  </si>
  <si>
    <t>Terwispel-Kom</t>
  </si>
  <si>
    <t>WK008614</t>
  </si>
  <si>
    <t>2021BU00861401</t>
  </si>
  <si>
    <t>buurten.00aa36a2-4b8a-48c5-8a71-e13e081686ba</t>
  </si>
  <si>
    <t>BU00861402</t>
  </si>
  <si>
    <t>Terwispel-Buitengebied</t>
  </si>
  <si>
    <t>2021BU00861402</t>
  </si>
  <si>
    <t>buurten.bcf23c90-c9bd-4118-a719-be841cbc8e06</t>
  </si>
  <si>
    <t>BU00861501</t>
  </si>
  <si>
    <t>Tijnje-Kom</t>
  </si>
  <si>
    <t>WK008615</t>
  </si>
  <si>
    <t>2021BU00861501</t>
  </si>
  <si>
    <t>buurten.c0031e41-b4f4-4982-8dd0-f05c8da23c28</t>
  </si>
  <si>
    <t>BU00861502</t>
  </si>
  <si>
    <t>Tijnje-Buitengebied</t>
  </si>
  <si>
    <t>2021BU00861502</t>
  </si>
  <si>
    <t>buurten.29c7311a-af41-4a95-833f-9c72388e5dcd</t>
  </si>
  <si>
    <t>BU00861601</t>
  </si>
  <si>
    <t>Ureterp-Centrum</t>
  </si>
  <si>
    <t>WK008616</t>
  </si>
  <si>
    <t>2021BU00861601</t>
  </si>
  <si>
    <t>buurten.32f909bc-12a2-4800-91bd-e533786a3cc3</t>
  </si>
  <si>
    <t>BU00861602</t>
  </si>
  <si>
    <t>Ureterp-Buorfinne</t>
  </si>
  <si>
    <t>2021BU00861602</t>
  </si>
  <si>
    <t>buurten.cf51f7d1-8a5c-455f-b7e9-4d5214c703bc</t>
  </si>
  <si>
    <t>BU00861603</t>
  </si>
  <si>
    <t>Ureterp-Gilden</t>
  </si>
  <si>
    <t>2021BU00861603</t>
  </si>
  <si>
    <t>buurten.90b0078d-c6eb-44bd-8f38-f501de797f21</t>
  </si>
  <si>
    <t>BU00861604</t>
  </si>
  <si>
    <t>Ureterp-De Ekers</t>
  </si>
  <si>
    <t>2021BU00861604</t>
  </si>
  <si>
    <t>buurten.d5485114-2441-4551-b644-bfdc6abbef17</t>
  </si>
  <si>
    <t>BU00861605</t>
  </si>
  <si>
    <t>Ureterp-Fûgelliet</t>
  </si>
  <si>
    <t>2021BU00861605</t>
  </si>
  <si>
    <t>buurten.c5f57701-5495-4108-bcbe-d53f919ec408</t>
  </si>
  <si>
    <t>BU00861606</t>
  </si>
  <si>
    <t>Ureterp-Drachten-Azeven</t>
  </si>
  <si>
    <t>2021BU00861606</t>
  </si>
  <si>
    <t>buurten.6f0f449d-95cb-4965-a913-6ae1b8f473e0</t>
  </si>
  <si>
    <t>BU00861607</t>
  </si>
  <si>
    <t>Ureterp-Buitengebied</t>
  </si>
  <si>
    <t>2021BU00861607</t>
  </si>
  <si>
    <t>buurten.942266e3-6bf6-482e-be75-29baa1459ac7</t>
  </si>
  <si>
    <t>BU00861701</t>
  </si>
  <si>
    <t>Wijnjewoude-Centrum</t>
  </si>
  <si>
    <t>WK008617</t>
  </si>
  <si>
    <t>2021BU00861701</t>
  </si>
  <si>
    <t>buurten.dc031a2b-2b2d-4578-b5d6-861710334936</t>
  </si>
  <si>
    <t>BU00861702</t>
  </si>
  <si>
    <t>Wijnjewoude-Gentiaan</t>
  </si>
  <si>
    <t>2021BU00861702</t>
  </si>
  <si>
    <t>buurten.a9730369-2b65-4f02-9a76-2a517c16ef2a</t>
  </si>
  <si>
    <t>BU00861703</t>
  </si>
  <si>
    <t>Wijnjewoude-Buitengebied-Kleine Groningen</t>
  </si>
  <si>
    <t>2021BU00861703</t>
  </si>
  <si>
    <t>buurten.b83f2f4d-1e73-4ccd-b670-2465556e7ce0</t>
  </si>
  <si>
    <t>BU00880000</t>
  </si>
  <si>
    <t>WK008800</t>
  </si>
  <si>
    <t>2021BU00880000</t>
  </si>
  <si>
    <t>buurten.b11181d7-569d-4fc6-a573-8adc430150f6</t>
  </si>
  <si>
    <t>BU00880009</t>
  </si>
  <si>
    <t>Verspreide huizen Schiermonnikoog</t>
  </si>
  <si>
    <t>2021BU00880009</t>
  </si>
  <si>
    <t>buurten.1ba40fe0-3b0d-4441-adcb-2507b64287f3</t>
  </si>
  <si>
    <t>BU00900001</t>
  </si>
  <si>
    <t>WK009000</t>
  </si>
  <si>
    <t>2021BU00900001</t>
  </si>
  <si>
    <t>buurten.c7859dc3-90ae-4720-b8ba-7789d03462f6</t>
  </si>
  <si>
    <t>PL0090010004</t>
  </si>
  <si>
    <t>Centrum Drachten</t>
  </si>
  <si>
    <t>De warmte-alternatieven moeten betaalbaar, duurzaam en betrouwbaar zijn, waarbij we rekening houden met het nemen van zoveel mogelijk spijtvrije (no-regret) maatregelen</t>
  </si>
  <si>
    <t>Consortium die zich bezig houdt met de ontwikkeling van restwarmte voor de nabijgelegen woningen (de Swetten) en mogelijk ook bedrijven (De Haven)</t>
  </si>
  <si>
    <t>Geothermie, hoog temperatuur</t>
  </si>
  <si>
    <t>geen informatie</t>
  </si>
  <si>
    <t>HT warmte: geothermie</t>
  </si>
  <si>
    <t>BU00900002</t>
  </si>
  <si>
    <t>De Wiken</t>
  </si>
  <si>
    <t>2021BU00900002</t>
  </si>
  <si>
    <t>buurten.37689daf-91a7-454a-964f-b308e0e01bd1</t>
  </si>
  <si>
    <t>PL0090010003</t>
  </si>
  <si>
    <t>De Venen, de Bouwen, de Wiken en de Singels</t>
  </si>
  <si>
    <t>Consortium die zich bezig houdt met de ontwikkeling van geothermie voor de nabijgelegen woningen en (grote) zakelijke afnemers</t>
  </si>
  <si>
    <t>BU00900003</t>
  </si>
  <si>
    <t>De Singels</t>
  </si>
  <si>
    <t>2021BU00900003</t>
  </si>
  <si>
    <t>buurten.874c276a-e16b-46c3-af77-fadcd3ba7bf0</t>
  </si>
  <si>
    <t>BU00900004</t>
  </si>
  <si>
    <t>De Drait</t>
  </si>
  <si>
    <t>2021BU00900004</t>
  </si>
  <si>
    <t>buurten.a02b2fed-b58f-45a4-aa0e-c989204b3a97</t>
  </si>
  <si>
    <t>PL0090010005</t>
  </si>
  <si>
    <t>De Wilgen, Smalle Ee en Buitensvallaat</t>
  </si>
  <si>
    <t>Bewonersinitiatief, met als droom: duurzame en deelbare energie!</t>
  </si>
  <si>
    <t>BU00900005</t>
  </si>
  <si>
    <t>De Wiken-Oost</t>
  </si>
  <si>
    <t>2021BU00900005</t>
  </si>
  <si>
    <t>buurten.fb569228-5e6e-4edf-894a-4394b78914ba</t>
  </si>
  <si>
    <t>BU00900006</t>
  </si>
  <si>
    <t>De Venen</t>
  </si>
  <si>
    <t>2021BU00900006</t>
  </si>
  <si>
    <t>buurten.29c1884a-69ab-4271-9746-c8884feeaa2f</t>
  </si>
  <si>
    <t>BU00900007</t>
  </si>
  <si>
    <t>De Folgeren</t>
  </si>
  <si>
    <t>2021BU00900007</t>
  </si>
  <si>
    <t>buurten.0e4a6ffd-b36e-47ea-b451-a0d5413ea853</t>
  </si>
  <si>
    <t>PL0090010002</t>
  </si>
  <si>
    <t>De Swetten, mogelijk aangevuld met De Haven</t>
  </si>
  <si>
    <t>BU00900008</t>
  </si>
  <si>
    <t>De Swetten</t>
  </si>
  <si>
    <t>2021BU00900008</t>
  </si>
  <si>
    <t>buurten.c6e1a30a-0110-4cf1-8b0e-ea0410ae35d4</t>
  </si>
  <si>
    <t>BU00900009</t>
  </si>
  <si>
    <t>De Bouwen</t>
  </si>
  <si>
    <t>2021BU00900009</t>
  </si>
  <si>
    <t>buurten.1785aa33-32f0-4f3d-b1a6-9b23a2148eeb</t>
  </si>
  <si>
    <t>BU00900010</t>
  </si>
  <si>
    <t>Noordoost</t>
  </si>
  <si>
    <t>2021BU00900010</t>
  </si>
  <si>
    <t>buurten.5b7acfed-9bc2-4662-990f-f08247d638fe</t>
  </si>
  <si>
    <t>BU00900011</t>
  </si>
  <si>
    <t>De Haven</t>
  </si>
  <si>
    <t>2021BU00900011</t>
  </si>
  <si>
    <t>buurten.8548d5a2-4242-4c4a-a0b6-0b6f5f504fdb</t>
  </si>
  <si>
    <t>BU00900012</t>
  </si>
  <si>
    <t>Buitengebied Drachten</t>
  </si>
  <si>
    <t>2021BU00900012</t>
  </si>
  <si>
    <t>buurten.c5d8a8f4-691c-46b6-a458-7f9d1d8708dc</t>
  </si>
  <si>
    <t>BU00900013</t>
  </si>
  <si>
    <t>De Trisken</t>
  </si>
  <si>
    <t>2021BU00900013</t>
  </si>
  <si>
    <t>buurten.5c28e5f0-9caa-4179-91eb-60297d0497bf</t>
  </si>
  <si>
    <t>BU00900014</t>
  </si>
  <si>
    <t>Fennepark</t>
  </si>
  <si>
    <t>2021BU00900014</t>
  </si>
  <si>
    <t>buurten.a4f59ea7-93bb-4d48-b943-374ad2981ecf</t>
  </si>
  <si>
    <t>BU00900015</t>
  </si>
  <si>
    <t>Himsterhout</t>
  </si>
  <si>
    <t>2021BU00900015</t>
  </si>
  <si>
    <t>buurten.02501d8c-f6b9-4e66-bc08-12f49c8b807d</t>
  </si>
  <si>
    <t>BU00900016</t>
  </si>
  <si>
    <t>Bedrijvenpark</t>
  </si>
  <si>
    <t>2021BU00900016</t>
  </si>
  <si>
    <t>buurten.02a36fab-dc9a-43a5-87c4-933ac32c3898</t>
  </si>
  <si>
    <t>BU00900017</t>
  </si>
  <si>
    <t>Vrijburg</t>
  </si>
  <si>
    <t>2021BU00900017</t>
  </si>
  <si>
    <t>buurten.8deb82cf-4077-4db8-8575-990628ae110c</t>
  </si>
  <si>
    <t>BU00900018</t>
  </si>
  <si>
    <t>Burmaniapark</t>
  </si>
  <si>
    <t>2021BU00900018</t>
  </si>
  <si>
    <t>buurten.b9ebcf64-b399-4725-aed6-9df65061e92a</t>
  </si>
  <si>
    <t>BU00900120</t>
  </si>
  <si>
    <t>Opeinde</t>
  </si>
  <si>
    <t>WK009001</t>
  </si>
  <si>
    <t>2021BU00900120</t>
  </si>
  <si>
    <t>buurten.b0c9ce05-1344-4d54-80f1-5889b9af80a0</t>
  </si>
  <si>
    <t>BU00900121</t>
  </si>
  <si>
    <t>Rottevalle</t>
  </si>
  <si>
    <t>2021BU00900121</t>
  </si>
  <si>
    <t>buurten.be1ef23a-b7a3-4f22-a494-8dc2d9670649</t>
  </si>
  <si>
    <t>BU00900122</t>
  </si>
  <si>
    <t>Houtigehage</t>
  </si>
  <si>
    <t>2021BU00900122</t>
  </si>
  <si>
    <t>buurten.275ee165-75e1-4c2d-b80d-7710b8fe1d1b</t>
  </si>
  <si>
    <t>BU00900123</t>
  </si>
  <si>
    <t>Drachtstercompagnie</t>
  </si>
  <si>
    <t>2021BU00900123</t>
  </si>
  <si>
    <t>buurten.30882918-1346-496d-9d1c-0af3e45d8f8e</t>
  </si>
  <si>
    <t>BU00900124</t>
  </si>
  <si>
    <t>Kortehemmen</t>
  </si>
  <si>
    <t>2021BU00900124</t>
  </si>
  <si>
    <t>buurten.b1a2be99-10c4-4ec1-af83-b97ecac8bfc9</t>
  </si>
  <si>
    <t>BU00900125</t>
  </si>
  <si>
    <t>Boornbergum</t>
  </si>
  <si>
    <t>2021BU00900125</t>
  </si>
  <si>
    <t>buurten.2f6bea4b-50bb-4bda-bd61-f41d7e540baa</t>
  </si>
  <si>
    <t>BU00900126</t>
  </si>
  <si>
    <t>De Wilgen</t>
  </si>
  <si>
    <t>2021BU00900126</t>
  </si>
  <si>
    <t>buurten.a44825ae-a159-4d16-9118-8d8b5a781468</t>
  </si>
  <si>
    <t>BU00900127</t>
  </si>
  <si>
    <t>Smalle Ee</t>
  </si>
  <si>
    <t>2021BU00900127</t>
  </si>
  <si>
    <t>buurten.95f09d23-544d-423f-b9a5-b6b291ec00ce</t>
  </si>
  <si>
    <t>BU00900128</t>
  </si>
  <si>
    <t>De Veenhoop</t>
  </si>
  <si>
    <t>2021BU00900128</t>
  </si>
  <si>
    <t>buurten.34c6a027-b0dd-4f56-bd53-5b44ae82b569</t>
  </si>
  <si>
    <t>BU00900129</t>
  </si>
  <si>
    <t>Goëngahuizen</t>
  </si>
  <si>
    <t>2021BU00900129</t>
  </si>
  <si>
    <t>buurten.43cdeb1d-9fd5-4ee4-a71f-cfe803f72ad4</t>
  </si>
  <si>
    <t>PL0074010015</t>
  </si>
  <si>
    <t>BU00900130</t>
  </si>
  <si>
    <t>Oudega</t>
  </si>
  <si>
    <t>2021BU00900130</t>
  </si>
  <si>
    <t>buurten.49308407-0ea2-482a-bc8b-b417606764db</t>
  </si>
  <si>
    <t>BU00900131</t>
  </si>
  <si>
    <t>Nijega</t>
  </si>
  <si>
    <t>2021BU00900131</t>
  </si>
  <si>
    <t>buurten.2bb11826-100b-4d39-9e53-5051c1d4458b</t>
  </si>
  <si>
    <t>BU00900132</t>
  </si>
  <si>
    <t>De Tike</t>
  </si>
  <si>
    <t>2021BU00900132</t>
  </si>
  <si>
    <t>buurten.c089a1a6-d140-41d7-a149-91083b29d051</t>
  </si>
  <si>
    <t>BU00930000</t>
  </si>
  <si>
    <t>West-Terschelling</t>
  </si>
  <si>
    <t>WK009300</t>
  </si>
  <si>
    <t>2021BU00930000</t>
  </si>
  <si>
    <t>buurten.0c987329-50ac-4ea3-8d2b-0caaed1760e1</t>
  </si>
  <si>
    <t>PL0093010004</t>
  </si>
  <si>
    <t>alle gebouwen minimaal label C, 25% CO2-reductie in 2030</t>
  </si>
  <si>
    <t>geen wijziging</t>
  </si>
  <si>
    <t>warmte uit de waddenzee (TEO/TEA) en WKO</t>
  </si>
  <si>
    <t>BU00930002</t>
  </si>
  <si>
    <t>Verspreide huizen West-Terschelling</t>
  </si>
  <si>
    <t>2021BU00930002</t>
  </si>
  <si>
    <t>buurten.5ae030f0-c1ab-4a42-b33d-d32b32b1c117</t>
  </si>
  <si>
    <t>BU00930110</t>
  </si>
  <si>
    <t>Midsland</t>
  </si>
  <si>
    <t>WK009301</t>
  </si>
  <si>
    <t>2021BU00930110</t>
  </si>
  <si>
    <t>buurten.b1f8a759-9406-4d1c-92d5-930cef767719</t>
  </si>
  <si>
    <t>PL0093010005</t>
  </si>
  <si>
    <t>Warmtenet Midsland</t>
  </si>
  <si>
    <t>2022 of 2023</t>
  </si>
  <si>
    <t>Geen nadere isolatie nodig</t>
  </si>
  <si>
    <t>BU00930111</t>
  </si>
  <si>
    <t>Verspreide huizen Midsland-Zuid</t>
  </si>
  <si>
    <t>2021BU00930111</t>
  </si>
  <si>
    <t>buurten.643bd541-3af9-4049-b135-9337f708970a</t>
  </si>
  <si>
    <t>PL0093010006</t>
  </si>
  <si>
    <t>BU00930112</t>
  </si>
  <si>
    <t>Verspreide huizen Midsland-Noord</t>
  </si>
  <si>
    <t>2021BU00930112</t>
  </si>
  <si>
    <t>buurten.b7df6913-93da-48ae-aa86-54fe480bb534</t>
  </si>
  <si>
    <t>BU00930213</t>
  </si>
  <si>
    <t>Formerum</t>
  </si>
  <si>
    <t>WK009302</t>
  </si>
  <si>
    <t>2021BU00930213</t>
  </si>
  <si>
    <t>buurten.1c06a47f-04dd-46c6-b810-d94dc609c8a8</t>
  </si>
  <si>
    <t>BU00930214</t>
  </si>
  <si>
    <t>Verspreide huizen Formerum-Zuid</t>
  </si>
  <si>
    <t>2021BU00930214</t>
  </si>
  <si>
    <t>buurten.181ece5e-3042-453f-b417-76e89a90ea37</t>
  </si>
  <si>
    <t>PL0093010007</t>
  </si>
  <si>
    <t>Midsland aan Zee</t>
  </si>
  <si>
    <t>BU00930215</t>
  </si>
  <si>
    <t>Verspreide huizen Formerum-Noord</t>
  </si>
  <si>
    <t>2021BU00930215</t>
  </si>
  <si>
    <t>buurten.d4d9acc6-b6a1-4ab9-a76f-9fea4ad19c4d</t>
  </si>
  <si>
    <t>BU00930316</t>
  </si>
  <si>
    <t>Lies</t>
  </si>
  <si>
    <t>WK009303</t>
  </si>
  <si>
    <t>2021BU00930316</t>
  </si>
  <si>
    <t>buurten.340b65f5-9b5b-4526-8a04-1c726feca115</t>
  </si>
  <si>
    <t>PL0093010008</t>
  </si>
  <si>
    <t>BU00930317</t>
  </si>
  <si>
    <t>Verspreide huizen Lies-Zuid</t>
  </si>
  <si>
    <t>2021BU00930317</t>
  </si>
  <si>
    <t>buurten.a43f0a1e-043a-4501-9f95-4a1169ad8e2d</t>
  </si>
  <si>
    <t>PL0093010009</t>
  </si>
  <si>
    <t>BU00930418</t>
  </si>
  <si>
    <t>Koegelwieck</t>
  </si>
  <si>
    <t>WK009304</t>
  </si>
  <si>
    <t>2021BU00930418</t>
  </si>
  <si>
    <t>buurten.eae8134e-43a0-45b2-8002-1958c8c6468e</t>
  </si>
  <si>
    <t>PL0093010010</t>
  </si>
  <si>
    <t>Oosterend</t>
  </si>
  <si>
    <t>BU00930419</t>
  </si>
  <si>
    <t>2021BU00930419</t>
  </si>
  <si>
    <t>buurten.fe0f2d67-d8f4-410b-891f-356aa523c03a</t>
  </si>
  <si>
    <t>Hoorn (Koegelwieck)</t>
  </si>
  <si>
    <t>BU00930420</t>
  </si>
  <si>
    <t>Verspreide huizen Hoorn-Zuid</t>
  </si>
  <si>
    <t>2021BU00930420</t>
  </si>
  <si>
    <t>buurten.5f87b9a1-bf5c-407f-a5ac-214ae4bc8f58</t>
  </si>
  <si>
    <t>BU00930521</t>
  </si>
  <si>
    <t>WK009305</t>
  </si>
  <si>
    <t>2021BU00930521</t>
  </si>
  <si>
    <t>buurten.d2b27bd8-0417-43e4-a0f9-6a31fd42052b</t>
  </si>
  <si>
    <t>BU00930522</t>
  </si>
  <si>
    <t>Verspreide huizen Oosterend-Zuid</t>
  </si>
  <si>
    <t>2021BU00930522</t>
  </si>
  <si>
    <t>buurten.af73bf01-867d-4bf6-ae89-6630926403ee</t>
  </si>
  <si>
    <t>BU00930523</t>
  </si>
  <si>
    <t>De Boschplaat</t>
  </si>
  <si>
    <t>2021BU00930523</t>
  </si>
  <si>
    <t>buurten.6db7476b-b46a-405d-b550-1f1788ce4377</t>
  </si>
  <si>
    <t>BU00960000</t>
  </si>
  <si>
    <t>Oost-Vlieland</t>
  </si>
  <si>
    <t>WK009600</t>
  </si>
  <si>
    <t>2021BU00960000</t>
  </si>
  <si>
    <t>buurten.9cb4974b-4b94-43bc-8b2f-f13fa557ff5d</t>
  </si>
  <si>
    <t>Duinwijck</t>
  </si>
  <si>
    <t>BU00960009</t>
  </si>
  <si>
    <t>Verspreide huizen Vlieland</t>
  </si>
  <si>
    <t>2021BU00960009</t>
  </si>
  <si>
    <t>buurten.be74b204-8388-4fa9-9d5f-e17909ca1df0</t>
  </si>
  <si>
    <t>BU00980001</t>
  </si>
  <si>
    <t>Wolvega-Schipsloot</t>
  </si>
  <si>
    <t>WK009800</t>
  </si>
  <si>
    <t>2021BU00980001</t>
  </si>
  <si>
    <t>buurten.c5346c79-ead5-4051-93ae-96ab3dba40f9</t>
  </si>
  <si>
    <t>BU00980002</t>
  </si>
  <si>
    <t>Wolvega-Om de Noort</t>
  </si>
  <si>
    <t>2021BU00980002</t>
  </si>
  <si>
    <t>buurten.971858d0-1c7c-4fb4-bae7-f8e5f3a3cebe</t>
  </si>
  <si>
    <t>PL0098010004</t>
  </si>
  <si>
    <t>Wolvega: Lindenoord, Staatsliedenbuurt, Stuyversantbuurt, Stationsbuurt, Centrum</t>
  </si>
  <si>
    <t>Bedrijventerrein Wolvega, rioolwaterzuivering</t>
  </si>
  <si>
    <t>restwarmte (industrie) en of aquathermie (RWZI)</t>
  </si>
  <si>
    <t>BU00980003</t>
  </si>
  <si>
    <t>Wolvega-Wolvega Noord</t>
  </si>
  <si>
    <t>2021BU00980003</t>
  </si>
  <si>
    <t>buurten.0213586c-35e8-4942-8e32-4d351fa52c93</t>
  </si>
  <si>
    <t>BU00980004</t>
  </si>
  <si>
    <t>Wolvega-De Meulepolle</t>
  </si>
  <si>
    <t>2021BU00980004</t>
  </si>
  <si>
    <t>buurten.f93ea424-5d1d-4577-8b15-b379766c4dc1</t>
  </si>
  <si>
    <t>BU00980005</t>
  </si>
  <si>
    <t>Wolvega-Vogelbuurt</t>
  </si>
  <si>
    <t>2021BU00980005</t>
  </si>
  <si>
    <t>buurten.bec9d4c0-2f9b-470f-a35e-20532b04b796</t>
  </si>
  <si>
    <t>BU00980006</t>
  </si>
  <si>
    <t>Wolvega-Stuyvesantbuurt</t>
  </si>
  <si>
    <t>2021BU00980006</t>
  </si>
  <si>
    <t>buurten.d864c20e-1967-4846-be01-2953828ec049</t>
  </si>
  <si>
    <t>BU00980007</t>
  </si>
  <si>
    <t>Wolvega-Stationsbuurt</t>
  </si>
  <si>
    <t>2021BU00980007</t>
  </si>
  <si>
    <t>buurten.0c6cbae7-ddc1-44aa-8377-a70545006cc4</t>
  </si>
  <si>
    <t>PL0098010002</t>
  </si>
  <si>
    <t>Wolvega: De Scheene, Schildersbuurt, Oranjebuurt. Noordwolde: Hoofdstraat.</t>
  </si>
  <si>
    <t>BU00980008</t>
  </si>
  <si>
    <t>Wolvega-De Scheene</t>
  </si>
  <si>
    <t>2021BU00980008</t>
  </si>
  <si>
    <t>buurten.ed0b27af-0cb0-425a-ae1d-129c74b8ed76</t>
  </si>
  <si>
    <t>PL0098010001</t>
  </si>
  <si>
    <t>Lindewijk, Vlinderwijk</t>
  </si>
  <si>
    <t>BU00980009</t>
  </si>
  <si>
    <t>Wolvega-Tuindorp</t>
  </si>
  <si>
    <t>2021BU00980009</t>
  </si>
  <si>
    <t>buurten.5195fd41-b2de-400c-8f7b-ceee3f036862</t>
  </si>
  <si>
    <t>BU00980010</t>
  </si>
  <si>
    <t>Wolvega-Schildersbuurt</t>
  </si>
  <si>
    <t>2021BU00980010</t>
  </si>
  <si>
    <t>buurten.5a385f30-08fb-4d8c-a6df-290277d7df56</t>
  </si>
  <si>
    <t>BU00980011</t>
  </si>
  <si>
    <t>Wolvega-De Heidepolle</t>
  </si>
  <si>
    <t>2021BU00980011</t>
  </si>
  <si>
    <t>buurten.5c683464-d4ae-4718-8354-0945dcc01247</t>
  </si>
  <si>
    <t>BU00980012</t>
  </si>
  <si>
    <t>Wolvega-Oranjebuurt</t>
  </si>
  <si>
    <t>2021BU00980012</t>
  </si>
  <si>
    <t>buurten.f641a39b-8a72-4798-bb7b-b45878e39bef</t>
  </si>
  <si>
    <t>BU00980013</t>
  </si>
  <si>
    <t>Wolvega-De Muziekbuurt</t>
  </si>
  <si>
    <t>2021BU00980013</t>
  </si>
  <si>
    <t>buurten.51b83872-a8d2-498b-b6a8-73076380fb0f</t>
  </si>
  <si>
    <t>BU00980014</t>
  </si>
  <si>
    <t>Wolvega-Centrum</t>
  </si>
  <si>
    <t>2021BU00980014</t>
  </si>
  <si>
    <t>buurten.b5392beb-c5f5-4b7c-ab46-121e785ac205</t>
  </si>
  <si>
    <t>BU00980015</t>
  </si>
  <si>
    <t>Wolvega-Lindenoord</t>
  </si>
  <si>
    <t>2021BU00980015</t>
  </si>
  <si>
    <t>buurten.4c677c49-0c7f-419b-bef0-358c6d323ecf</t>
  </si>
  <si>
    <t>BU00980016</t>
  </si>
  <si>
    <t>Wolvega-Staatsliedenbuurt</t>
  </si>
  <si>
    <t>2021BU00980016</t>
  </si>
  <si>
    <t>buurten.e5619090-d0e7-44c6-a404-0a649c65f108</t>
  </si>
  <si>
    <t>BU00980017</t>
  </si>
  <si>
    <t>Wolvega-Bloemenbuurt</t>
  </si>
  <si>
    <t>2021BU00980017</t>
  </si>
  <si>
    <t>buurten.24797c7e-9d6e-4148-bc04-a550574a0120</t>
  </si>
  <si>
    <t>BU00980018</t>
  </si>
  <si>
    <t>Wolvega-De Stedes</t>
  </si>
  <si>
    <t>2021BU00980018</t>
  </si>
  <si>
    <t>buurten.e982fc30-f78b-4be1-a5f7-4d9b65a0253a</t>
  </si>
  <si>
    <t>BU00980019</t>
  </si>
  <si>
    <t>Wolvega-Vlinderwijk</t>
  </si>
  <si>
    <t>2021BU00980019</t>
  </si>
  <si>
    <t>buurten.f7bb1c52-1295-44dc-97c0-6faf01da8f4c</t>
  </si>
  <si>
    <t>BU00980020</t>
  </si>
  <si>
    <t>Wolvega-Lindewijk</t>
  </si>
  <si>
    <t>2021BU00980020</t>
  </si>
  <si>
    <t>buurten.324fa4d3-ad50-4b3d-aab6-8c2c7007add9</t>
  </si>
  <si>
    <t>BU00980021</t>
  </si>
  <si>
    <t>Wolvega-Buitengebied</t>
  </si>
  <si>
    <t>2021BU00980021</t>
  </si>
  <si>
    <t>buurten.f6b5a753-267f-43bc-8837-3739b2f2aa5d</t>
  </si>
  <si>
    <t>BU00980101</t>
  </si>
  <si>
    <t>Nijeholtwolde</t>
  </si>
  <si>
    <t>WK009801</t>
  </si>
  <si>
    <t>2021BU00980101</t>
  </si>
  <si>
    <t>buurten.740c4b7e-d38c-4411-ac13-c7994e2af7d4</t>
  </si>
  <si>
    <t>PL0074010004</t>
  </si>
  <si>
    <t>BU00980102</t>
  </si>
  <si>
    <t>Oldeholtwolde</t>
  </si>
  <si>
    <t>2021BU00980102</t>
  </si>
  <si>
    <t>buurten.c0f349f0-09d2-4aa1-b156-17a77e41ead4</t>
  </si>
  <si>
    <t>BU00980103</t>
  </si>
  <si>
    <t>Ter Idzard</t>
  </si>
  <si>
    <t>2021BU00980103</t>
  </si>
  <si>
    <t>buurten.524dd12f-b1c9-4192-82dc-e173570b60c2</t>
  </si>
  <si>
    <t>BU00980104</t>
  </si>
  <si>
    <t>Ter Idzard-Buitengebied</t>
  </si>
  <si>
    <t>2021BU00980104</t>
  </si>
  <si>
    <t>buurten.8755bf9c-c8f6-42c3-b3e5-203cd07f9029</t>
  </si>
  <si>
    <t>PL0074010024</t>
  </si>
  <si>
    <t>BU00980201</t>
  </si>
  <si>
    <t>Nijelamer</t>
  </si>
  <si>
    <t>WK009802</t>
  </si>
  <si>
    <t>2021BU00980201</t>
  </si>
  <si>
    <t>buurten.de23666f-2ed9-490d-abc7-f92753e984b9</t>
  </si>
  <si>
    <t>BU00980202</t>
  </si>
  <si>
    <t>Oldelamer</t>
  </si>
  <si>
    <t>2021BU00980202</t>
  </si>
  <si>
    <t>buurten.277d1dc3-6880-476c-8a49-180c34e2428d</t>
  </si>
  <si>
    <t>BU00980301</t>
  </si>
  <si>
    <t>Langelille</t>
  </si>
  <si>
    <t>WK009803</t>
  </si>
  <si>
    <t>2021BU00980301</t>
  </si>
  <si>
    <t>buurten.759d4c5c-85f5-4f2a-86d1-f74f91e6823e</t>
  </si>
  <si>
    <t>BU00980302</t>
  </si>
  <si>
    <t>Langeville-Buitengebied</t>
  </si>
  <si>
    <t>2021BU00980302</t>
  </si>
  <si>
    <t>buurten.cee22a00-1cef-46a7-addb-fa5e573ad285</t>
  </si>
  <si>
    <t>BU00980303</t>
  </si>
  <si>
    <t>Munnekeburen</t>
  </si>
  <si>
    <t>2021BU00980303</t>
  </si>
  <si>
    <t>buurten.9947bb62-9a45-437a-83af-eae77f2e3418</t>
  </si>
  <si>
    <t>BU00980304</t>
  </si>
  <si>
    <t>Munnekeburen-Buitengebied</t>
  </si>
  <si>
    <t>2021BU00980304</t>
  </si>
  <si>
    <t>buurten.91d31385-9ffe-4994-8f9b-c9c8c444e1ff</t>
  </si>
  <si>
    <t>BU00980305</t>
  </si>
  <si>
    <t>Nijetrijne</t>
  </si>
  <si>
    <t>2021BU00980305</t>
  </si>
  <si>
    <t>buurten.4af81aa0-2fa4-45d7-887a-d179575aafac</t>
  </si>
  <si>
    <t>DC170801</t>
  </si>
  <si>
    <t>PL1708010005</t>
  </si>
  <si>
    <t>Lokale initiatieven ondersteunen en stimuleren</t>
  </si>
  <si>
    <t>Terugbrengen van de warmtevraag</t>
  </si>
  <si>
    <t>BU00980401</t>
  </si>
  <si>
    <t>Scherpenzeel</t>
  </si>
  <si>
    <t>WK009804</t>
  </si>
  <si>
    <t>2021BU00980401</t>
  </si>
  <si>
    <t>buurten.0ccedf44-26dd-45a4-96d2-a9e59b9607b7</t>
  </si>
  <si>
    <t>BU00980402</t>
  </si>
  <si>
    <t>Scherpenzeel-Buitengebied</t>
  </si>
  <si>
    <t>2021BU00980402</t>
  </si>
  <si>
    <t>buurten.877c3214-c7ad-4fa7-a70b-2e14acf61923</t>
  </si>
  <si>
    <t>BU00980403</t>
  </si>
  <si>
    <t>Slijkenburg-Spanga</t>
  </si>
  <si>
    <t>2021BU00980403</t>
  </si>
  <si>
    <t>buurten.f3a41f4f-765a-45a7-86d4-cb4dddccc8ca</t>
  </si>
  <si>
    <t>BU00980501</t>
  </si>
  <si>
    <t>Oldetrijne</t>
  </si>
  <si>
    <t>WK009805</t>
  </si>
  <si>
    <t>2021BU00980501</t>
  </si>
  <si>
    <t>buurten.e4e9d7cf-3f33-4394-a983-14564f49df0d</t>
  </si>
  <si>
    <t>BU00980502</t>
  </si>
  <si>
    <t>Sonnega</t>
  </si>
  <si>
    <t>2021BU00980502</t>
  </si>
  <si>
    <t>buurten.46218f13-d34a-465e-a5b1-0e03908f24b0</t>
  </si>
  <si>
    <t>BU00980601</t>
  </si>
  <si>
    <t>Blesdijke</t>
  </si>
  <si>
    <t>WK009806</t>
  </si>
  <si>
    <t>2021BU00980601</t>
  </si>
  <si>
    <t>buurten.05da1a6f-7dac-41ae-b126-e2e3da22a9f6</t>
  </si>
  <si>
    <t>BU00980602</t>
  </si>
  <si>
    <t>Blesdijke-Buitengebied</t>
  </si>
  <si>
    <t>2021BU00980602</t>
  </si>
  <si>
    <t>buurten.981c2a17-5a10-4afe-9a32-b61a283e9739</t>
  </si>
  <si>
    <t>BU00980701</t>
  </si>
  <si>
    <t>De Blesse</t>
  </si>
  <si>
    <t>WK009807</t>
  </si>
  <si>
    <t>2021BU00980701</t>
  </si>
  <si>
    <t>buurten.ab162512-129e-40ea-a523-f2fea6c479e6</t>
  </si>
  <si>
    <t>BU00980702</t>
  </si>
  <si>
    <t>Peperga</t>
  </si>
  <si>
    <t>2021BU00980702</t>
  </si>
  <si>
    <t>buurten.08d385e1-8969-4a09-a470-28a6cf9594f3</t>
  </si>
  <si>
    <t>BU00980801</t>
  </si>
  <si>
    <t>Steggerda</t>
  </si>
  <si>
    <t>WK009808</t>
  </si>
  <si>
    <t>2021BU00980801</t>
  </si>
  <si>
    <t>buurten.e7d35a2e-6375-4965-ac20-25c38ce34f23</t>
  </si>
  <si>
    <t>BU00980802</t>
  </si>
  <si>
    <t>Steggerda-Buitengebied</t>
  </si>
  <si>
    <t>2021BU00980802</t>
  </si>
  <si>
    <t>buurten.cf26a87f-a34b-4b6e-8686-1b42b8af3684</t>
  </si>
  <si>
    <t>BU00980901</t>
  </si>
  <si>
    <t>De Hoeve</t>
  </si>
  <si>
    <t>WK009809</t>
  </si>
  <si>
    <t>2021BU00980901</t>
  </si>
  <si>
    <t>buurten.acf5740a-a817-43b9-96e6-360f7fd78880</t>
  </si>
  <si>
    <t>BU00980902</t>
  </si>
  <si>
    <t>De Hoeve-Buitengebied</t>
  </si>
  <si>
    <t>2021BU00980902</t>
  </si>
  <si>
    <t>buurten.693399d9-c8f5-4224-80a9-a7c94a522f01</t>
  </si>
  <si>
    <t>BU00980903</t>
  </si>
  <si>
    <t>Vinkega</t>
  </si>
  <si>
    <t>2021BU00980903</t>
  </si>
  <si>
    <t>buurten.3a16da1d-055a-4447-876a-6fc89bf4a363</t>
  </si>
  <si>
    <t>BU00981001</t>
  </si>
  <si>
    <t>Noordwolde-Geldering</t>
  </si>
  <si>
    <t>WK009810</t>
  </si>
  <si>
    <t>2021BU00981001</t>
  </si>
  <si>
    <t>buurten.cf3057ae-06b4-4b3b-9a58-77e1a43748c0</t>
  </si>
  <si>
    <t>BU00981002</t>
  </si>
  <si>
    <t>Noordwolde-Industrie</t>
  </si>
  <si>
    <t>2021BU00981002</t>
  </si>
  <si>
    <t>buurten.feb97668-f728-48e4-b818-740b8fb5adf0</t>
  </si>
  <si>
    <t>BU00981003</t>
  </si>
  <si>
    <t>Noordwolde-Hoofdstraat</t>
  </si>
  <si>
    <t>2021BU00981003</t>
  </si>
  <si>
    <t>buurten.c5b4dafe-2163-4706-a7ce-fc0b5c18e9d3</t>
  </si>
  <si>
    <t>BU00981004</t>
  </si>
  <si>
    <t>Noordwolde-Haenepolle</t>
  </si>
  <si>
    <t>2021BU00981004</t>
  </si>
  <si>
    <t>buurten.c22b9d04-7d19-4e6d-b5b4-144943857bec</t>
  </si>
  <si>
    <t>BU00981005</t>
  </si>
  <si>
    <t>Noordwolde-Rotanwijk</t>
  </si>
  <si>
    <t>2021BU00981005</t>
  </si>
  <si>
    <t>buurten.167fd5dc-abe6-4370-8215-a2f46334c307</t>
  </si>
  <si>
    <t>BU00981006</t>
  </si>
  <si>
    <t>Noordwolde-Recreatie</t>
  </si>
  <si>
    <t>2021BU00981006</t>
  </si>
  <si>
    <t>buurten.04273f5b-34f6-4b09-9220-073418dd5ff0</t>
  </si>
  <si>
    <t>BU00981007</t>
  </si>
  <si>
    <t>Noordwolde-De Stelling</t>
  </si>
  <si>
    <t>2021BU00981007</t>
  </si>
  <si>
    <t>buurten.2d04b82d-6cb3-4be5-99ee-4493231a289a</t>
  </si>
  <si>
    <t>BU00981008</t>
  </si>
  <si>
    <t>Noordwolde-Zuid</t>
  </si>
  <si>
    <t>2021BU00981008</t>
  </si>
  <si>
    <t>buurten.d300cc67-87d1-4176-95e4-6c15e5bd847e</t>
  </si>
  <si>
    <t>BU00981009</t>
  </si>
  <si>
    <t>Noordwolde-Buitengebied</t>
  </si>
  <si>
    <t>2021BU00981009</t>
  </si>
  <si>
    <t>buurten.cef73491-c692-4cb1-a57f-98b555463cf2</t>
  </si>
  <si>
    <t>BU00981101</t>
  </si>
  <si>
    <t>Oosterstreek</t>
  </si>
  <si>
    <t>WK009811</t>
  </si>
  <si>
    <t>2021BU00981101</t>
  </si>
  <si>
    <t>buurten.207a80c5-95f5-410b-a8af-5031e9a8168e</t>
  </si>
  <si>
    <t>BU00981102</t>
  </si>
  <si>
    <t>Oosterstreek-Buitengebied</t>
  </si>
  <si>
    <t>2021BU00981102</t>
  </si>
  <si>
    <t>buurten.b04cc3c8-c779-413a-8d6a-2b0b92bda9a5</t>
  </si>
  <si>
    <t>BU00981201</t>
  </si>
  <si>
    <t>Zandhuizen</t>
  </si>
  <si>
    <t>WK009812</t>
  </si>
  <si>
    <t>2021BU00981201</t>
  </si>
  <si>
    <t>buurten.a571090d-589b-4d8d-9c46-8a5b7ff1e32a</t>
  </si>
  <si>
    <t>BU00981301</t>
  </si>
  <si>
    <t>Boijl</t>
  </si>
  <si>
    <t>WK009813</t>
  </si>
  <si>
    <t>2021BU00981301</t>
  </si>
  <si>
    <t>buurten.84cea6a2-e301-487c-a716-389defa25f6b</t>
  </si>
  <si>
    <t>BU00981302</t>
  </si>
  <si>
    <t>Boijl-Buitengebied</t>
  </si>
  <si>
    <t>2021BU00981302</t>
  </si>
  <si>
    <t>buurten.a31d30c4-797b-49e5-82fa-1e13b325e239</t>
  </si>
  <si>
    <t>BU00981401</t>
  </si>
  <si>
    <t>Nijeholtpade</t>
  </si>
  <si>
    <t>WK009814</t>
  </si>
  <si>
    <t>2021BU00981401</t>
  </si>
  <si>
    <t>buurten.46f00b70-6b04-45bf-ba1f-70a5e217c37c</t>
  </si>
  <si>
    <t>BU00981402</t>
  </si>
  <si>
    <t>Nijeholtpade-Buitengebied</t>
  </si>
  <si>
    <t>2021BU00981402</t>
  </si>
  <si>
    <t>buurten.1e0b6bea-cd94-45cc-8f72-4e514544bb83</t>
  </si>
  <si>
    <t>BU00981501</t>
  </si>
  <si>
    <t>Oldeholtpade</t>
  </si>
  <si>
    <t>WK009815</t>
  </si>
  <si>
    <t>2021BU00981501</t>
  </si>
  <si>
    <t>buurten.5ea7b062-d10a-4186-9d13-6292577edc32</t>
  </si>
  <si>
    <t>BU00981502</t>
  </si>
  <si>
    <t>Oldeholtpade-Buitengebied</t>
  </si>
  <si>
    <t>2021BU00981502</t>
  </si>
  <si>
    <t>buurten.d5ea0c2a-5726-4262-8b7f-ac6c3e43130d</t>
  </si>
  <si>
    <t>BU01060000</t>
  </si>
  <si>
    <t>Brinkkwartier</t>
  </si>
  <si>
    <t>WK010600</t>
  </si>
  <si>
    <t>GM0106</t>
  </si>
  <si>
    <t>Assen</t>
  </si>
  <si>
    <t>2021BU01060000</t>
  </si>
  <si>
    <t>buurten.75493f52-6e3b-4e28-b3f5-47d9d9329f9b</t>
  </si>
  <si>
    <t>BU01060001</t>
  </si>
  <si>
    <t>Erfgoedkwartier</t>
  </si>
  <si>
    <t>2021BU01060001</t>
  </si>
  <si>
    <t>buurten.49fd2f81-9a2f-4a0a-84fd-8ae2b801e389</t>
  </si>
  <si>
    <t>BU01060002</t>
  </si>
  <si>
    <t>Overcingel</t>
  </si>
  <si>
    <t>2021BU01060002</t>
  </si>
  <si>
    <t>buurten.2687c712-afd9-4fec-baf6-7aa5dc32bf56</t>
  </si>
  <si>
    <t>BU01060003</t>
  </si>
  <si>
    <t>2021BU01060003</t>
  </si>
  <si>
    <t>buurten.640fb083-c014-4a8d-9a97-c11029ab9b8e</t>
  </si>
  <si>
    <t>BU01060004</t>
  </si>
  <si>
    <t>Galgenveld</t>
  </si>
  <si>
    <t>2021BU01060004</t>
  </si>
  <si>
    <t>buurten.a829f9dd-0512-426d-af34-2cbea32fd6ae</t>
  </si>
  <si>
    <t>BU01060005</t>
  </si>
  <si>
    <t>Koopmanskwartier</t>
  </si>
  <si>
    <t>2021BU01060005</t>
  </si>
  <si>
    <t>buurten.07e6d979-fad0-4a19-a2f3-897ee2a8229d</t>
  </si>
  <si>
    <t>DC010601</t>
  </si>
  <si>
    <t>Transitievisie Warmte: met energie aan de slag</t>
  </si>
  <si>
    <t>Haalbaar en betaalbaar, stap voor stap: inspelen op koppelkansen en benutten van de tijd, starten met besparen, isoleren en opwekken</t>
  </si>
  <si>
    <t>Gemeente zet met gemeentebrede insteek in op het informeren, motiveren en activeren van bewoners van gemeente Assen. Zorgen voor handelingsperspectief, ook voor de overgangsperiode. Daarnaast speelt de gemeente in op initiatieven die ontstaan in andere w</t>
  </si>
  <si>
    <t>Aardgasvrij in 2050 door de volgende stappen:, 4.000 , 5.500 woningen aardgasvrij in periode tot 2030, 16.000 woningen aardgasvrij in periode 2030-2040, 12.000 woningen aardgasvrij in periode 2040-2050</t>
  </si>
  <si>
    <t>https://www.assen.nl/sites/default/filesransitievisie-Warmte-Assen.pdf---5.4-MB-0.pdf</t>
  </si>
  <si>
    <t>PL0106010001</t>
  </si>
  <si>
    <t>De Lariks</t>
  </si>
  <si>
    <t>Voorwaarden De Lariks:- er een technisch haalbare en betaalbare oplossing voor handen is.- er aangesloten kan worden op bestaande projecten en verbeteren van de openbare ruimte en versterken van de ruimtelijke kwaliteit en sociale cohesie; oftwel koppelk</t>
  </si>
  <si>
    <t>Doelstelling:- 428 woningen aardgasvrij in de Lariks West (proeftuin)- 500 tot 1.500 woningen in de Lariks aardgasvrij voor 2030</t>
  </si>
  <si>
    <t>GeothermieAquathermie</t>
  </si>
  <si>
    <t>geothermie en/of aquathermie</t>
  </si>
  <si>
    <t>aquathermie, geothermie</t>
  </si>
  <si>
    <t>BU01060006</t>
  </si>
  <si>
    <t>Cultuureelkwartier</t>
  </si>
  <si>
    <t>2021BU01060006</t>
  </si>
  <si>
    <t>buurten.5e62bac9-70a0-457c-a452-0a178d0b7c70</t>
  </si>
  <si>
    <t>BU01060007</t>
  </si>
  <si>
    <t>Oude Gasfabriek</t>
  </si>
  <si>
    <t>2021BU01060007</t>
  </si>
  <si>
    <t>buurten.fcd0f594-c3e0-489b-9702-d645cc99d485</t>
  </si>
  <si>
    <t>BU01060008</t>
  </si>
  <si>
    <t>De Hertenkamp</t>
  </si>
  <si>
    <t>2021BU01060008</t>
  </si>
  <si>
    <t>buurten.c3e1c5b9-0e8d-4de0-9ddd-d2b08a2b34dd</t>
  </si>
  <si>
    <t>BU01060009</t>
  </si>
  <si>
    <t>Asserbos</t>
  </si>
  <si>
    <t>2021BU01060009</t>
  </si>
  <si>
    <t>buurten.98afc1f6-c43c-40cd-9a8b-bfcf23a92be3</t>
  </si>
  <si>
    <t>BU01060010</t>
  </si>
  <si>
    <t>De Esch</t>
  </si>
  <si>
    <t>2021BU01060010</t>
  </si>
  <si>
    <t>buurten.d7aa5152-a1f5-426f-8d98-ceedc64c771b</t>
  </si>
  <si>
    <t>BU01060011</t>
  </si>
  <si>
    <t>Bomenbuurt</t>
  </si>
  <si>
    <t>2021BU01060011</t>
  </si>
  <si>
    <t>buurten.d81403ea-d4e6-4c2b-8869-40f92759a425</t>
  </si>
  <si>
    <t>BU01060012</t>
  </si>
  <si>
    <t>Zuiderpark</t>
  </si>
  <si>
    <t>2021BU01060012</t>
  </si>
  <si>
    <t>buurten.e04911fe-f084-40be-80ce-571ee292d5c3</t>
  </si>
  <si>
    <t>BU01060100</t>
  </si>
  <si>
    <t>De Lariks Oost</t>
  </si>
  <si>
    <t>WK010601</t>
  </si>
  <si>
    <t>2021BU01060100</t>
  </si>
  <si>
    <t>buurten.79d05d6b-b8f5-4771-8f1f-8d109ea7cd35</t>
  </si>
  <si>
    <t>BU01060101</t>
  </si>
  <si>
    <t>Landgoed Lariks</t>
  </si>
  <si>
    <t>2021BU01060101</t>
  </si>
  <si>
    <t>buurten.51d4fe11-71ce-4dbf-83c0-26ffc20e5a31</t>
  </si>
  <si>
    <t>BU01060102</t>
  </si>
  <si>
    <t>De Lariks West</t>
  </si>
  <si>
    <t>2021BU01060102</t>
  </si>
  <si>
    <t>buurten.3917a1bb-3225-4708-97d7-9b3d5627a91b</t>
  </si>
  <si>
    <t>BU01060103</t>
  </si>
  <si>
    <t>Luchiesland Zuid</t>
  </si>
  <si>
    <t>2021BU01060103</t>
  </si>
  <si>
    <t>buurten.752d489d-500f-4418-a7c9-cd1589a32572</t>
  </si>
  <si>
    <t>BU01060104</t>
  </si>
  <si>
    <t>Zuid Molukse Buurt</t>
  </si>
  <si>
    <t>2021BU01060104</t>
  </si>
  <si>
    <t>buurten.31ca47e2-dc55-4af0-9fcf-d5fb29a14fa3</t>
  </si>
  <si>
    <t>BU01060105</t>
  </si>
  <si>
    <t>Luchiesland Noord</t>
  </si>
  <si>
    <t>2021BU01060105</t>
  </si>
  <si>
    <t>buurten.ed885114-31c3-44d4-b237-095177ce35b9</t>
  </si>
  <si>
    <t>BU01060200</t>
  </si>
  <si>
    <t>Oude Molenbuurt</t>
  </si>
  <si>
    <t>WK010602</t>
  </si>
  <si>
    <t>2021BU01060200</t>
  </si>
  <si>
    <t>buurten.2da67b08-0812-47ee-ab37-c6ffc8b2dce7</t>
  </si>
  <si>
    <t>BU01060201</t>
  </si>
  <si>
    <t>Dichtershof</t>
  </si>
  <si>
    <t>2021BU01060201</t>
  </si>
  <si>
    <t>buurten.dc0fb717-cb33-4764-8f64-9bee7d3e3647</t>
  </si>
  <si>
    <t>BU01060202</t>
  </si>
  <si>
    <t>Veningerland</t>
  </si>
  <si>
    <t>2021BU01060202</t>
  </si>
  <si>
    <t>buurten.791199b6-ed71-43dd-aba1-b7837fd0a501</t>
  </si>
  <si>
    <t>BU01060203</t>
  </si>
  <si>
    <t>Zwarte Water</t>
  </si>
  <si>
    <t>2021BU01060203</t>
  </si>
  <si>
    <t>buurten.715882c4-6be3-4fa1-9d54-477e36663d8a</t>
  </si>
  <si>
    <t>BU01060204</t>
  </si>
  <si>
    <t>Componistenbuurt West</t>
  </si>
  <si>
    <t>2021BU01060204</t>
  </si>
  <si>
    <t>buurten.df119b22-8d7a-4cfa-bacb-7b975da34d13</t>
  </si>
  <si>
    <t>BU01060205</t>
  </si>
  <si>
    <t>Componistenbuurt Oost</t>
  </si>
  <si>
    <t>2021BU01060205</t>
  </si>
  <si>
    <t>buurten.dc472619-4b88-4c0a-8ad0-0626928d66af</t>
  </si>
  <si>
    <t>BU01060300</t>
  </si>
  <si>
    <t>Dijkveld</t>
  </si>
  <si>
    <t>WK010603</t>
  </si>
  <si>
    <t>2021BU01060300</t>
  </si>
  <si>
    <t>buurten.08fc6ca6-f6ba-479c-9bbf-1052db11bc6e</t>
  </si>
  <si>
    <t>BU01060301</t>
  </si>
  <si>
    <t>Vreebergen</t>
  </si>
  <si>
    <t>2021BU01060301</t>
  </si>
  <si>
    <t>buurten.9ad596dc-a3fd-4bb3-a846-e62eadfd1d2e</t>
  </si>
  <si>
    <t>BU01060302</t>
  </si>
  <si>
    <t>Houtlaan</t>
  </si>
  <si>
    <t>2021BU01060302</t>
  </si>
  <si>
    <t>buurten.e71764ec-fdab-4cfd-873f-0e8f29e38f49</t>
  </si>
  <si>
    <t>BU01060303</t>
  </si>
  <si>
    <t>Amelterhout</t>
  </si>
  <si>
    <t>2021BU01060303</t>
  </si>
  <si>
    <t>buurten.97d8f9ad-587d-40b0-beb5-54239719c195</t>
  </si>
  <si>
    <t>BU01060304</t>
  </si>
  <si>
    <t>2021BU01060304</t>
  </si>
  <si>
    <t>buurten.5c0fbdc8-ec82-4eec-88d0-b9ccb7f68b9b</t>
  </si>
  <si>
    <t>BU01060305</t>
  </si>
  <si>
    <t>Vredeveld Noord</t>
  </si>
  <si>
    <t>2021BU01060305</t>
  </si>
  <si>
    <t>buurten.0d8e9e06-f0e4-425b-a02d-60c934838d59</t>
  </si>
  <si>
    <t>BU01060306</t>
  </si>
  <si>
    <t>Sluisdennen</t>
  </si>
  <si>
    <t>2021BU01060306</t>
  </si>
  <si>
    <t>buurten.a1334aa7-7050-4350-9bd0-513a5ae14cce</t>
  </si>
  <si>
    <t>BU01060307</t>
  </si>
  <si>
    <t>Vredeveld Zuid</t>
  </si>
  <si>
    <t>2021BU01060307</t>
  </si>
  <si>
    <t>buurten.09dda2c2-3344-4ef1-963f-e58c75fb293d</t>
  </si>
  <si>
    <t>BU01060308</t>
  </si>
  <si>
    <t>De Dorpen</t>
  </si>
  <si>
    <t>2021BU01060308</t>
  </si>
  <si>
    <t>buurten.e461bfe7-48dd-4c48-bab3-83be7da448ee</t>
  </si>
  <si>
    <t>BU01060309</t>
  </si>
  <si>
    <t>GGZ-terrein</t>
  </si>
  <si>
    <t>2021BU01060309</t>
  </si>
  <si>
    <t>buurten.07677056-c258-449d-ba2d-b449e8c5b488</t>
  </si>
  <si>
    <t>BU01060310</t>
  </si>
  <si>
    <t>Park Diepstroeten</t>
  </si>
  <si>
    <t>2021BU01060310</t>
  </si>
  <si>
    <t>buurten.b68a3426-b2fe-45e8-828f-82e2d068ccd7</t>
  </si>
  <si>
    <t>BU01060400</t>
  </si>
  <si>
    <t>Pittelo Zuid</t>
  </si>
  <si>
    <t>WK010604</t>
  </si>
  <si>
    <t>2021BU01060400</t>
  </si>
  <si>
    <t>buurten.fe1823df-3295-48fd-9286-301fc3164080</t>
  </si>
  <si>
    <t>PL0106010002</t>
  </si>
  <si>
    <t>Kloosterveen</t>
  </si>
  <si>
    <t>Voorwaarden Kloosterveen:- er een technisch haalbare en betaalbare oplossing voor handen is.- er de komende jaren cv-ketels vervangen gaan worden en er op natuurlijke momenten warmtepompen geplaatst kunnen worden.</t>
  </si>
  <si>
    <t>4.000 woningen aardgasvrij in 2030</t>
  </si>
  <si>
    <t>BU01060401</t>
  </si>
  <si>
    <t>Pittelo Midden</t>
  </si>
  <si>
    <t>2021BU01060401</t>
  </si>
  <si>
    <t>buurten.07e65e3d-a7eb-4f45-90b9-9dd9b159381f</t>
  </si>
  <si>
    <t>BU01060402</t>
  </si>
  <si>
    <t>Pittelo Noord</t>
  </si>
  <si>
    <t>2021BU01060402</t>
  </si>
  <si>
    <t>buurten.72959d24-646a-4111-958d-e1906e65c0c3</t>
  </si>
  <si>
    <t>BU01060403</t>
  </si>
  <si>
    <t>Recreatiepark Pittelo</t>
  </si>
  <si>
    <t>2021BU01060403</t>
  </si>
  <si>
    <t>buurten.530db300-5db2-4fad-a7f9-6184053af721</t>
  </si>
  <si>
    <t>BU01060500</t>
  </si>
  <si>
    <t>De Maten</t>
  </si>
  <si>
    <t>WK010605</t>
  </si>
  <si>
    <t>2021BU01060500</t>
  </si>
  <si>
    <t>buurten.7d3099e4-4339-459c-b0af-ec08644a0511</t>
  </si>
  <si>
    <t>BU01060501</t>
  </si>
  <si>
    <t>De Boskamp</t>
  </si>
  <si>
    <t>2021BU01060501</t>
  </si>
  <si>
    <t>buurten.a039d6f1-7d48-40e5-8c9f-9bdc1d259130</t>
  </si>
  <si>
    <t>BU01060502</t>
  </si>
  <si>
    <t>Baggelhuizen Zuid</t>
  </si>
  <si>
    <t>2021BU01060502</t>
  </si>
  <si>
    <t>buurten.a0b3833f-eca2-4777-b4ef-ba0ef74f27bb</t>
  </si>
  <si>
    <t>BU01060503</t>
  </si>
  <si>
    <t>Baggelhuizen Midden</t>
  </si>
  <si>
    <t>2021BU01060503</t>
  </si>
  <si>
    <t>buurten.c7ca0695-0cb7-4016-a1b2-80f46cd26950</t>
  </si>
  <si>
    <t>BU01060504</t>
  </si>
  <si>
    <t>Baggelhuizen Noord</t>
  </si>
  <si>
    <t>2021BU01060504</t>
  </si>
  <si>
    <t>buurten.055caa79-27a2-4fce-9a4b-a26b17ec1157</t>
  </si>
  <si>
    <t>BU01060505</t>
  </si>
  <si>
    <t>Lauwers</t>
  </si>
  <si>
    <t>2021BU01060505</t>
  </si>
  <si>
    <t>buurten.7ed16d9e-5282-4d57-bf04-34a5d724b8d6</t>
  </si>
  <si>
    <t>BU01060506</t>
  </si>
  <si>
    <t>Huize Nassau</t>
  </si>
  <si>
    <t>2021BU01060506</t>
  </si>
  <si>
    <t>buurten.97458586-b2ac-423c-80dd-d7d95f5587df</t>
  </si>
  <si>
    <t>BU01060507</t>
  </si>
  <si>
    <t>Kazerneterrein</t>
  </si>
  <si>
    <t>2021BU01060507</t>
  </si>
  <si>
    <t>buurten.e5bbf3ef-d2aa-4300-b5db-64a2dc182ec6</t>
  </si>
  <si>
    <t>BU01060508</t>
  </si>
  <si>
    <t>Westerpark</t>
  </si>
  <si>
    <t>2021BU01060508</t>
  </si>
  <si>
    <t>buurten.f1770e39-aa4c-454b-adba-8c09fad1dc5a</t>
  </si>
  <si>
    <t>BU01060509</t>
  </si>
  <si>
    <t>Sportpark Stadsbroek</t>
  </si>
  <si>
    <t>2021BU01060509</t>
  </si>
  <si>
    <t>buurten.f625322e-2bb7-4d63-bd05-4848cfe4c9ac</t>
  </si>
  <si>
    <t>BU01060600</t>
  </si>
  <si>
    <t>De Venen/De Wallen</t>
  </si>
  <si>
    <t>WK010606</t>
  </si>
  <si>
    <t>2021BU01060600</t>
  </si>
  <si>
    <t>buurten.3480d29d-d18b-46d8-a4b4-3d3814e45166</t>
  </si>
  <si>
    <t>BU01060601</t>
  </si>
  <si>
    <t>De Velden/De Stukken</t>
  </si>
  <si>
    <t>2021BU01060601</t>
  </si>
  <si>
    <t>buurten.d408e014-ab90-43b2-adbe-22430a39ef56</t>
  </si>
  <si>
    <t>BU01060602</t>
  </si>
  <si>
    <t>De Landen/De Akkers</t>
  </si>
  <si>
    <t>2021BU01060602</t>
  </si>
  <si>
    <t>buurten.75c7964c-32b6-4caa-9712-2e9c632c87ab</t>
  </si>
  <si>
    <t>BU01060603</t>
  </si>
  <si>
    <t>De Kampen/De Essen</t>
  </si>
  <si>
    <t>2021BU01060603</t>
  </si>
  <si>
    <t>buurten.5bee3627-4645-4727-bc8c-5b2e64cc5704</t>
  </si>
  <si>
    <t>BU01060604</t>
  </si>
  <si>
    <t>Peelerpark</t>
  </si>
  <si>
    <t>2021BU01060604</t>
  </si>
  <si>
    <t>buurten.ee23aabc-cae6-4554-a5b5-ee5d232b39dc</t>
  </si>
  <si>
    <t>BU01060700</t>
  </si>
  <si>
    <t>Messchenveld</t>
  </si>
  <si>
    <t>WK010607</t>
  </si>
  <si>
    <t>2021BU01060700</t>
  </si>
  <si>
    <t>buurten.12f5d0f6-f6b8-434a-b8ba-ff1a89645fe0</t>
  </si>
  <si>
    <t>BU01060701</t>
  </si>
  <si>
    <t>De Messchen</t>
  </si>
  <si>
    <t>2021BU01060701</t>
  </si>
  <si>
    <t>buurten.f480d9f1-dc2f-4270-9b82-0dc2c0f64d3a</t>
  </si>
  <si>
    <t>BU01060702</t>
  </si>
  <si>
    <t>De Hamels</t>
  </si>
  <si>
    <t>2021BU01060702</t>
  </si>
  <si>
    <t>buurten.b7a7844b-8136-4296-8c65-7eb050e32641</t>
  </si>
  <si>
    <t>BU01060703</t>
  </si>
  <si>
    <t>De Kleuven</t>
  </si>
  <si>
    <t>2021BU01060703</t>
  </si>
  <si>
    <t>buurten.5c98ab85-37aa-473b-affa-11dbb0854b0f</t>
  </si>
  <si>
    <t>BU01060704</t>
  </si>
  <si>
    <t>De Dreven</t>
  </si>
  <si>
    <t>2021BU01060704</t>
  </si>
  <si>
    <t>buurten.6f7d1ac5-9fe4-4626-b474-e7df4aa8ba3d</t>
  </si>
  <si>
    <t>BU01060705</t>
  </si>
  <si>
    <t>De Breeën</t>
  </si>
  <si>
    <t>2021BU01060705</t>
  </si>
  <si>
    <t>buurten.9e248dcc-87b5-4780-963f-34d1bc705e1d</t>
  </si>
  <si>
    <t>BU01060706</t>
  </si>
  <si>
    <t>2021BU01060706</t>
  </si>
  <si>
    <t>buurten.f029e651-55e2-4280-9cc8-e24f98c72077</t>
  </si>
  <si>
    <t>BU01060707</t>
  </si>
  <si>
    <t>De Heugten</t>
  </si>
  <si>
    <t>2021BU01060707</t>
  </si>
  <si>
    <t>buurten.c492b57f-c3df-4982-898f-b9c654f6323a</t>
  </si>
  <si>
    <t>BU01060708</t>
  </si>
  <si>
    <t>De Beemden</t>
  </si>
  <si>
    <t>2021BU01060708</t>
  </si>
  <si>
    <t>buurten.c3108052-f479-45db-bfc7-cbc79e6a1f61</t>
  </si>
  <si>
    <t>BU01060709</t>
  </si>
  <si>
    <t>De Hullen</t>
  </si>
  <si>
    <t>2021BU01060709</t>
  </si>
  <si>
    <t>buurten.6cf1a2c9-6a54-46a8-b46f-adaa6c653424</t>
  </si>
  <si>
    <t>BU01060710</t>
  </si>
  <si>
    <t>De Stoepen</t>
  </si>
  <si>
    <t>2021BU01060710</t>
  </si>
  <si>
    <t>buurten.314f35b8-c2ef-47ee-8520-8b764f22022d</t>
  </si>
  <si>
    <t>BU01060711</t>
  </si>
  <si>
    <t>De Goorns</t>
  </si>
  <si>
    <t>2021BU01060711</t>
  </si>
  <si>
    <t>buurten.f368b526-9cfd-4213-86ab-7ef11fbb6689</t>
  </si>
  <si>
    <t>BU01060712</t>
  </si>
  <si>
    <t>Bedrijventerrein Marsdijk West</t>
  </si>
  <si>
    <t>2021BU01060712</t>
  </si>
  <si>
    <t>buurten.f6d79ac7-587f-4795-8231-1465b8046918</t>
  </si>
  <si>
    <t>BU01060713</t>
  </si>
  <si>
    <t>Bedrijventerrein West</t>
  </si>
  <si>
    <t>2021BU01060713</t>
  </si>
  <si>
    <t>buurten.763b4276-4c81-4992-9aac-917b144dc5b2</t>
  </si>
  <si>
    <t>BU01060714</t>
  </si>
  <si>
    <t>Bedrijventerrein Oost</t>
  </si>
  <si>
    <t>2021BU01060714</t>
  </si>
  <si>
    <t>buurten.d975f539-ed03-4dca-84f6-cf72221f7ba5</t>
  </si>
  <si>
    <t>BU01060715</t>
  </si>
  <si>
    <t>Bedrijventerrein Marsdijk Oost</t>
  </si>
  <si>
    <t>2021BU01060715</t>
  </si>
  <si>
    <t>buurten.327dd70f-e013-49c7-9eb2-35d1293070d8</t>
  </si>
  <si>
    <t>BU01060716</t>
  </si>
  <si>
    <t>Havenkanaal Noordzijde</t>
  </si>
  <si>
    <t>2021BU01060716</t>
  </si>
  <si>
    <t>buurten.fa4b7690-fb2a-4e73-bc5b-7772bb99b355</t>
  </si>
  <si>
    <t>BU01060717</t>
  </si>
  <si>
    <t>Havenkanaal Zuidzijde</t>
  </si>
  <si>
    <t>2021BU01060717</t>
  </si>
  <si>
    <t>buurten.66e875c3-a949-4563-975d-f75be6ff98be</t>
  </si>
  <si>
    <t>BU01060800</t>
  </si>
  <si>
    <t>Kloosterveste</t>
  </si>
  <si>
    <t>WK010608</t>
  </si>
  <si>
    <t>2021BU01060800</t>
  </si>
  <si>
    <t>buurten.522951d2-1f9f-4c2b-9647-fee4c1f0631a</t>
  </si>
  <si>
    <t>BU01060801</t>
  </si>
  <si>
    <t>Kloostertuinen</t>
  </si>
  <si>
    <t>2021BU01060801</t>
  </si>
  <si>
    <t>buurten.34ccf56b-dace-4f45-81a6-fe4f4e02de8e</t>
  </si>
  <si>
    <t>BU01060802</t>
  </si>
  <si>
    <t>Kloosterhaven</t>
  </si>
  <si>
    <t>2021BU01060802</t>
  </si>
  <si>
    <t>buurten.7bf657fd-7bb3-4263-84b1-1dcfa7f426de</t>
  </si>
  <si>
    <t>BU01060803</t>
  </si>
  <si>
    <t>Kloosterlanen</t>
  </si>
  <si>
    <t>2021BU01060803</t>
  </si>
  <si>
    <t>buurten.84059bc6-6dbb-4ae4-888c-e7bfc1d203d8</t>
  </si>
  <si>
    <t>BU01060804</t>
  </si>
  <si>
    <t>Kloosterhoven</t>
  </si>
  <si>
    <t>2021BU01060804</t>
  </si>
  <si>
    <t>buurten.94e9436f-6f86-420e-8b4b-63e87da1bf9d</t>
  </si>
  <si>
    <t>BU01060805</t>
  </si>
  <si>
    <t>Kloosterstede</t>
  </si>
  <si>
    <t>2021BU01060805</t>
  </si>
  <si>
    <t>buurten.d7cdff83-526e-4948-8ccb-3b98e0ca6336</t>
  </si>
  <si>
    <t>BU01060806</t>
  </si>
  <si>
    <t>Kloostergaarde</t>
  </si>
  <si>
    <t>2021BU01060806</t>
  </si>
  <si>
    <t>buurten.79d7fa9a-c517-43e9-8378-ff84e0601430</t>
  </si>
  <si>
    <t>BU01060807</t>
  </si>
  <si>
    <t>Kloosterhage</t>
  </si>
  <si>
    <t>2021BU01060807</t>
  </si>
  <si>
    <t>buurten.3fa4e092-4cbc-47e4-aae2-e83d97ec9093</t>
  </si>
  <si>
    <t>BU01060808</t>
  </si>
  <si>
    <t>Kloosterkade</t>
  </si>
  <si>
    <t>2021BU01060808</t>
  </si>
  <si>
    <t>buurten.fcd0fd06-2360-4b37-983e-1ae92280822f</t>
  </si>
  <si>
    <t>BU01060809</t>
  </si>
  <si>
    <t>Sterrenbeeldenbuurt</t>
  </si>
  <si>
    <t>2021BU01060809</t>
  </si>
  <si>
    <t>buurten.bdde990f-0096-4315-8f0e-594ec07c5898</t>
  </si>
  <si>
    <t>BU01060810</t>
  </si>
  <si>
    <t>Planetenbuurt</t>
  </si>
  <si>
    <t>2021BU01060810</t>
  </si>
  <si>
    <t>buurten.fc7ae558-1348-4e1e-8eea-894a7c805c61</t>
  </si>
  <si>
    <t>BU01060811</t>
  </si>
  <si>
    <t>De Zoom</t>
  </si>
  <si>
    <t>2021BU01060811</t>
  </si>
  <si>
    <t>buurten.51f1a30b-830c-4dec-829c-9cb8649c0677</t>
  </si>
  <si>
    <t>BU01060812</t>
  </si>
  <si>
    <t>De Hoogspanning</t>
  </si>
  <si>
    <t>2021BU01060812</t>
  </si>
  <si>
    <t>buurten.e4076fe8-bcb2-4e0d-be14-701030b3f969</t>
  </si>
  <si>
    <t>BU01060813</t>
  </si>
  <si>
    <t>Groene Dijk</t>
  </si>
  <si>
    <t>2021BU01060813</t>
  </si>
  <si>
    <t>buurten.6c450e5d-75b0-4de2-88dc-f504c3cf8801</t>
  </si>
  <si>
    <t>BU01060814</t>
  </si>
  <si>
    <t>Recreatiepark Zeijerveen</t>
  </si>
  <si>
    <t>2021BU01060814</t>
  </si>
  <si>
    <t>buurten.d26d945a-560a-44a7-8825-aed492e6b464</t>
  </si>
  <si>
    <t>BU01060815</t>
  </si>
  <si>
    <t>Kloosterhout</t>
  </si>
  <si>
    <t>2021BU01060815</t>
  </si>
  <si>
    <t>buurten.9b07c7cf-e5a1-4627-a786-25c5e0fe701c</t>
  </si>
  <si>
    <t>BU01060816</t>
  </si>
  <si>
    <t>Kloosterbos</t>
  </si>
  <si>
    <t>2021BU01060816</t>
  </si>
  <si>
    <t>buurten.5bfe123e-5e52-415c-a668-15db6fab7cbf</t>
  </si>
  <si>
    <t>concept. actie waar mogelijk</t>
  </si>
  <si>
    <t>BU01060817</t>
  </si>
  <si>
    <t>Uitbreidingsgebied Kloosterveen</t>
  </si>
  <si>
    <t>2021BU01060817</t>
  </si>
  <si>
    <t>buurten.c8388ed4-f7db-4a58-8296-1c2143643311</t>
  </si>
  <si>
    <t>De route naar comfortabel en duurzaam wonen in midden-drenthe</t>
  </si>
  <si>
    <t>BU01069900</t>
  </si>
  <si>
    <t>Loon</t>
  </si>
  <si>
    <t>WK010699</t>
  </si>
  <si>
    <t>2021BU01069900</t>
  </si>
  <si>
    <t>buurten.4971631a-c146-4fde-9b33-6dcfbd6008a5</t>
  </si>
  <si>
    <t>BU01069901</t>
  </si>
  <si>
    <t>Verspreide huizen Loon</t>
  </si>
  <si>
    <t>2021BU01069901</t>
  </si>
  <si>
    <t>buurten.33cfa187-2d47-4262-9a1a-7498cfe86111</t>
  </si>
  <si>
    <t>BU01069902</t>
  </si>
  <si>
    <t>Het grote Veld</t>
  </si>
  <si>
    <t>2021BU01069902</t>
  </si>
  <si>
    <t>buurten.02dd8963-3711-4b76-830c-f7ebbafb44b7</t>
  </si>
  <si>
    <t>BU01069903</t>
  </si>
  <si>
    <t>Verspreide huizen Ubbena Oost</t>
  </si>
  <si>
    <t>2021BU01069903</t>
  </si>
  <si>
    <t>buurten.0d7f70a8-3582-466e-8601-9e2b81e1f90f</t>
  </si>
  <si>
    <t>BU01069904</t>
  </si>
  <si>
    <t>Ubbena</t>
  </si>
  <si>
    <t>2021BU01069904</t>
  </si>
  <si>
    <t>buurten.d50f1df1-4008-40f6-bd57-bff0cc8f19a9</t>
  </si>
  <si>
    <t>BU01069905</t>
  </si>
  <si>
    <t>Verspreide huizen Ubbena West</t>
  </si>
  <si>
    <t>2021BU01069905</t>
  </si>
  <si>
    <t>buurten.5c6e1414-0c67-41d3-b3d8-53bb6325dcc9</t>
  </si>
  <si>
    <t>BU01069906</t>
  </si>
  <si>
    <t>Rhee</t>
  </si>
  <si>
    <t>2021BU01069906</t>
  </si>
  <si>
    <t>buurten.a42f34e6-d131-4c51-88b3-fe648d8a016a</t>
  </si>
  <si>
    <t>BU01069907</t>
  </si>
  <si>
    <t>Verspreide huizen Ter Aard</t>
  </si>
  <si>
    <t>2021BU01069907</t>
  </si>
  <si>
    <t>buurten.2bae28a1-a8cf-433e-8311-ae62e172ad6b</t>
  </si>
  <si>
    <t>BU01069908</t>
  </si>
  <si>
    <t>Ter Aard</t>
  </si>
  <si>
    <t>2021BU01069908</t>
  </si>
  <si>
    <t>buurten.5a16e40a-7866-40ec-b447-d4c04ffe8fd1</t>
  </si>
  <si>
    <t>BU01069909</t>
  </si>
  <si>
    <t>Zeijerveld</t>
  </si>
  <si>
    <t>2021BU01069909</t>
  </si>
  <si>
    <t>buurten.c916884f-00a6-4e39-af40-16d4731842c7</t>
  </si>
  <si>
    <t>BU01069910</t>
  </si>
  <si>
    <t>Bos en Golf</t>
  </si>
  <si>
    <t>2021BU01069910</t>
  </si>
  <si>
    <t>buurten.323543e3-efeb-4df8-bdef-253a3dfded07</t>
  </si>
  <si>
    <t>BU01069911</t>
  </si>
  <si>
    <t>Verspreide huizen Witten</t>
  </si>
  <si>
    <t>2021BU01069911</t>
  </si>
  <si>
    <t>buurten.e8467ab3-c4f9-40ce-8cca-3d08b793d822</t>
  </si>
  <si>
    <t>Smilde</t>
  </si>
  <si>
    <t>BU01069912</t>
  </si>
  <si>
    <t>Witten</t>
  </si>
  <si>
    <t>2021BU01069912</t>
  </si>
  <si>
    <t>buurten.57915c0d-9c6a-49b3-934e-d948635b32f5</t>
  </si>
  <si>
    <t>BU01069913</t>
  </si>
  <si>
    <t>Graswijkbuurt</t>
  </si>
  <si>
    <t>2021BU01069913</t>
  </si>
  <si>
    <t>buurten.dd73138d-ede9-4da1-b9db-dde17c43f8c6</t>
  </si>
  <si>
    <t>PL1731010001</t>
  </si>
  <si>
    <t>technische mogelijkheden</t>
  </si>
  <si>
    <t>BU01069914</t>
  </si>
  <si>
    <t>Verspreide huizen Anreep</t>
  </si>
  <si>
    <t>2021BU01069914</t>
  </si>
  <si>
    <t>buurten.c12374c3-2ba2-4736-a153-83200fe48d70</t>
  </si>
  <si>
    <t>BU01069915</t>
  </si>
  <si>
    <t>Anreep/Schieven</t>
  </si>
  <si>
    <t>2021BU01069915</t>
  </si>
  <si>
    <t>buurten.f4226791-2d93-4312-ad26-eb773089ba27</t>
  </si>
  <si>
    <t>BU01069916</t>
  </si>
  <si>
    <t>Verspreide huizen Schieven</t>
  </si>
  <si>
    <t>2021BU01069916</t>
  </si>
  <si>
    <t>buurten.45c7d327-1049-43e0-b1ff-4e23592d2fee</t>
  </si>
  <si>
    <t>PL1680010006</t>
  </si>
  <si>
    <t>groen gas (TEO De Oostermoerse Vaart/ Hunze) icm mogelijke restwarmte Royal Avebe</t>
  </si>
  <si>
    <t>BU01069917</t>
  </si>
  <si>
    <t>Natuurgebied Amelte</t>
  </si>
  <si>
    <t>2021BU01069917</t>
  </si>
  <si>
    <t>buurten.49d20778-1182-4ac6-8e14-1978d2e7d389</t>
  </si>
  <si>
    <t>BU01091000</t>
  </si>
  <si>
    <t>Coevorden-Centrum</t>
  </si>
  <si>
    <t>WK010910</t>
  </si>
  <si>
    <t>GM0109</t>
  </si>
  <si>
    <t>Coevorden</t>
  </si>
  <si>
    <t>2021BU01091000</t>
  </si>
  <si>
    <t>buurten.059d8ed5-aac0-4957-9562-782273349091</t>
  </si>
  <si>
    <t>DC010901</t>
  </si>
  <si>
    <t>Samen aan de slag voor een aardgasvrij Coevorden</t>
  </si>
  <si>
    <t>Iedereen begrijpt waar de warmtetransitie over gaat en wat we moeten doen om onze doelen te halen.</t>
  </si>
  <si>
    <t>15.000 woningen en 3.300 gebouwen aardgasvrij in 2050</t>
  </si>
  <si>
    <t>https://raadcoevorden.bestuurlijkeinformatie.nl/Agenda/Document/6b1a1edf-173e-4334-bc42-36060bdab91c?documentId=4d86367f-75df-4671-9a57-d1d78afdadcd&amp;agendaItemId=4149208c-a12a-499e-ae36-d273ee25cdb7</t>
  </si>
  <si>
    <t>PL0109010001</t>
  </si>
  <si>
    <t>Starten met isoleren</t>
  </si>
  <si>
    <t>Voorwaarden:- Gebruik maken van natuurlijke momenten (bijv. bij verbouwing van de woning)- Al bestaande/aangebrachte isolatiemaatregelen meenemen bij aanvullende maatregelen- Bewustwording onder inwoners vergroten middels aangaan van gesprekken</t>
  </si>
  <si>
    <t>Verminderen van de warmtevraag als eerste stap in de route naar een aardgasvrij Coevorden</t>
  </si>
  <si>
    <t>BU01091001</t>
  </si>
  <si>
    <t>Lootuinen</t>
  </si>
  <si>
    <t>2021BU01091001</t>
  </si>
  <si>
    <t>buurten.0b8697f2-e9e0-4b65-bbe6-487f0ac044be</t>
  </si>
  <si>
    <t>BU01091002</t>
  </si>
  <si>
    <t>Poppenhare</t>
  </si>
  <si>
    <t>2021BU01091002</t>
  </si>
  <si>
    <t>buurten.46b799fc-40aa-4567-9ce6-456422dd6ed5</t>
  </si>
  <si>
    <t>BU01091003</t>
  </si>
  <si>
    <t>Binnenvree Buitenvree Pikveld</t>
  </si>
  <si>
    <t>2021BU01091003</t>
  </si>
  <si>
    <t>buurten.3afe7442-6b06-45b4-96e3-51e5f1dab617</t>
  </si>
  <si>
    <t>BU01091004</t>
  </si>
  <si>
    <t>De Heege</t>
  </si>
  <si>
    <t>2021BU01091004</t>
  </si>
  <si>
    <t>buurten.5399c095-96fb-4e5e-b9c7-00b41ef01c05</t>
  </si>
  <si>
    <t>BU01091006</t>
  </si>
  <si>
    <t>Klooster</t>
  </si>
  <si>
    <t>2021BU01091006</t>
  </si>
  <si>
    <t>buurten.2337a456-b021-4f53-bcf3-f0b25037abb1</t>
  </si>
  <si>
    <t>GM0160</t>
  </si>
  <si>
    <t>Hardenberg</t>
  </si>
  <si>
    <t>DC016001</t>
  </si>
  <si>
    <t>Transitievisie Warmte gemeente Hardenberg</t>
  </si>
  <si>
    <t>Betaalbaarheid, uitvoerbaarheid, toekomstbestendigheid</t>
  </si>
  <si>
    <t>Samen bouwen met inwoners, ondernemers en partners aan een duurzame gemeente</t>
  </si>
  <si>
    <t>Doelen:, In de periode 2020-2024 besparen we jaarlijks minimaal 2% energie (daarbij gaan we het van het totaleenergieverbruik in de gemeente, exclusief verkeer), We wekken in 2030 tenminste 30% van ons energieverbruik binnen de gemeentegrenzen duurzaam o</t>
  </si>
  <si>
    <t>https://www.hardenberg.nl/fileadmin/documenten/Gemeente/Duurzaam_Hardenbergransitievisie_warmte_gemeente_Hardenberg_UA.pdf</t>
  </si>
  <si>
    <t>PL0160010003</t>
  </si>
  <si>
    <t>Hink (informeren en stimuleren)</t>
  </si>
  <si>
    <t>Ambitie uit Meerjarenprogramma Duurzaam Hardenberg 2020-2024 hoog houden. Rekening houden met doorlooptijden bij aanpassingen aan infrastructuur en rekening houden met capaciteitsproblemen op het elektranet</t>
  </si>
  <si>
    <t>Alle woningen hebben een duurzame warmtevoorziening en zijn van het aardgas af in 2050</t>
  </si>
  <si>
    <t>(Hybride) Warmtepompen en Zonnepanelen</t>
  </si>
  <si>
    <t>BU01091007</t>
  </si>
  <si>
    <t>Ballast</t>
  </si>
  <si>
    <t>2021BU01091007</t>
  </si>
  <si>
    <t>buurten.0b938009-3da8-4394-999d-206e358ef338</t>
  </si>
  <si>
    <t>PL0109010002</t>
  </si>
  <si>
    <t>Gebruik maken van de energie van de bewoners (geinteresseerde bewoners en energiecooperaties)</t>
  </si>
  <si>
    <t>BU01091008</t>
  </si>
  <si>
    <t>De Loo</t>
  </si>
  <si>
    <t>2021BU01091008</t>
  </si>
  <si>
    <t>buurten.adfeb6a0-e788-43a8-a23a-8f3c950051d6</t>
  </si>
  <si>
    <t>BU01091009</t>
  </si>
  <si>
    <t>Verspreide huizen Coevorden</t>
  </si>
  <si>
    <t>2021BU01091009</t>
  </si>
  <si>
    <t>buurten.c98d4503-bacd-4012-954c-81e3ddfc9f8a</t>
  </si>
  <si>
    <t>BU01091010</t>
  </si>
  <si>
    <t>Holwert</t>
  </si>
  <si>
    <t>2021BU01091010</t>
  </si>
  <si>
    <t>buurten.348f8028-7b4b-4ac4-950c-19dfe07ab405</t>
  </si>
  <si>
    <t>BU01091011</t>
  </si>
  <si>
    <t>Hare</t>
  </si>
  <si>
    <t>2021BU01091011</t>
  </si>
  <si>
    <t>buurten.91e795e4-075e-41ce-8990-8b4df335ba28</t>
  </si>
  <si>
    <t>BU01091012</t>
  </si>
  <si>
    <t>Leeuwerikenveld</t>
  </si>
  <si>
    <t>2021BU01091012</t>
  </si>
  <si>
    <t>buurten.9c0779be-4d02-4707-a286-e77d9536f245</t>
  </si>
  <si>
    <t>BU01091013</t>
  </si>
  <si>
    <t>De Heege en De Mars</t>
  </si>
  <si>
    <t>2021BU01091013</t>
  </si>
  <si>
    <t>buurten.a18f3857-12ba-4edc-8f52-d49d4d5a4028</t>
  </si>
  <si>
    <t>BU01091014</t>
  </si>
  <si>
    <t>Klinkenvlier</t>
  </si>
  <si>
    <t>2021BU01091014</t>
  </si>
  <si>
    <t>buurten.57c551ad-ca65-4af4-b8c1-f12320503da2</t>
  </si>
  <si>
    <t>BU01091015</t>
  </si>
  <si>
    <t>Ossehaar</t>
  </si>
  <si>
    <t>2021BU01091015</t>
  </si>
  <si>
    <t>buurten.4e53776f-2f9c-4b23-9dae-753ecaf37873</t>
  </si>
  <si>
    <t>BU01091116</t>
  </si>
  <si>
    <t>Steenwijksmoer</t>
  </si>
  <si>
    <t>WK010911</t>
  </si>
  <si>
    <t>2021BU01091116</t>
  </si>
  <si>
    <t>buurten.d1950528-57d9-4b44-9c08-335160bb7b9b</t>
  </si>
  <si>
    <t>BU01091117</t>
  </si>
  <si>
    <t>Verspreide huizen Steenwijksmoer</t>
  </si>
  <si>
    <t>2021BU01091117</t>
  </si>
  <si>
    <t>buurten.a7e93348-f673-4798-b8e4-a3e630d7cf42</t>
  </si>
  <si>
    <t>BU01091218</t>
  </si>
  <si>
    <t>Nieuwe Krim</t>
  </si>
  <si>
    <t>WK010912</t>
  </si>
  <si>
    <t>2021BU01091218</t>
  </si>
  <si>
    <t>buurten.2123f4d8-de78-4978-8541-3f1e559cc1a5</t>
  </si>
  <si>
    <t>BU01091219</t>
  </si>
  <si>
    <t>Verspreide huizen Nieuwe Krim</t>
  </si>
  <si>
    <t>2021BU01091219</t>
  </si>
  <si>
    <t>buurten.d26f238f-d8ef-4ddf-a81c-0ad2144cac4b</t>
  </si>
  <si>
    <t>Hoogeveen</t>
  </si>
  <si>
    <t>Transitievisie warmte Hoogeveen</t>
  </si>
  <si>
    <t>draagvlak, haalbaarheid, betaalbaarheid en uitvoerbaarheid</t>
  </si>
  <si>
    <t>samenwerking, comunicatie en participatie met bewoners</t>
  </si>
  <si>
    <t>voor 2030: 4800 slecht geisoleerde wonigen worden geisoleerd en gaan over op hybride warmtepompen</t>
  </si>
  <si>
    <t>https://hoogeveen.raadsinformatie.nl/vergadering/863676#ai_6369283</t>
  </si>
  <si>
    <t>Buitengebied en lintbebouwing</t>
  </si>
  <si>
    <t>warmtevraag per woning sterk terugbrengen</t>
  </si>
  <si>
    <t>individuele warmtetechnieken</t>
  </si>
  <si>
    <t>BU01091320</t>
  </si>
  <si>
    <t>Verspreide huizen Weijerswold</t>
  </si>
  <si>
    <t>WK010913</t>
  </si>
  <si>
    <t>2021BU01091320</t>
  </si>
  <si>
    <t>buurten.c9e4c5c6-8e56-4f2c-a759-eefda84d4d19</t>
  </si>
  <si>
    <t>BU01091421</t>
  </si>
  <si>
    <t>Verspreide huizen Vlieghuis en Padhuis</t>
  </si>
  <si>
    <t>WK010914</t>
  </si>
  <si>
    <t>2021BU01091421</t>
  </si>
  <si>
    <t>buurten.0107441c-0ff1-4993-a742-e3ab6fa0df75</t>
  </si>
  <si>
    <t>GM0114</t>
  </si>
  <si>
    <t>Emmen</t>
  </si>
  <si>
    <t>DC011401</t>
  </si>
  <si>
    <t>Samen aan de slagvoor een aardgasvrijegemeente Emmen</t>
  </si>
  <si>
    <t>Uitgangspunt 1: we starten daar waar energie zitof waar corporaties aan de slag gaan; we oefenengeen dwang uit.Uitgangspunt 2: we hebben oog voorhaalbaarheid en betaalbaarheidUitgangspunt 3: we onderzoeken demogelijkheden voor collectieve technischeoplos</t>
  </si>
  <si>
    <t>Deze Transitievisie Warmte beschouw ik als een startpunt van de zoektocht naar alternatieve warmtevoorzieningen die we in de toekomst willen en kunnen gaan benutten. In de visie beschrijven we een aantal uitgangspunten. Deze geven richting bij het opstel</t>
  </si>
  <si>
    <t>Voor alle bestaande gebouwen (bijna 50.000 woningen en 7.500 andere gebouwen) in Emmen moeten weuiterlijk in 2050 een alternatief voor aardgas vinden.voor 2030 zetten we al de eerste stappen.</t>
  </si>
  <si>
    <t>https://emmen.bestuurlijkeinformatie.nl/Agenda/Document/4d6928eb-d94d-49de-b5ff-d414c93a908d?documentId=35c07abf-8284-4e2b-ae35-cf840768b537&amp;agendaItemId=0879a81d-e37a-4cee-8aca-b0ffe82e2d88</t>
  </si>
  <si>
    <t>PL0114010010</t>
  </si>
  <si>
    <t>onderzoekend,voorbereidend</t>
  </si>
  <si>
    <t>onderzoek HT-warmtenet op basis van geothermie</t>
  </si>
  <si>
    <t>BU01092022</t>
  </si>
  <si>
    <t>Dalen</t>
  </si>
  <si>
    <t>WK010920</t>
  </si>
  <si>
    <t>2021BU01092022</t>
  </si>
  <si>
    <t>buurten.ff4ff3a4-43c9-4a2e-977a-93daedc299b8</t>
  </si>
  <si>
    <t>PL0109010003</t>
  </si>
  <si>
    <t>Nadenken over de route naar een aardgasvrij dorp</t>
  </si>
  <si>
    <t>Bodemwarmte</t>
  </si>
  <si>
    <t>BU01092023</t>
  </si>
  <si>
    <t>Verspreide huizen Dalen</t>
  </si>
  <si>
    <t>2021BU01092023</t>
  </si>
  <si>
    <t>buurten.f09e4c0a-9921-4a4d-9729-ed6a19e0f59a</t>
  </si>
  <si>
    <t>BU01092024</t>
  </si>
  <si>
    <t>Wachtum</t>
  </si>
  <si>
    <t>2021BU01092024</t>
  </si>
  <si>
    <t>buurten.683b1cc5-ec3f-4618-87ad-a8f28cee3e0c</t>
  </si>
  <si>
    <t>BU01092025</t>
  </si>
  <si>
    <t>Verspreide huizen Wachtum</t>
  </si>
  <si>
    <t>2021BU01092025</t>
  </si>
  <si>
    <t>buurten.5168268f-e86d-43ec-8a4d-893fdfb7c1d2</t>
  </si>
  <si>
    <t>BU01092026</t>
  </si>
  <si>
    <t>Dalerpeel</t>
  </si>
  <si>
    <t>2021BU01092026</t>
  </si>
  <si>
    <t>buurten.bac24323-7ee1-49c1-b8e4-af6f520556b4</t>
  </si>
  <si>
    <t>GM0118</t>
  </si>
  <si>
    <t>DC011801</t>
  </si>
  <si>
    <t>PL0118010006</t>
  </si>
  <si>
    <t>BU01092027</t>
  </si>
  <si>
    <t>Verspreide huizen Dalerpeel</t>
  </si>
  <si>
    <t>2021BU01092027</t>
  </si>
  <si>
    <t>buurten.1c68455d-4b82-4dfd-b731-511b9b9d90a9</t>
  </si>
  <si>
    <t>BU01092028</t>
  </si>
  <si>
    <t>Dalerveen</t>
  </si>
  <si>
    <t>2021BU01092028</t>
  </si>
  <si>
    <t>buurten.61731846-b440-45f1-a075-0125888986e2</t>
  </si>
  <si>
    <t>BU01092029</t>
  </si>
  <si>
    <t>Verspreide huizen Dalerveen</t>
  </si>
  <si>
    <t>2021BU01092029</t>
  </si>
  <si>
    <t>buurten.574a32fc-318d-49ef-8273-077b0badc3d0</t>
  </si>
  <si>
    <t>BU01092030</t>
  </si>
  <si>
    <t>Stieltjeskanaal</t>
  </si>
  <si>
    <t>2021BU01092030</t>
  </si>
  <si>
    <t>buurten.6fe234c1-49de-42ab-955b-b2679640d0f1</t>
  </si>
  <si>
    <t>BU01092031</t>
  </si>
  <si>
    <t>Verspreide huizen Stieltjeskanaal</t>
  </si>
  <si>
    <t>2021BU01092031</t>
  </si>
  <si>
    <t>buurten.2c72e358-b36d-41b2-9a34-d6a41e381ca6</t>
  </si>
  <si>
    <t>BU01093032</t>
  </si>
  <si>
    <t>Oosterhesselen</t>
  </si>
  <si>
    <t>WK010930</t>
  </si>
  <si>
    <t>2021BU01093032</t>
  </si>
  <si>
    <t>buurten.73fcfeb3-8eb4-4e9a-9d3c-16584ba4c4a4</t>
  </si>
  <si>
    <t>BU01093033</t>
  </si>
  <si>
    <t>Verspreide huizen Oosterhesselen</t>
  </si>
  <si>
    <t>2021BU01093033</t>
  </si>
  <si>
    <t>buurten.454b6fdb-1edd-4aab-8dd7-b315fffce3bf</t>
  </si>
  <si>
    <t>PL0109010004</t>
  </si>
  <si>
    <t>Gees</t>
  </si>
  <si>
    <t>Verkennen van technische, financiele en maatschappelijke mogelijkhedenGebruik maken van de energie van de bewoners (geinteresseerde bewoners en energiecooperaties)</t>
  </si>
  <si>
    <t>BU01093034</t>
  </si>
  <si>
    <t>2021BU01093034</t>
  </si>
  <si>
    <t>buurten.aab1a2e6-21b4-422f-b15c-a7c6ba092d7d</t>
  </si>
  <si>
    <t>BU01093035</t>
  </si>
  <si>
    <t>Verspreide huizen Gees</t>
  </si>
  <si>
    <t>2021BU01093035</t>
  </si>
  <si>
    <t>buurten.39b74992-ba01-44da-a769-8cbe0b3281d1</t>
  </si>
  <si>
    <t>BU01093036</t>
  </si>
  <si>
    <t>Zwinderen</t>
  </si>
  <si>
    <t>2021BU01093036</t>
  </si>
  <si>
    <t>buurten.e5683ae1-6cfc-4287-a77e-2a6b38cc092b</t>
  </si>
  <si>
    <t>BU01093037</t>
  </si>
  <si>
    <t>Verspreide huizen Zwinderen</t>
  </si>
  <si>
    <t>2021BU01093037</t>
  </si>
  <si>
    <t>buurten.b4a00040-227d-4fdd-b61e-ffac5cad691e</t>
  </si>
  <si>
    <t>BU01093038</t>
  </si>
  <si>
    <t>Geesbrug</t>
  </si>
  <si>
    <t>2021BU01093038</t>
  </si>
  <si>
    <t>buurten.60def22a-ed79-4241-aa6f-297bbe6e767a</t>
  </si>
  <si>
    <t>BU01093039</t>
  </si>
  <si>
    <t>Verspreide huizen Geesbrug</t>
  </si>
  <si>
    <t>2021BU01093039</t>
  </si>
  <si>
    <t>buurten.a0bb7767-8154-485e-8433-87d1d5517ac1</t>
  </si>
  <si>
    <t>Veendorpen</t>
  </si>
  <si>
    <t>BU01093068</t>
  </si>
  <si>
    <t>Verspreide huizen Nieuwlande</t>
  </si>
  <si>
    <t>2021BU01093068</t>
  </si>
  <si>
    <t>buurten.866ac5b8-0cc9-49e1-bc1a-5ba0004f9ce8</t>
  </si>
  <si>
    <t>BU01094040</t>
  </si>
  <si>
    <t>Sleen</t>
  </si>
  <si>
    <t>WK010940</t>
  </si>
  <si>
    <t>2021BU01094040</t>
  </si>
  <si>
    <t>buurten.f9847175-bf32-431b-897b-fd3137502a8c</t>
  </si>
  <si>
    <t>BU01094041</t>
  </si>
  <si>
    <t>Diphoorn</t>
  </si>
  <si>
    <t>2021BU01094041</t>
  </si>
  <si>
    <t>buurten.3fcb954b-2f4b-4bde-a8a0-04e2e3e32c39</t>
  </si>
  <si>
    <t>BU01094042</t>
  </si>
  <si>
    <t>Verspreide huizen Sleen</t>
  </si>
  <si>
    <t>2021BU01094042</t>
  </si>
  <si>
    <t>buurten.50c18e0a-0093-4500-854e-87f24d9b86ae</t>
  </si>
  <si>
    <t>BU01094043</t>
  </si>
  <si>
    <t>Noord-Sleen</t>
  </si>
  <si>
    <t>2021BU01094043</t>
  </si>
  <si>
    <t>buurten.672247cf-5b66-4a71-9756-d01d75259c46</t>
  </si>
  <si>
    <t>BU01094044</t>
  </si>
  <si>
    <t>'t Haantje</t>
  </si>
  <si>
    <t>2021BU01094044</t>
  </si>
  <si>
    <t>buurten.f7b86182-ed2c-45bc-b902-7e37248287d0</t>
  </si>
  <si>
    <t>BU01094045</t>
  </si>
  <si>
    <t>Verspreide huizen 't Haantje</t>
  </si>
  <si>
    <t>2021BU01094045</t>
  </si>
  <si>
    <t>buurten.51ffdd8d-cfad-4c34-893b-4419d1390292</t>
  </si>
  <si>
    <t>BU01094046</t>
  </si>
  <si>
    <t>Verspreide huizen Noord-Sleen</t>
  </si>
  <si>
    <t>2021BU01094046</t>
  </si>
  <si>
    <t>buurten.ae98e387-c02b-4a43-bb4f-16a819b96a37</t>
  </si>
  <si>
    <t>BU01094047</t>
  </si>
  <si>
    <t>Schoonoord</t>
  </si>
  <si>
    <t>2021BU01094047</t>
  </si>
  <si>
    <t>buurten.f2d47e26-af24-43b4-b2ca-3a7fe9a46cdf</t>
  </si>
  <si>
    <t>BU01094048</t>
  </si>
  <si>
    <t>De Kiel</t>
  </si>
  <si>
    <t>2021BU01094048</t>
  </si>
  <si>
    <t>buurten.1048fabe-0143-4b4d-989f-f3a9f45a37bc</t>
  </si>
  <si>
    <t>BU01094049</t>
  </si>
  <si>
    <t>Verspreide huizen De Kiel</t>
  </si>
  <si>
    <t>2021BU01094049</t>
  </si>
  <si>
    <t>buurten.0559bf58-8a10-4b70-ad9d-872440e787f7</t>
  </si>
  <si>
    <t>BU01094050</t>
  </si>
  <si>
    <t>Verspreide huizen Kibbelveen</t>
  </si>
  <si>
    <t>2021BU01094050</t>
  </si>
  <si>
    <t>buurten.3efe247d-cbac-4554-954e-0f572808e798</t>
  </si>
  <si>
    <t>BU01094051</t>
  </si>
  <si>
    <t>Verspreide huizen Schoonoord</t>
  </si>
  <si>
    <t>2021BU01094051</t>
  </si>
  <si>
    <t>buurten.4f9c15ea-7322-4040-8385-8a2355295336</t>
  </si>
  <si>
    <t>BU01094052</t>
  </si>
  <si>
    <t>Verspreide huizen Veenoord</t>
  </si>
  <si>
    <t>2021BU01094052</t>
  </si>
  <si>
    <t>buurten.0c0927bf-adb4-4909-9952-7888247578ee</t>
  </si>
  <si>
    <t>BU01094053</t>
  </si>
  <si>
    <t>Erm</t>
  </si>
  <si>
    <t>2021BU01094053</t>
  </si>
  <si>
    <t>buurten.7c47c963-4f58-4b26-94ad-8c1916f5f752</t>
  </si>
  <si>
    <t>BU01094054</t>
  </si>
  <si>
    <t>Achterste Erm</t>
  </si>
  <si>
    <t>2021BU01094054</t>
  </si>
  <si>
    <t>buurten.61f29ca4-0e26-4136-901b-57f6b111f03b</t>
  </si>
  <si>
    <t>BU01094055</t>
  </si>
  <si>
    <t>Holsloot</t>
  </si>
  <si>
    <t>2021BU01094055</t>
  </si>
  <si>
    <t>buurten.e874ecc1-18f2-4e40-b134-052ed6b5734a</t>
  </si>
  <si>
    <t>BU01094056</t>
  </si>
  <si>
    <t>Verspreide huizen Holsloot</t>
  </si>
  <si>
    <t>2021BU01094056</t>
  </si>
  <si>
    <t>buurten.4ed5f218-d201-483b-8833-8de59420b804</t>
  </si>
  <si>
    <t>BU01094057</t>
  </si>
  <si>
    <t>Verspreide huizen Erm</t>
  </si>
  <si>
    <t>2021BU01094057</t>
  </si>
  <si>
    <t>buurten.3153e6b1-b401-4bd0-abbc-b671e51790db</t>
  </si>
  <si>
    <t>BU01095058</t>
  </si>
  <si>
    <t>Zweeloo</t>
  </si>
  <si>
    <t>WK010950</t>
  </si>
  <si>
    <t>2021BU01095058</t>
  </si>
  <si>
    <t>buurten.aa095074-d465-43d6-a2c4-0cccf92aeb67</t>
  </si>
  <si>
    <t>BU01095059</t>
  </si>
  <si>
    <t>Aalden</t>
  </si>
  <si>
    <t>2021BU01095059</t>
  </si>
  <si>
    <t>buurten.747eb2cb-342f-4fa3-9ded-58483627957c</t>
  </si>
  <si>
    <t>BU01095060</t>
  </si>
  <si>
    <t>Verspreide huizen Zweeloo</t>
  </si>
  <si>
    <t>2021BU01095060</t>
  </si>
  <si>
    <t>buurten.8687f499-d15e-485e-8874-98fe57c021e9</t>
  </si>
  <si>
    <t>BU01095061</t>
  </si>
  <si>
    <t>Meppen</t>
  </si>
  <si>
    <t>2021BU01095061</t>
  </si>
  <si>
    <t>buurten.9077efac-f6dd-4cf2-897f-40e3cd001470</t>
  </si>
  <si>
    <t>BU01095062</t>
  </si>
  <si>
    <t>Verspreide huizen Meppen</t>
  </si>
  <si>
    <t>2021BU01095062</t>
  </si>
  <si>
    <t>buurten.adb90cc9-0872-4ad7-84c9-1296bb962b37</t>
  </si>
  <si>
    <t>BU01095063</t>
  </si>
  <si>
    <t>Wezup</t>
  </si>
  <si>
    <t>2021BU01095063</t>
  </si>
  <si>
    <t>buurten.8eae6d36-87bf-4bc3-8f22-92ee682bc287</t>
  </si>
  <si>
    <t>BU01095064</t>
  </si>
  <si>
    <t>Wezuperbrug</t>
  </si>
  <si>
    <t>2021BU01095064</t>
  </si>
  <si>
    <t>buurten.ddd626d3-92b0-4c7a-b60e-62d54dd7b52d</t>
  </si>
  <si>
    <t>BU01095065</t>
  </si>
  <si>
    <t>Benneveld</t>
  </si>
  <si>
    <t>2021BU01095065</t>
  </si>
  <si>
    <t>buurten.7fc533b1-a677-40a5-b7a0-2c9470b24c1c</t>
  </si>
  <si>
    <t>BU01095066</t>
  </si>
  <si>
    <t>Verspreide huizen Benneveld</t>
  </si>
  <si>
    <t>2021BU01095066</t>
  </si>
  <si>
    <t>buurten.e1e5d8b7-b66d-4c5b-bdb5-28c62de94509</t>
  </si>
  <si>
    <t>BU01095067</t>
  </si>
  <si>
    <t>Verspreide huizen Wezuperbrug</t>
  </si>
  <si>
    <t>2021BU01095067</t>
  </si>
  <si>
    <t>buurten.a70a891b-3e28-4bd3-a5c6-57ca264df434</t>
  </si>
  <si>
    <t>BU01140100</t>
  </si>
  <si>
    <t>Derde Kruisdiep</t>
  </si>
  <si>
    <t>WK011401</t>
  </si>
  <si>
    <t>2021BU01140100</t>
  </si>
  <si>
    <t>buurten.009e2eef-bfff-44b4-949d-5cb893fc9b48</t>
  </si>
  <si>
    <t>PL0114010008</t>
  </si>
  <si>
    <t>Glastuinbouw</t>
  </si>
  <si>
    <t>mix: all electric/hybride (groen gas)</t>
  </si>
  <si>
    <t>BU01140101</t>
  </si>
  <si>
    <t>Eerste Kruisdiep</t>
  </si>
  <si>
    <t>2021BU01140101</t>
  </si>
  <si>
    <t>buurten.fff698f8-bc8c-434c-a340-cff726a65a6b</t>
  </si>
  <si>
    <t>BU01140102</t>
  </si>
  <si>
    <t>Tramwijk</t>
  </si>
  <si>
    <t>2021BU01140102</t>
  </si>
  <si>
    <t>buurten.6b3c3bae-f0cb-41d2-82d2-4f841b9c8412</t>
  </si>
  <si>
    <t>BU01140103</t>
  </si>
  <si>
    <t>Achterdiep</t>
  </si>
  <si>
    <t>2021BU01140103</t>
  </si>
  <si>
    <t>buurten.7eb9f5ae-5009-4799-84af-d366774ecd31</t>
  </si>
  <si>
    <t>BU01140104</t>
  </si>
  <si>
    <t>Weerdingerkanaal</t>
  </si>
  <si>
    <t>2021BU01140104</t>
  </si>
  <si>
    <t>buurten.c2421f03-0d21-42b1-add5-d41ca1955477</t>
  </si>
  <si>
    <t>BU01140106</t>
  </si>
  <si>
    <t>Siepelveen</t>
  </si>
  <si>
    <t>2021BU01140106</t>
  </si>
  <si>
    <t>buurten.d60a1d06-f741-4c40-bd66-ff3e93d24360</t>
  </si>
  <si>
    <t>BU01140109</t>
  </si>
  <si>
    <t>Verspreide huizen Nieuw-Weerdinge</t>
  </si>
  <si>
    <t>2021BU01140109</t>
  </si>
  <si>
    <t>buurten.fd0626e5-b2e3-4263-a4dd-ada057eb5c92</t>
  </si>
  <si>
    <t>BU01140200</t>
  </si>
  <si>
    <t>Roswinkel-Centrum</t>
  </si>
  <si>
    <t>WK011402</t>
  </si>
  <si>
    <t>2021BU01140200</t>
  </si>
  <si>
    <t>buurten.7951aa67-d9d0-4c80-b444-6b9c10ce9d13</t>
  </si>
  <si>
    <t>BU01140206</t>
  </si>
  <si>
    <t>Oude Schuttingskanaal</t>
  </si>
  <si>
    <t>2021BU01140206</t>
  </si>
  <si>
    <t>buurten.a3605b36-a2b1-40bc-88f1-c3b6aa958c70</t>
  </si>
  <si>
    <t>BU01140208</t>
  </si>
  <si>
    <t>Roswinkelerstraat</t>
  </si>
  <si>
    <t>2021BU01140208</t>
  </si>
  <si>
    <t>buurten.565c2605-ba70-4959-bc20-bff022ab7f85</t>
  </si>
  <si>
    <t>BU01140209</t>
  </si>
  <si>
    <t>Verspreide huizen Roswinkel</t>
  </si>
  <si>
    <t>2021BU01140209</t>
  </si>
  <si>
    <t>buurten.15150e36-a401-42ae-b085-b5a2fb106e26</t>
  </si>
  <si>
    <t>BU01140300</t>
  </si>
  <si>
    <t>Emmer-Compascuum-Centrum</t>
  </si>
  <si>
    <t>WK011403</t>
  </si>
  <si>
    <t>2021BU01140300</t>
  </si>
  <si>
    <t>buurten.8e392841-643a-4f34-8961-e8b560e86547</t>
  </si>
  <si>
    <t>PL0114010005</t>
  </si>
  <si>
    <t>BU01140301</t>
  </si>
  <si>
    <t>Emmer-Erfscheidenveen</t>
  </si>
  <si>
    <t>2021BU01140301</t>
  </si>
  <si>
    <t>buurten.7d90a5d3-3727-48d3-97cf-4c01cb3e87dd</t>
  </si>
  <si>
    <t>BU01140302</t>
  </si>
  <si>
    <t>Foxel</t>
  </si>
  <si>
    <t>2021BU01140302</t>
  </si>
  <si>
    <t>buurten.ebb4b4e2-5e54-459c-929d-3ed9b6620ea0</t>
  </si>
  <si>
    <t>BU01140303</t>
  </si>
  <si>
    <t>Oosterdiep</t>
  </si>
  <si>
    <t>2021BU01140303</t>
  </si>
  <si>
    <t>buurten.de1d3b4a-3409-459b-b230-a1b964828c5c</t>
  </si>
  <si>
    <t>BU01140304</t>
  </si>
  <si>
    <t>Hoofdkanaal</t>
  </si>
  <si>
    <t>2021BU01140304</t>
  </si>
  <si>
    <t>buurten.6c8f740e-cb95-4397-9da0-eccce5663623</t>
  </si>
  <si>
    <t>BU01140309</t>
  </si>
  <si>
    <t>Verspreide huizen Emmer-Compascuum</t>
  </si>
  <si>
    <t>2021BU01140309</t>
  </si>
  <si>
    <t>buurten.632801a0-6603-4af6-ae80-a6339ee276d1</t>
  </si>
  <si>
    <t>BU01140400</t>
  </si>
  <si>
    <t>Barger-Compascuum-Centrum</t>
  </si>
  <si>
    <t>WK011404</t>
  </si>
  <si>
    <t>2021BU01140400</t>
  </si>
  <si>
    <t>buurten.f7b2cc6d-7545-4092-b346-7a8a726c65a8</t>
  </si>
  <si>
    <t>BU01140401</t>
  </si>
  <si>
    <t>Scholtenskanaal</t>
  </si>
  <si>
    <t>2021BU01140401</t>
  </si>
  <si>
    <t>buurten.9db90c33-bcff-4144-a121-3929d2410473</t>
  </si>
  <si>
    <t>BU01140402</t>
  </si>
  <si>
    <t>Verlengde Oosterdiep</t>
  </si>
  <si>
    <t>2021BU01140402</t>
  </si>
  <si>
    <t>buurten.b4a331ae-ea9d-4f91-a4dd-c6c71a48074a</t>
  </si>
  <si>
    <t>BU01140408</t>
  </si>
  <si>
    <t>Limietweg</t>
  </si>
  <si>
    <t>2021BU01140408</t>
  </si>
  <si>
    <t>buurten.942c9013-c56f-4a54-b64e-3ad630f4e997</t>
  </si>
  <si>
    <t>BU01140409</t>
  </si>
  <si>
    <t>Verspreide huizen Barger-Compascuum</t>
  </si>
  <si>
    <t>2021BU01140409</t>
  </si>
  <si>
    <t>buurten.a9bfd546-1f0b-4387-b7e2-ae8a2f7d2c7d</t>
  </si>
  <si>
    <t>BU01140500</t>
  </si>
  <si>
    <t>Nieuw-Dordrecht-Centrum</t>
  </si>
  <si>
    <t>WK011405</t>
  </si>
  <si>
    <t>2021BU01140500</t>
  </si>
  <si>
    <t>buurten.d3d110ea-e4c4-46c0-9b60-d59988cc6eab</t>
  </si>
  <si>
    <t>Industrieterrein Bargermeer, Industrieterrein De Vierslagen, Bedrijvenpark A37</t>
  </si>
  <si>
    <t>onderzoek warmtenet op HT/LT-bron en individuele oplossingen</t>
  </si>
  <si>
    <t>BU01140502</t>
  </si>
  <si>
    <t>Oranjedorp</t>
  </si>
  <si>
    <t>2021BU01140502</t>
  </si>
  <si>
    <t>buurten.6183ea9d-3d6f-4a52-a504-46ecf7a1be37</t>
  </si>
  <si>
    <t>PL0114010006</t>
  </si>
  <si>
    <t>PL0114010011</t>
  </si>
  <si>
    <t>WUP Oranjedorp</t>
  </si>
  <si>
    <t>LT-warmtenet en all electric/hybride (groen gas)</t>
  </si>
  <si>
    <t>BU01140503</t>
  </si>
  <si>
    <t>Vastenow</t>
  </si>
  <si>
    <t>2021BU01140503</t>
  </si>
  <si>
    <t>buurten.f2d23154-d94c-4137-9aff-4f2c0120191c</t>
  </si>
  <si>
    <t>Kern Klazienaveen</t>
  </si>
  <si>
    <t>BU01140504</t>
  </si>
  <si>
    <t>Herenstreek</t>
  </si>
  <si>
    <t>2021BU01140504</t>
  </si>
  <si>
    <t>buurten.0e35d301-38c8-4eab-b668-a881ef1f7d9d</t>
  </si>
  <si>
    <t>BU01140509</t>
  </si>
  <si>
    <t>Verspreide huizen Nieuw-Dordrecht</t>
  </si>
  <si>
    <t>2021BU01140509</t>
  </si>
  <si>
    <t>buurten.212043b4-094a-4bba-8062-6275d2e36aca</t>
  </si>
  <si>
    <t>BU01140600</t>
  </si>
  <si>
    <t>Nieuw-Amsterdam-Centrum</t>
  </si>
  <si>
    <t>WK011406</t>
  </si>
  <si>
    <t>2021BU01140600</t>
  </si>
  <si>
    <t>buurten.5440802b-4c29-476d-91a4-54ebbd8b8fd7</t>
  </si>
  <si>
    <t>BU01140601</t>
  </si>
  <si>
    <t>Barger-Erfscheidenveen</t>
  </si>
  <si>
    <t>2021BU01140601</t>
  </si>
  <si>
    <t>buurten.2eeb33fa-6192-4694-8117-7909f141a8db</t>
  </si>
  <si>
    <t>BU01140608</t>
  </si>
  <si>
    <t>Langs de Vaart</t>
  </si>
  <si>
    <t>2021BU01140608</t>
  </si>
  <si>
    <t>buurten.3c9dec8c-09e0-45d9-87c2-dceefd8d8e37</t>
  </si>
  <si>
    <t>BU01140609</t>
  </si>
  <si>
    <t>Verspreide huizen Nieuw-Amsterdam</t>
  </si>
  <si>
    <t>2021BU01140609</t>
  </si>
  <si>
    <t>buurten.65b740de-0dcd-4034-88ce-9e0f07ae3d12</t>
  </si>
  <si>
    <t>BU01140700</t>
  </si>
  <si>
    <t>Erica-Centrum</t>
  </si>
  <si>
    <t>WK011407</t>
  </si>
  <si>
    <t>2021BU01140700</t>
  </si>
  <si>
    <t>buurten.7ff6cd25-f6bb-453a-93f2-5fb7045abf5b</t>
  </si>
  <si>
    <t>Kern Erica</t>
  </si>
  <si>
    <t>BU01140701</t>
  </si>
  <si>
    <t>Amsterdamscheveld</t>
  </si>
  <si>
    <t>2021BU01140701</t>
  </si>
  <si>
    <t>buurten.2c2ea5f5-da71-4df6-9ab1-78d8e58483a7</t>
  </si>
  <si>
    <t>BU01140702</t>
  </si>
  <si>
    <t>Beekweg</t>
  </si>
  <si>
    <t>2021BU01140702</t>
  </si>
  <si>
    <t>buurten.b6ff5bf7-fbdc-4e6c-9ff6-e752394b869e</t>
  </si>
  <si>
    <t>BU01140707</t>
  </si>
  <si>
    <t>Verlengde Vaart</t>
  </si>
  <si>
    <t>2021BU01140707</t>
  </si>
  <si>
    <t>buurten.6c49e7f3-58dd-46a8-9353-8bd1498b2e2b</t>
  </si>
  <si>
    <t>BU01140708</t>
  </si>
  <si>
    <t>Ericasestraat</t>
  </si>
  <si>
    <t>2021BU01140708</t>
  </si>
  <si>
    <t>buurten.c3a166d7-52f8-40f9-9fb6-ab57624c4eec</t>
  </si>
  <si>
    <t>PL0114010003</t>
  </si>
  <si>
    <t>Parc Sandur, Rietlanden (nieuwbouwdeel), Delftlanden II</t>
  </si>
  <si>
    <t>TEO uit RWZI</t>
  </si>
  <si>
    <t>BU01140709</t>
  </si>
  <si>
    <t>Verspreide huizen Erica</t>
  </si>
  <si>
    <t>2021BU01140709</t>
  </si>
  <si>
    <t>buurten.afcdee77-84a3-4a03-a592-2ffb2c7a8e20</t>
  </si>
  <si>
    <t>BU01140800</t>
  </si>
  <si>
    <t>Klazienaveen-Noord</t>
  </si>
  <si>
    <t>WK011408</t>
  </si>
  <si>
    <t>2021BU01140800</t>
  </si>
  <si>
    <t>buurten.dd097e96-470b-4ca3-a6fc-7d4179d3b016</t>
  </si>
  <si>
    <t>BU01140801</t>
  </si>
  <si>
    <t>Klazienaveen-Zuid</t>
  </si>
  <si>
    <t>2021BU01140801</t>
  </si>
  <si>
    <t>buurten.6935ede3-ad38-4776-9af8-c5ff7f749137</t>
  </si>
  <si>
    <t>BU01140802</t>
  </si>
  <si>
    <t>Barger-Oosterveen</t>
  </si>
  <si>
    <t>2021BU01140802</t>
  </si>
  <si>
    <t>buurten.d0deef20-faba-40f5-af7e-1eb44ed3d5d7</t>
  </si>
  <si>
    <t>BU01140803</t>
  </si>
  <si>
    <t>Kloostermanswijk</t>
  </si>
  <si>
    <t>2021BU01140803</t>
  </si>
  <si>
    <t>buurten.c71a497d-cb67-435e-8b16-7e5165752f70</t>
  </si>
  <si>
    <t>BU01140804</t>
  </si>
  <si>
    <t>Dordsedijk</t>
  </si>
  <si>
    <t>2021BU01140804</t>
  </si>
  <si>
    <t>buurten.7d89fe6a-bd22-4eb0-bca8-44c31c0fd552</t>
  </si>
  <si>
    <t>BU01140806</t>
  </si>
  <si>
    <t>Derksweg</t>
  </si>
  <si>
    <t>2021BU01140806</t>
  </si>
  <si>
    <t>buurten.6eae65a7-bf15-4c16-948b-b89672e9ab83</t>
  </si>
  <si>
    <t>BU01140807</t>
  </si>
  <si>
    <t>Tuinbouwcentrum Klazienaveen</t>
  </si>
  <si>
    <t>2021BU01140807</t>
  </si>
  <si>
    <t>buurten.06f8d94e-befe-4283-84f2-8446f6a39b98</t>
  </si>
  <si>
    <t>BU01140809</t>
  </si>
  <si>
    <t>Verspreide huizen Klazienaveen</t>
  </si>
  <si>
    <t>2021BU01140809</t>
  </si>
  <si>
    <t>buurten.638b5011-e57b-41ba-8a55-69a4f5b0c89a</t>
  </si>
  <si>
    <t>BU01140900</t>
  </si>
  <si>
    <t>Zwartemeer-Centrum</t>
  </si>
  <si>
    <t>WK011409</t>
  </si>
  <si>
    <t>2021BU01140900</t>
  </si>
  <si>
    <t>buurten.fb2b36f6-742b-4243-8edd-231c579a9c1e</t>
  </si>
  <si>
    <t>BU01140901</t>
  </si>
  <si>
    <t>Kamerlingswijk</t>
  </si>
  <si>
    <t>2021BU01140901</t>
  </si>
  <si>
    <t>buurten.9473507e-7fe9-4725-9f3b-5a9aa1f445f8</t>
  </si>
  <si>
    <t>BU01140909</t>
  </si>
  <si>
    <t>Verspreide huizen Zwartemeer</t>
  </si>
  <si>
    <t>2021BU01140909</t>
  </si>
  <si>
    <t>buurten.3c0e7487-8a72-4b31-9fec-ed186c5e5bf6</t>
  </si>
  <si>
    <t>BU01141000</t>
  </si>
  <si>
    <t>Schoonebeek</t>
  </si>
  <si>
    <t>WK011410</t>
  </si>
  <si>
    <t>2021BU01141000</t>
  </si>
  <si>
    <t>buurten.54785354-593d-4c79-ad22-e54ac9e2fe72</t>
  </si>
  <si>
    <t>BU01141001</t>
  </si>
  <si>
    <t>Oosterse Bos en Middendorp</t>
  </si>
  <si>
    <t>2021BU01141001</t>
  </si>
  <si>
    <t>buurten.15c2d48d-b11f-44de-9019-e34269e07f47</t>
  </si>
  <si>
    <t>BU01141002</t>
  </si>
  <si>
    <t>Westerse Bos</t>
  </si>
  <si>
    <t>2021BU01141002</t>
  </si>
  <si>
    <t>buurten.acdc6789-c824-400d-9144-fc0be9976403</t>
  </si>
  <si>
    <t>BU01141003</t>
  </si>
  <si>
    <t>Zandpol</t>
  </si>
  <si>
    <t>2021BU01141003</t>
  </si>
  <si>
    <t>buurten.e7233017-217d-4643-9982-9f0fc210e375</t>
  </si>
  <si>
    <t>BU01141004</t>
  </si>
  <si>
    <t>Industrieterrein De Vierslagen</t>
  </si>
  <si>
    <t>2021BU01141004</t>
  </si>
  <si>
    <t>buurten.65f8bf5a-46c3-488c-afba-bc5af378146b</t>
  </si>
  <si>
    <t>BU01141009</t>
  </si>
  <si>
    <t>Verspreide huizen Schoonebeek</t>
  </si>
  <si>
    <t>2021BU01141009</t>
  </si>
  <si>
    <t>buurten.880e04f1-8bdc-4f8d-975b-ba426e4c8e8f</t>
  </si>
  <si>
    <t>BU01141300</t>
  </si>
  <si>
    <t>Veenoord</t>
  </si>
  <si>
    <t>WK011413</t>
  </si>
  <si>
    <t>2021BU01141300</t>
  </si>
  <si>
    <t>buurten.c1bfece3-3f35-4e9e-878c-bd2d80a917ac</t>
  </si>
  <si>
    <t>BU01141308</t>
  </si>
  <si>
    <t>Ermerveen</t>
  </si>
  <si>
    <t>2021BU01141308</t>
  </si>
  <si>
    <t>buurten.f13dab9a-fecf-49b3-ac29-228a9039525e</t>
  </si>
  <si>
    <t>BU01141309</t>
  </si>
  <si>
    <t>2021BU01141309</t>
  </si>
  <si>
    <t>buurten.5897b9d8-6f9e-489d-9bb4-06c451582549</t>
  </si>
  <si>
    <t>BU01142100</t>
  </si>
  <si>
    <t>Nieuw-Schoonebeek</t>
  </si>
  <si>
    <t>WK011421</t>
  </si>
  <si>
    <t>2021BU01142100</t>
  </si>
  <si>
    <t>buurten.f1087d26-50f2-4040-91d2-9b86e2dbf0a0</t>
  </si>
  <si>
    <t>BU01142101</t>
  </si>
  <si>
    <t>Westelijk Nieuw-Schoonebeek</t>
  </si>
  <si>
    <t>2021BU01142101</t>
  </si>
  <si>
    <t>buurten.b94c4fa4-a010-4c28-997d-5ba9f8333016</t>
  </si>
  <si>
    <t>BU01142102</t>
  </si>
  <si>
    <t>Oostelijk Nieuw-Schoonebeek</t>
  </si>
  <si>
    <t>2021BU01142102</t>
  </si>
  <si>
    <t>buurten.d2008a2b-3a4b-4156-829b-ad5a264c04f9</t>
  </si>
  <si>
    <t>BU01142109</t>
  </si>
  <si>
    <t>Verspreide huizen Nieuw-Schoonebeek</t>
  </si>
  <si>
    <t>2021BU01142109</t>
  </si>
  <si>
    <t>buurten.32aa00e8-8ebe-4f24-ab59-8de72431cafb</t>
  </si>
  <si>
    <t>BU01143200</t>
  </si>
  <si>
    <t>Weiteveen</t>
  </si>
  <si>
    <t>WK011432</t>
  </si>
  <si>
    <t>2021BU01143200</t>
  </si>
  <si>
    <t>buurten.3a62f022-571c-4f57-8212-2e5138c60bcc</t>
  </si>
  <si>
    <t>BU01143201</t>
  </si>
  <si>
    <t>Westelijk en oostelijk Weiteveen</t>
  </si>
  <si>
    <t>2021BU01143201</t>
  </si>
  <si>
    <t>buurten.b439e4e9-fa2b-4d65-bfd3-3e8cfdac1b24</t>
  </si>
  <si>
    <t>BU01143209</t>
  </si>
  <si>
    <t>Verspreide huizen Weiteveen</t>
  </si>
  <si>
    <t>2021BU01143209</t>
  </si>
  <si>
    <t>buurten.884d7ee0-505b-4d98-bab3-222123b4c3b6</t>
  </si>
  <si>
    <t>BU01144000</t>
  </si>
  <si>
    <t>Emmen-Centrum</t>
  </si>
  <si>
    <t>WK011440</t>
  </si>
  <si>
    <t>2021BU01144000</t>
  </si>
  <si>
    <t>buurten.5700bbd9-bc8c-4058-85d1-d886e6ca51ff</t>
  </si>
  <si>
    <t>PL0114010001</t>
  </si>
  <si>
    <t>all-electric waar rendabel te isoleren valt</t>
  </si>
  <si>
    <t>BU01144100</t>
  </si>
  <si>
    <t>Emmen-omgeving Oude Roswinkelerweg</t>
  </si>
  <si>
    <t>WK011441</t>
  </si>
  <si>
    <t>2021BU01144100</t>
  </si>
  <si>
    <t>buurten.2887f47a-d0f2-44fd-9bcb-184c58945f5e</t>
  </si>
  <si>
    <t>BU01144101</t>
  </si>
  <si>
    <t>Emmen over 't spoor</t>
  </si>
  <si>
    <t>2021BU01144101</t>
  </si>
  <si>
    <t>buurten.54aa54f8-aa03-45ca-8271-7b3b692df893</t>
  </si>
  <si>
    <t>BU01144200</t>
  </si>
  <si>
    <t>Emmermeer</t>
  </si>
  <si>
    <t>WK011442</t>
  </si>
  <si>
    <t>2021BU01144200</t>
  </si>
  <si>
    <t>buurten.fda62415-b809-415b-8e1f-08d33e46a2ee</t>
  </si>
  <si>
    <t>BU01144300</t>
  </si>
  <si>
    <t>Angelslo</t>
  </si>
  <si>
    <t>WK011443</t>
  </si>
  <si>
    <t>2021BU01144300</t>
  </si>
  <si>
    <t>buurten.12d0e5bb-6ade-4117-bd78-928f01ed2c1d</t>
  </si>
  <si>
    <t>BU01144400</t>
  </si>
  <si>
    <t>Emmerhout</t>
  </si>
  <si>
    <t>WK011444</t>
  </si>
  <si>
    <t>2021BU01144400</t>
  </si>
  <si>
    <t>buurten.23b0ce60-21c1-4601-aad9-ff6904753101</t>
  </si>
  <si>
    <t>BU01144500</t>
  </si>
  <si>
    <t>Emmerschans</t>
  </si>
  <si>
    <t>WK011445</t>
  </si>
  <si>
    <t>2021BU01144500</t>
  </si>
  <si>
    <t>buurten.442380aa-d8ec-4e55-abc8-d7b480434b39</t>
  </si>
  <si>
    <t>BU01144600</t>
  </si>
  <si>
    <t>Bargeres</t>
  </si>
  <si>
    <t>WK011446</t>
  </si>
  <si>
    <t>2021BU01144600</t>
  </si>
  <si>
    <t>buurten.36148620-74a4-42a6-9789-1f9bd94fb07a</t>
  </si>
  <si>
    <t>WUP: all-electric</t>
  </si>
  <si>
    <t>BU01144700</t>
  </si>
  <si>
    <t>Rietlanden</t>
  </si>
  <si>
    <t>WK011447</t>
  </si>
  <si>
    <t>2021BU01144700</t>
  </si>
  <si>
    <t>buurten.63871190-4bca-4157-ab75-e0ccc4858ede</t>
  </si>
  <si>
    <t>BU01144800</t>
  </si>
  <si>
    <t>Parc Sandur</t>
  </si>
  <si>
    <t>WK011448</t>
  </si>
  <si>
    <t>2021BU01144800</t>
  </si>
  <si>
    <t>buurten.a9fae267-0678-4cf3-9290-e4d26d4bb7af</t>
  </si>
  <si>
    <t>BU01144900</t>
  </si>
  <si>
    <t>Delftlanden</t>
  </si>
  <si>
    <t>WK011449</t>
  </si>
  <si>
    <t>2021BU01144900</t>
  </si>
  <si>
    <t>buurten.13e06b7e-f0d0-4ed9-9271-6018c66be70a</t>
  </si>
  <si>
    <t>BU01145000</t>
  </si>
  <si>
    <t>Barger-Oosterveld</t>
  </si>
  <si>
    <t>WK011450</t>
  </si>
  <si>
    <t>2021BU01145000</t>
  </si>
  <si>
    <t>buurten.b75ce0e6-4939-4ebd-a1e9-97c27549ead8</t>
  </si>
  <si>
    <t>BU01145100</t>
  </si>
  <si>
    <t>Weerdinge</t>
  </si>
  <si>
    <t>WK011451</t>
  </si>
  <si>
    <t>2021BU01145100</t>
  </si>
  <si>
    <t>buurten.342b4add-1710-4d0a-b616-e78d04654811</t>
  </si>
  <si>
    <t>BU01145101</t>
  </si>
  <si>
    <t>Westenesch</t>
  </si>
  <si>
    <t>2021BU01145101</t>
  </si>
  <si>
    <t>buurten.1f4052cd-139b-4925-98bd-e16a7ff98e4e</t>
  </si>
  <si>
    <t>BU01145109</t>
  </si>
  <si>
    <t>Verspreide huizen Emmen</t>
  </si>
  <si>
    <t>2021BU01145109</t>
  </si>
  <si>
    <t>buurten.ef68d848-93a7-4637-a632-564e0945ae11</t>
  </si>
  <si>
    <t>BU01145200</t>
  </si>
  <si>
    <t>Noordbarge</t>
  </si>
  <si>
    <t>WK011452</t>
  </si>
  <si>
    <t>2021BU01145200</t>
  </si>
  <si>
    <t>buurten.dc2664f4-2884-43e3-be78-49f9e113b1bb</t>
  </si>
  <si>
    <t>BU01145201</t>
  </si>
  <si>
    <t>Zuidbarge</t>
  </si>
  <si>
    <t>2021BU01145201</t>
  </si>
  <si>
    <t>buurten.0cf82215-d721-4537-9001-87fd3d59a611</t>
  </si>
  <si>
    <t>BU01145300</t>
  </si>
  <si>
    <t>Industrieterrein Bargermeer</t>
  </si>
  <si>
    <t>WK011453</t>
  </si>
  <si>
    <t>2021BU01145300</t>
  </si>
  <si>
    <t>buurten.dd8c580c-28ea-480b-8733-0e40063724be</t>
  </si>
  <si>
    <t>BU01145301</t>
  </si>
  <si>
    <t>Bedrijvenpark A37</t>
  </si>
  <si>
    <t>2021BU01145301</t>
  </si>
  <si>
    <t>buurten.d7ea6229-e7c9-4b1b-993d-c08b22fa8f26</t>
  </si>
  <si>
    <t>BU01185000</t>
  </si>
  <si>
    <t>WK011850</t>
  </si>
  <si>
    <t>2021BU01185000</t>
  </si>
  <si>
    <t>buurten.894b22f2-f426-4652-812e-de212fc91930</t>
  </si>
  <si>
    <t>PL0118010001</t>
  </si>
  <si>
    <t>PL0118010010</t>
  </si>
  <si>
    <t>Centrum en aangrenzende buurten</t>
  </si>
  <si>
    <t>Oost en Zuid</t>
  </si>
  <si>
    <t>benutten van natuurlijke momenten</t>
  </si>
  <si>
    <t>Hybride Warmtepomp en/of All-Electric</t>
  </si>
  <si>
    <t>BU01185001</t>
  </si>
  <si>
    <t>2021BU01185001</t>
  </si>
  <si>
    <t>buurten.7e538647-3346-4246-81e0-00594b10919d</t>
  </si>
  <si>
    <t>PL0118010011</t>
  </si>
  <si>
    <t>Gemeentebrede aanpak</t>
  </si>
  <si>
    <t>Hernieuwbaar gas (duurzaam gas)</t>
  </si>
  <si>
    <t>BU01185002</t>
  </si>
  <si>
    <t>Bentinckspark</t>
  </si>
  <si>
    <t>2021BU01185002</t>
  </si>
  <si>
    <t>buurten.7d7d26dc-9e3c-459c-9a88-60c9a6866bd7</t>
  </si>
  <si>
    <t>BU01185003</t>
  </si>
  <si>
    <t>Krakeel</t>
  </si>
  <si>
    <t>2021BU01185003</t>
  </si>
  <si>
    <t>buurten.4112cdff-50ae-4df2-9f80-50ae57ea0c2d</t>
  </si>
  <si>
    <t>PL0118010009</t>
  </si>
  <si>
    <t>BU01185004</t>
  </si>
  <si>
    <t>Wolfsbos</t>
  </si>
  <si>
    <t>2021BU01185004</t>
  </si>
  <si>
    <t>buurten.e55509d4-6631-4800-a6c2-cc3f4b0a8307</t>
  </si>
  <si>
    <t>BU01185005</t>
  </si>
  <si>
    <t>Zuid</t>
  </si>
  <si>
    <t>2021BU01185005</t>
  </si>
  <si>
    <t>buurten.ab07635a-16e8-4ea3-bcaa-072c31ac7456</t>
  </si>
  <si>
    <t>BU01185006</t>
  </si>
  <si>
    <t>Venesluis</t>
  </si>
  <si>
    <t>2021BU01185006</t>
  </si>
  <si>
    <t>buurten.04d8eafa-4c9c-48ab-99bf-16067f091678</t>
  </si>
  <si>
    <t>gelden vanuit Rijksoverheid vanuit PAW</t>
  </si>
  <si>
    <t>ervaring opdoen voor mogelijke toepassingen in andere wijken in NL</t>
  </si>
  <si>
    <t>BU01185007</t>
  </si>
  <si>
    <t>West</t>
  </si>
  <si>
    <t>2021BU01185007</t>
  </si>
  <si>
    <t>buurten.82344e79-2144-40e5-a9fe-32a9860b8d1d</t>
  </si>
  <si>
    <t>BU01185008</t>
  </si>
  <si>
    <t>Oost</t>
  </si>
  <si>
    <t>2021BU01185008</t>
  </si>
  <si>
    <t>buurten.2c8ec3f5-d68e-40b2-b747-c833d646c62e</t>
  </si>
  <si>
    <t>BU01185100</t>
  </si>
  <si>
    <t>Steenbergerweiden</t>
  </si>
  <si>
    <t>WK011851</t>
  </si>
  <si>
    <t>2021BU01185100</t>
  </si>
  <si>
    <t>buurten.5185ea13-622d-48d3-9f12-9f4c2331fb23</t>
  </si>
  <si>
    <t>PL0118010008</t>
  </si>
  <si>
    <t>De Weide</t>
  </si>
  <si>
    <t>Kattouw</t>
  </si>
  <si>
    <t>harnieuwbaar gas en/of WKO en/of aquathermie (TEO)</t>
  </si>
  <si>
    <t>BU01185101</t>
  </si>
  <si>
    <t>Kinholt</t>
  </si>
  <si>
    <t>2021BU01185101</t>
  </si>
  <si>
    <t>buurten.50bb4fd6-b956-4b4f-94b8-61f8d6ca0f43</t>
  </si>
  <si>
    <t>BU01185102</t>
  </si>
  <si>
    <t>Grittenhof</t>
  </si>
  <si>
    <t>2021BU01185102</t>
  </si>
  <si>
    <t>buurten.cc90d6d9-6810-4025-a74c-b42caf71308e</t>
  </si>
  <si>
    <t>BU01185103</t>
  </si>
  <si>
    <t>Schoonvelde-West</t>
  </si>
  <si>
    <t>2021BU01185103</t>
  </si>
  <si>
    <t>buurten.a6d7a3cb-3bcd-44b1-9a7b-537243d296d3</t>
  </si>
  <si>
    <t>BU01185104</t>
  </si>
  <si>
    <t>Schoonvelde-Oost</t>
  </si>
  <si>
    <t>2021BU01185104</t>
  </si>
  <si>
    <t>buurten.49da89b6-fa6d-4fef-9194-a6fdb42d4d4f</t>
  </si>
  <si>
    <t>BU01185105</t>
  </si>
  <si>
    <t>Schutlanden-Oost</t>
  </si>
  <si>
    <t>2021BU01185105</t>
  </si>
  <si>
    <t>buurten.27a2f8a0-90ad-468f-9ab9-fa8d6c27e9a0</t>
  </si>
  <si>
    <t>BU01185106</t>
  </si>
  <si>
    <t>Schutlanden-West</t>
  </si>
  <si>
    <t>2021BU01185106</t>
  </si>
  <si>
    <t>buurten.628d2d62-3103-49b5-9a81-3ca7962a0bbf</t>
  </si>
  <si>
    <t>BU01185107</t>
  </si>
  <si>
    <t>2021BU01185107</t>
  </si>
  <si>
    <t>buurten.abf936ab-ca69-4ba7-a9d4-104bc0f863bc</t>
  </si>
  <si>
    <t>PL0118010007</t>
  </si>
  <si>
    <t>BU01185108</t>
  </si>
  <si>
    <t>Trasselt</t>
  </si>
  <si>
    <t>2021BU01185108</t>
  </si>
  <si>
    <t>buurten.5540c3f8-c3d3-41f8-af2d-d3a23427ea81</t>
  </si>
  <si>
    <t>BU01185109</t>
  </si>
  <si>
    <t>Erflanden</t>
  </si>
  <si>
    <t>2021BU01185109</t>
  </si>
  <si>
    <t>buurten.4f0961b7-e5fb-42cf-8c05-95c2fdef8c9d</t>
  </si>
  <si>
    <t>GM1690</t>
  </si>
  <si>
    <t>De Wolden</t>
  </si>
  <si>
    <t>2030 70% duurzame elektriciteit, 100% in 2040 en 100% aardgasvrij in 2040</t>
  </si>
  <si>
    <t>DC169001</t>
  </si>
  <si>
    <t>Transitievisie Warmte De Wolden</t>
  </si>
  <si>
    <t>trias Energitica, natuurlijke momenten, betaalbaar</t>
  </si>
  <si>
    <t>inwoners informeren, activeren en faciliteren</t>
  </si>
  <si>
    <t>100% duurzaam gas in 2040</t>
  </si>
  <si>
    <t>https://dewolden.raadsinformatie.nl/document/10875313/1/Transitievisie%20Warmte%20De%20Wolden%2020211109</t>
  </si>
  <si>
    <t>PL1690010005</t>
  </si>
  <si>
    <t>Woningen voor 1964</t>
  </si>
  <si>
    <t>voor 2040</t>
  </si>
  <si>
    <t>aardgasvrij voor 2040</t>
  </si>
  <si>
    <t>BU01185200</t>
  </si>
  <si>
    <t>Fluitenberg kern</t>
  </si>
  <si>
    <t>WK011852</t>
  </si>
  <si>
    <t>2021BU01185200</t>
  </si>
  <si>
    <t>buurten.5f92025e-445b-44fc-a63e-d721b14adbe8</t>
  </si>
  <si>
    <t>Zanddorpen</t>
  </si>
  <si>
    <t>BU01185201</t>
  </si>
  <si>
    <t>Verspreide huizen Fluitenberg</t>
  </si>
  <si>
    <t>2021BU01185201</t>
  </si>
  <si>
    <t>buurten.b9dc9239-cead-45d1-b726-dc33b9daa90c</t>
  </si>
  <si>
    <t>BU01185300</t>
  </si>
  <si>
    <t>Elim Kern</t>
  </si>
  <si>
    <t>WK011853</t>
  </si>
  <si>
    <t>2021BU01185300</t>
  </si>
  <si>
    <t>buurten.d2f567cb-59dd-4dc5-b2e0-b8b923e9ac56</t>
  </si>
  <si>
    <t>BU01185301</t>
  </si>
  <si>
    <t>Verspreide huizen Elim-Noord</t>
  </si>
  <si>
    <t>2021BU01185301</t>
  </si>
  <si>
    <t>buurten.7873993b-9935-44fc-9df0-c7e62f6e5477</t>
  </si>
  <si>
    <t>BU01185302</t>
  </si>
  <si>
    <t>Verspreide huizen Elim-Zuid</t>
  </si>
  <si>
    <t>2021BU01185302</t>
  </si>
  <si>
    <t>buurten.dbe40a10-3dd5-48a3-96da-589fda5d3555</t>
  </si>
  <si>
    <t>meerdere opties mogelijk</t>
  </si>
  <si>
    <t>BU01185400</t>
  </si>
  <si>
    <t>Hollandscheveld kern</t>
  </si>
  <si>
    <t>WK011854</t>
  </si>
  <si>
    <t>2021BU01185400</t>
  </si>
  <si>
    <t>buurten.a8e4a739-8fd8-44f4-be9b-48fe0a8fa95c</t>
  </si>
  <si>
    <t>Hollandscheveld</t>
  </si>
  <si>
    <t>BU01185401</t>
  </si>
  <si>
    <t>Verspreide huizen Hollandscheveld-West</t>
  </si>
  <si>
    <t>2021BU01185401</t>
  </si>
  <si>
    <t>buurten.696cc3c2-af93-4f3b-a211-73349786fb33</t>
  </si>
  <si>
    <t>BU01185402</t>
  </si>
  <si>
    <t>Verspreide huizen Hollandscheveld-Oost</t>
  </si>
  <si>
    <t>2021BU01185402</t>
  </si>
  <si>
    <t>buurten.239daecd-6467-4a24-838e-e9d70c9f8b5c</t>
  </si>
  <si>
    <t>BU01185500</t>
  </si>
  <si>
    <t>Noordscheschut kern</t>
  </si>
  <si>
    <t>WK011855</t>
  </si>
  <si>
    <t>2021BU01185500</t>
  </si>
  <si>
    <t>buurten.1e8bd93a-eeab-497b-9ff4-eae5224ef86b</t>
  </si>
  <si>
    <t>BU01185501</t>
  </si>
  <si>
    <t>Verspreide huizen Noordscheschut</t>
  </si>
  <si>
    <t>2021BU01185501</t>
  </si>
  <si>
    <t>buurten.eac14b68-0f0d-4ecf-bb29-d4218176386f</t>
  </si>
  <si>
    <t>BU01185600</t>
  </si>
  <si>
    <t>Nieuwlande kern</t>
  </si>
  <si>
    <t>WK011856</t>
  </si>
  <si>
    <t>2021BU01185600</t>
  </si>
  <si>
    <t>buurten.9ebdb6cb-1638-4ec6-a7a5-19ac2d4a8d7e</t>
  </si>
  <si>
    <t>BU01185601</t>
  </si>
  <si>
    <t>2021BU01185601</t>
  </si>
  <si>
    <t>buurten.dec78d3f-9c78-4a5f-be1a-9c107d5f8793</t>
  </si>
  <si>
    <t>BU01185700</t>
  </si>
  <si>
    <t>Nieuweroord kern</t>
  </si>
  <si>
    <t>WK011857</t>
  </si>
  <si>
    <t>2021BU01185700</t>
  </si>
  <si>
    <t>buurten.d414848e-3cca-4eff-ab68-730ffe02c8b5</t>
  </si>
  <si>
    <t>BU01185701</t>
  </si>
  <si>
    <t>Verspreide huizen Nieuweroord</t>
  </si>
  <si>
    <t>2021BU01185701</t>
  </si>
  <si>
    <t>buurten.3730dc2d-e504-4d2e-a00b-1361fff6326c</t>
  </si>
  <si>
    <t>BU01185800</t>
  </si>
  <si>
    <t>Tiendeveen kern</t>
  </si>
  <si>
    <t>WK011858</t>
  </si>
  <si>
    <t>2021BU01185800</t>
  </si>
  <si>
    <t>buurten.e3cdac42-70a1-4f4b-9cf5-25f1f3d1687f</t>
  </si>
  <si>
    <t>BU01185801</t>
  </si>
  <si>
    <t>Verspreide huizen Tiendeveen</t>
  </si>
  <si>
    <t>2021BU01185801</t>
  </si>
  <si>
    <t>buurten.f89b65bb-f3f1-4ca7-aac1-5d1533114905</t>
  </si>
  <si>
    <t>BU01185900</t>
  </si>
  <si>
    <t>Stuifzand kern</t>
  </si>
  <si>
    <t>WK011859</t>
  </si>
  <si>
    <t>2021BU01185900</t>
  </si>
  <si>
    <t>buurten.fdce186c-55df-4591-8c89-cef1c4491aeb</t>
  </si>
  <si>
    <t>BU01185901</t>
  </si>
  <si>
    <t>Verspreide huizen Stuifzand</t>
  </si>
  <si>
    <t>2021BU01185901</t>
  </si>
  <si>
    <t>buurten.6d0844a9-80b9-427f-8c67-0c3a292b8c25</t>
  </si>
  <si>
    <t>BU01186000</t>
  </si>
  <si>
    <t>Pesse kern</t>
  </si>
  <si>
    <t>WK011860</t>
  </si>
  <si>
    <t>2021BU01186000</t>
  </si>
  <si>
    <t>buurten.cf27ca2a-89cd-4dc8-95a9-702a01a8ded8</t>
  </si>
  <si>
    <t>BU01186001</t>
  </si>
  <si>
    <t>Verspreide huizen Pesse-Oost</t>
  </si>
  <si>
    <t>2021BU01186001</t>
  </si>
  <si>
    <t>buurten.36b7005e-1d57-488e-bcb6-248b3b237cb0</t>
  </si>
  <si>
    <t>BU01186002</t>
  </si>
  <si>
    <t>Verspreide huizen Pesse-West</t>
  </si>
  <si>
    <t>2021BU01186002</t>
  </si>
  <si>
    <t>buurten.9e943949-14c6-4185-885d-cdab898d203b</t>
  </si>
  <si>
    <t>BU01186003</t>
  </si>
  <si>
    <t>Verspreide huizen Pesse-Zuid</t>
  </si>
  <si>
    <t>2021BU01186003</t>
  </si>
  <si>
    <t>buurten.2a074d82-bb7f-4675-a0ec-89eb3086d6bc</t>
  </si>
  <si>
    <t>BU01186100</t>
  </si>
  <si>
    <t>Zuideropgaande Nieuw Moscou</t>
  </si>
  <si>
    <t>WK011861</t>
  </si>
  <si>
    <t>2021BU01186100</t>
  </si>
  <si>
    <t>buurten.739c9a5f-254e-40d0-b576-51cfd689b02b</t>
  </si>
  <si>
    <t>BU01186201</t>
  </si>
  <si>
    <t>Industriegebied Toldijk</t>
  </si>
  <si>
    <t>WK011862</t>
  </si>
  <si>
    <t>2021BU01186201</t>
  </si>
  <si>
    <t>buurten.bc4eaf0c-3a4b-4f0b-b614-a61c12a14594</t>
  </si>
  <si>
    <t>BU01186202</t>
  </si>
  <si>
    <t>Industriegebied Noord A</t>
  </si>
  <si>
    <t>2021BU01186202</t>
  </si>
  <si>
    <t>buurten.252e4928-6dc2-4d0c-8bc1-036cba1b6b39</t>
  </si>
  <si>
    <t>BU01186203</t>
  </si>
  <si>
    <t>Industriegebied Noord B</t>
  </si>
  <si>
    <t>2021BU01186203</t>
  </si>
  <si>
    <t>buurten.c44f44cb-2f48-4f79-b50d-d43b316b4a06</t>
  </si>
  <si>
    <t>BU01186204</t>
  </si>
  <si>
    <t>Industriegebied Buitenvaart</t>
  </si>
  <si>
    <t>2021BU01186204</t>
  </si>
  <si>
    <t>buurten.cae58b35-cfe9-40f1-a3c1-529502342ef9</t>
  </si>
  <si>
    <t>BU01186205</t>
  </si>
  <si>
    <t>Verspreide huizen Alteveer</t>
  </si>
  <si>
    <t>2021BU01186205</t>
  </si>
  <si>
    <t>buurten.23fd270b-dfda-4190-8c25-c4990452cfc6</t>
  </si>
  <si>
    <t>BU01186206</t>
  </si>
  <si>
    <t>Verspreide huizen Nijstad</t>
  </si>
  <si>
    <t>2021BU01186206</t>
  </si>
  <si>
    <t>buurten.bcd05c74-593a-4774-b692-321a037b5241</t>
  </si>
  <si>
    <t>BU01190000</t>
  </si>
  <si>
    <t>Historisch Centrum</t>
  </si>
  <si>
    <t>WK011900</t>
  </si>
  <si>
    <t>GM0119</t>
  </si>
  <si>
    <t>Meppel</t>
  </si>
  <si>
    <t>2021BU01190000</t>
  </si>
  <si>
    <t>buurten.e6648825-6eeb-4234-ac6f-3f1f316abc8c</t>
  </si>
  <si>
    <t>CO2-neutraal in 2040</t>
  </si>
  <si>
    <t>DC011901</t>
  </si>
  <si>
    <t>Transitievisie Warmte gemeente Meppel</t>
  </si>
  <si>
    <t>Uitgangspunten/voorwaarden:, Starten met besparen, isoleren en opwekken, De transitie is betaalbaar en betrouwbaar, Wordt ruimte geboden voor innovatie, initiatief van onderaf en flexibiliteit, Kwaliteit is belangrijker dan snelheid, Leren van huidige en</t>
  </si>
  <si>
    <t>Richting geven hoe de aardgasvrije gebouwde omgeving eruit gaat zien en de visie stelt kaders voor de huidige kansen en ontwikkelingen</t>
  </si>
  <si>
    <t>100% CO2-neutraal in 2040</t>
  </si>
  <si>
    <t>https://meppel.bestuurlijkeinformatie.nl/Agenda/Document/4f6e067d-e56e-403c-91d2-e85f8828c862?documentId=ca27574b-9176-4a85-93be-c75dd07e14dd&amp;agendaItemId=118084a3-9ed2-4bda-9a58-7ccbf1619030</t>
  </si>
  <si>
    <t>PL0119010002</t>
  </si>
  <si>
    <t>PL0119010007</t>
  </si>
  <si>
    <t>Geen spijt maatregelen spoor (gemeentebreed)</t>
  </si>
  <si>
    <t>Wijkuitvoeringsplan Oevers</t>
  </si>
  <si>
    <t>Naar behoefte en eigenschappen (bouwjaar, energielabel) van elke wijk kijken/bepalen welke spijtvrije maatregelen het beste passen</t>
  </si>
  <si>
    <t>Voorwaarden:- Realiseren van een warmtenet voor bedrijventerrein en woningbouw.- Prestatieafspraken met industrie voor levering warmte</t>
  </si>
  <si>
    <t>Benutten restwarmte bedrijven op de Oevers</t>
  </si>
  <si>
    <t>Het stimuleren van isolatiemaatregelen en behalen van CO2-winst</t>
  </si>
  <si>
    <t>Restwarmte bedrijven</t>
  </si>
  <si>
    <t>BU01190001</t>
  </si>
  <si>
    <t>2021BU01190001</t>
  </si>
  <si>
    <t>buurten.4d2b934e-df34-4127-9112-e02b6faba3f4</t>
  </si>
  <si>
    <t>BU01190002</t>
  </si>
  <si>
    <t>Koninginnebuurt</t>
  </si>
  <si>
    <t>2021BU01190002</t>
  </si>
  <si>
    <t>buurten.1360e179-cdee-4bca-a097-85e946210dcb</t>
  </si>
  <si>
    <t>Voorwaarden:- Realiseren van een warmtenet voor bedrijventerrein en woningbouw.- Prestatieafspraken met industrie voor levering warmte- Aansluiten op koppelkansen (verduurzamingsopgave Woonconcept 2023), ook vanuit gemeentelijke organisatie anticiperen o</t>
  </si>
  <si>
    <t>BU01190100</t>
  </si>
  <si>
    <t>Galgenkamp</t>
  </si>
  <si>
    <t>WK011901</t>
  </si>
  <si>
    <t>2021BU01190100</t>
  </si>
  <si>
    <t>buurten.7d572284-08d8-4d8a-a736-dec58b87b7b0</t>
  </si>
  <si>
    <t>BU01190101</t>
  </si>
  <si>
    <t>Oude Vaart</t>
  </si>
  <si>
    <t>2021BU01190101</t>
  </si>
  <si>
    <t>buurten.53273d8a-1577-4bcc-a8a6-0ea354944d2f</t>
  </si>
  <si>
    <t>BU01190200</t>
  </si>
  <si>
    <t>Heinsiusbuurt</t>
  </si>
  <si>
    <t>WK011902</t>
  </si>
  <si>
    <t>2021BU01190200</t>
  </si>
  <si>
    <t>buurten.515535b0-e399-4077-97d8-443052772012</t>
  </si>
  <si>
    <t>BU01190201</t>
  </si>
  <si>
    <t>Staatsliedenbuurt</t>
  </si>
  <si>
    <t>2021BU01190201</t>
  </si>
  <si>
    <t>buurten.4da6cc53-e5f0-4496-b570-28034bedd3d7</t>
  </si>
  <si>
    <t>BU01190202</t>
  </si>
  <si>
    <t>2021BU01190202</t>
  </si>
  <si>
    <t>buurten.149aa797-eb66-4527-ae8a-f738b5c559dd</t>
  </si>
  <si>
    <t>PL0119010006</t>
  </si>
  <si>
    <t>Wijkuitvoeringsplan Blankenstein</t>
  </si>
  <si>
    <t>2024-2025</t>
  </si>
  <si>
    <t>Voorwaarden:- Aansluiten op bestaande initiatieven- Individuele oplossingen nastreven</t>
  </si>
  <si>
    <t>Verduurzamen bedrijfspanden</t>
  </si>
  <si>
    <t>BU01190300</t>
  </si>
  <si>
    <t>Hesselingen</t>
  </si>
  <si>
    <t>WK011903</t>
  </si>
  <si>
    <t>2021BU01190300</t>
  </si>
  <si>
    <t>buurten.de8cf5b9-3713-4318-aeac-efa10c087dd7</t>
  </si>
  <si>
    <t>GM0180</t>
  </si>
  <si>
    <t>Staphorst</t>
  </si>
  <si>
    <t>energieneutraal 2050</t>
  </si>
  <si>
    <t>DC018001</t>
  </si>
  <si>
    <t>Transitievisie Warmte gemeente Staphorst</t>
  </si>
  <si>
    <t>2022-01-03</t>
  </si>
  <si>
    <t>De alternatieven garanderen warmtezekerheid en zijn toekomstbestendig; We gebruiken bewezen technieken; Elke inwoner moet kunnen meedoen; De alternatieven zijn technisch haalbaar en zoveel mogelijk betaalbaar; Per wijk worden verschillende warmteoplossin</t>
  </si>
  <si>
    <t>De TVW voor Staphorst is een richtinggevend instrument. Door een stip op de horizon te zetten voor huizen, straten en buurten, kunnen we keuzes maken die aansluiten op de doelen die we hebben gezet.</t>
  </si>
  <si>
    <t>In 2030, minimaal 49% van de energie uit hernieuwbare bronnen</t>
  </si>
  <si>
    <t>https://www.staphorst.nl/inwoners/energietransitie_44810/item/transitievisie-warmte_225217.html</t>
  </si>
  <si>
    <t>PL0119010001</t>
  </si>
  <si>
    <t>PL0180010007</t>
  </si>
  <si>
    <t>Voorkeursoptie: hernieuwbaar gas, terugvaloptie: individueel</t>
  </si>
  <si>
    <t>De alternatieven garanderen warmtezekerheid en zijn toekomstbestendig, Er wordt uitgegaan van bewezen technieken, Elke inwoner moet kunnen meedoen, De alternatieven zijn haalbaar en zo veel mogelijk betaalbaar, Per wijk worden verschillende alternatieven</t>
  </si>
  <si>
    <t>Vooroorlogse gebouwen: Schillabel D of hoger, Naoorlogse gebouwen: Schillabel B of hoger</t>
  </si>
  <si>
    <t>Elektriciteit, hernieuwbaar gas</t>
  </si>
  <si>
    <t>BU01190301</t>
  </si>
  <si>
    <t>Koeberg</t>
  </si>
  <si>
    <t>2021BU01190301</t>
  </si>
  <si>
    <t>buurten.cd637564-6188-4bf8-911b-962adb4fb3aa</t>
  </si>
  <si>
    <t>PL0119010003</t>
  </si>
  <si>
    <t>Wijkuitvoeringsplan Koedijkslanden</t>
  </si>
  <si>
    <t>Benutten restwarmte bedrijven op de Oevers en aansluiten op koppelkansen</t>
  </si>
  <si>
    <t>BU01190302</t>
  </si>
  <si>
    <t>Reestlanden</t>
  </si>
  <si>
    <t>2021BU01190302</t>
  </si>
  <si>
    <t>buurten.4dff6f9b-eca8-4c7a-9a48-93b8024930e2</t>
  </si>
  <si>
    <t>BU01190303</t>
  </si>
  <si>
    <t>2021BU01190303</t>
  </si>
  <si>
    <t>buurten.18d36485-8f4a-4a74-aebf-d1380a3dc543</t>
  </si>
  <si>
    <t>BU01190400</t>
  </si>
  <si>
    <t>Plantenbuurt</t>
  </si>
  <si>
    <t>WK011904</t>
  </si>
  <si>
    <t>2021BU01190400</t>
  </si>
  <si>
    <t>buurten.27e342c5-52bf-4d8b-9d5f-cba467907d27</t>
  </si>
  <si>
    <t>Wijkuitvoeringsplan Berggierslanden</t>
  </si>
  <si>
    <t>Voorwaarden plan:- keuzevrijheid voor woningeigenaren- homogene woningbouw (bouwjaar, energielabels)- gebruik maken van bestaand bewonersinitiatief- benutten natuurlijk meekoppelmoment vervanging CV-installatie- gasnet intact houden- financieringsvormen</t>
  </si>
  <si>
    <t>Berggierslanden aardgasvrij in 2030</t>
  </si>
  <si>
    <t>BU01190401</t>
  </si>
  <si>
    <t>Scheepsbuurt</t>
  </si>
  <si>
    <t>2021BU01190401</t>
  </si>
  <si>
    <t>buurten.a495681f-6a6a-41e1-b715-b413cc77d317</t>
  </si>
  <si>
    <t>BU01190500</t>
  </si>
  <si>
    <t>WK011905</t>
  </si>
  <si>
    <t>2021BU01190500</t>
  </si>
  <si>
    <t>buurten.8e0534f0-53df-4d45-b7a3-d53225500afe</t>
  </si>
  <si>
    <t>BU01190501</t>
  </si>
  <si>
    <t>Onderwijs-, sportpark</t>
  </si>
  <si>
    <t>2021BU01190501</t>
  </si>
  <si>
    <t>buurten.74a03bcf-bfbd-48c0-b12f-5ba8ab05d06f</t>
  </si>
  <si>
    <t>BU01190600</t>
  </si>
  <si>
    <t>Veldenbuurt</t>
  </si>
  <si>
    <t>WK011906</t>
  </si>
  <si>
    <t>2021BU01190600</t>
  </si>
  <si>
    <t>buurten.49319bcd-339b-4c5f-a951-7b6bf0229c2e</t>
  </si>
  <si>
    <t>PL0119010004</t>
  </si>
  <si>
    <t>Wijkuitvoeringsplan Oosterboer</t>
  </si>
  <si>
    <t>Voorwaarden:- Gebruik maken van de kennis en positieve energie in de wijk- Gebruik maken van het bestaande bewonersinitiatief- Sociale parameters zijn gunstig in de wijk, daar gebruik van maken- Afstemming met Enexis over capaciteit elektriciteitsnet</t>
  </si>
  <si>
    <t>Aquathermie (TEO)</t>
  </si>
  <si>
    <t>BU01190601</t>
  </si>
  <si>
    <t>Vlinderbuurt</t>
  </si>
  <si>
    <t>2021BU01190601</t>
  </si>
  <si>
    <t>buurten.04cc604a-a0fb-4ce2-ab8a-02be8ed3522f</t>
  </si>
  <si>
    <t>2023-2024</t>
  </si>
  <si>
    <t>Nieuwere woningen aardgasvrij maken, oudere woningen isoleren en hybride warmtepomp</t>
  </si>
  <si>
    <t>BU01190602</t>
  </si>
  <si>
    <t>2021BU01190602</t>
  </si>
  <si>
    <t>buurten.220da835-39a6-4f63-97a7-b420a75c4028</t>
  </si>
  <si>
    <t>BU01190603</t>
  </si>
  <si>
    <t>Verzetsbuurt</t>
  </si>
  <si>
    <t>2021BU01190603</t>
  </si>
  <si>
    <t>buurten.3a23da07-198e-4882-94ea-5902efd00b8e</t>
  </si>
  <si>
    <t>BU01190700</t>
  </si>
  <si>
    <t>Drukkersbuurt</t>
  </si>
  <si>
    <t>WK011907</t>
  </si>
  <si>
    <t>2021BU01190700</t>
  </si>
  <si>
    <t>buurten.16472ab8-4fac-4733-9de1-1c6420ba98e7</t>
  </si>
  <si>
    <t>BU01190701</t>
  </si>
  <si>
    <t>Nieuwveenselanden</t>
  </si>
  <si>
    <t>2021BU01190701</t>
  </si>
  <si>
    <t>buurten.66109614-7826-41b2-b2c3-104bf9b3e302</t>
  </si>
  <si>
    <t>BU01190800</t>
  </si>
  <si>
    <t>Blankenstein</t>
  </si>
  <si>
    <t>WK011908</t>
  </si>
  <si>
    <t>2021BU01190800</t>
  </si>
  <si>
    <t>buurten.4f8847c8-af5d-4f5f-9cbe-79624b51974a</t>
  </si>
  <si>
    <t>BU01190900</t>
  </si>
  <si>
    <t>Industrieterrein Noord I</t>
  </si>
  <si>
    <t>WK011909</t>
  </si>
  <si>
    <t>2021BU01190900</t>
  </si>
  <si>
    <t>buurten.fb3d67ca-18cd-474b-946e-a67ee64ee040</t>
  </si>
  <si>
    <t>BU01190901</t>
  </si>
  <si>
    <t>Industrieterrein Noord II</t>
  </si>
  <si>
    <t>2021BU01190901</t>
  </si>
  <si>
    <t>buurten.63a8fb96-4304-4ac8-afb5-c20671745cb8</t>
  </si>
  <si>
    <t>BU01191000</t>
  </si>
  <si>
    <t>Industrie Oevers A</t>
  </si>
  <si>
    <t>WK011910</t>
  </si>
  <si>
    <t>2021BU01191000</t>
  </si>
  <si>
    <t>buurten.213f5c3f-2b34-4b8d-8b78-cf7837f429ae</t>
  </si>
  <si>
    <t>BU01191001</t>
  </si>
  <si>
    <t>Industrie Oevers B</t>
  </si>
  <si>
    <t>2021BU01191001</t>
  </si>
  <si>
    <t>buurten.aaa4b130-96ec-43ba-af11-9271dca478de</t>
  </si>
  <si>
    <t>BU01191002</t>
  </si>
  <si>
    <t>Industrie Oevers C</t>
  </si>
  <si>
    <t>2021BU01191002</t>
  </si>
  <si>
    <t>buurten.96334e28-19f8-426a-b8df-6b7f0e2887db</t>
  </si>
  <si>
    <t>BU01191003</t>
  </si>
  <si>
    <t>Industrie Oevers D</t>
  </si>
  <si>
    <t>2021BU01191003</t>
  </si>
  <si>
    <t>buurten.808914a0-27bd-4e36-a0a7-4d7f9e4ad661</t>
  </si>
  <si>
    <t>BU01191004</t>
  </si>
  <si>
    <t>Industrie Oevers E</t>
  </si>
  <si>
    <t>2021BU01191004</t>
  </si>
  <si>
    <t>buurten.8b61d738-34de-4fb3-a4fa-479ac8258d2a</t>
  </si>
  <si>
    <t>BU01191100</t>
  </si>
  <si>
    <t>Verspreid gebied Meppel Noord</t>
  </si>
  <si>
    <t>WK011911</t>
  </si>
  <si>
    <t>2021BU01191100</t>
  </si>
  <si>
    <t>buurten.69aa428b-f197-40b4-a1ce-b5f094d4f51b</t>
  </si>
  <si>
    <t>BU01191101</t>
  </si>
  <si>
    <t>Verspreid gebied Meppel Oost</t>
  </si>
  <si>
    <t>2021BU01191101</t>
  </si>
  <si>
    <t>buurten.f88da90a-2e9f-4a54-84b9-07ab9880bee3</t>
  </si>
  <si>
    <t>BU01191102</t>
  </si>
  <si>
    <t>Verspreid gebied Meppel Zuid</t>
  </si>
  <si>
    <t>2021BU01191102</t>
  </si>
  <si>
    <t>buurten.46743f8f-c39e-443e-990e-3fcf8290cddf</t>
  </si>
  <si>
    <t>BU01191200</t>
  </si>
  <si>
    <t>Nijeveen Oost</t>
  </si>
  <si>
    <t>WK011912</t>
  </si>
  <si>
    <t>2021BU01191200</t>
  </si>
  <si>
    <t>buurten.590ea6c4-c783-4f88-ae98-b0dea3223608</t>
  </si>
  <si>
    <t>PL0119010005</t>
  </si>
  <si>
    <t>BU01191201</t>
  </si>
  <si>
    <t>Griftebuurt</t>
  </si>
  <si>
    <t>2021BU01191201</t>
  </si>
  <si>
    <t>buurten.03c1d1a6-36d2-49ae-beaa-4ba19858547b</t>
  </si>
  <si>
    <t>Wijkuitvoeringsplan Nijeveen kern</t>
  </si>
  <si>
    <t>Voorwaarden:- Leren van andere trajecten en negatieve ervaringen in het dorp- Onderzoeken wat de begrenzing wordt (meenemen van buitengebied of niet)- Inzetten op geen spijt maatregelen</t>
  </si>
  <si>
    <t>Het streven is om de wijk all-electric te maken</t>
  </si>
  <si>
    <t>BU01191202</t>
  </si>
  <si>
    <t>2021BU01191202</t>
  </si>
  <si>
    <t>buurten.100d94ac-0e6d-4849-9097-4d1d88762b2c</t>
  </si>
  <si>
    <t>BU01191203</t>
  </si>
  <si>
    <t>Danninge Erve</t>
  </si>
  <si>
    <t>2021BU01191203</t>
  </si>
  <si>
    <t>buurten.d5999b6e-a071-4b56-b521-537bbf5c38b2</t>
  </si>
  <si>
    <t>BU01191204</t>
  </si>
  <si>
    <t>Spijkerserve</t>
  </si>
  <si>
    <t>2021BU01191204</t>
  </si>
  <si>
    <t>buurten.57ee703f-a169-4728-b8e2-4a641ebb8da1</t>
  </si>
  <si>
    <t>BU01191205</t>
  </si>
  <si>
    <t>Tussenboerslanden</t>
  </si>
  <si>
    <t>2021BU01191205</t>
  </si>
  <si>
    <t>buurten.769f78b4-cf37-42e0-bbc2-222eaa70f737</t>
  </si>
  <si>
    <t>BU01191206</t>
  </si>
  <si>
    <t>Kolderveen</t>
  </si>
  <si>
    <t>2021BU01191206</t>
  </si>
  <si>
    <t>buurten.162ca485-7e7c-4c03-b370-ed16bc58f5b5</t>
  </si>
  <si>
    <t>BU01191207</t>
  </si>
  <si>
    <t>Kolderveense Bovenboer</t>
  </si>
  <si>
    <t>2021BU01191207</t>
  </si>
  <si>
    <t>buurten.aed8bae9-0ed3-4ce8-9ab1-a16464d77306</t>
  </si>
  <si>
    <t>BU01191208</t>
  </si>
  <si>
    <t>Nijeveense Bovenboer</t>
  </si>
  <si>
    <t>2021BU01191208</t>
  </si>
  <si>
    <t>buurten.aa0cf225-6632-4f1f-b8b0-25635d9a16d7</t>
  </si>
  <si>
    <t>BU01191209</t>
  </si>
  <si>
    <t>Verspreid gebied Nijeveen</t>
  </si>
  <si>
    <t>2021BU01191209</t>
  </si>
  <si>
    <t>buurten.e24c9af4-a8af-4825-88de-cc855db48fb4</t>
  </si>
  <si>
    <t>BU01191300</t>
  </si>
  <si>
    <t>Rogat</t>
  </si>
  <si>
    <t>WK011913</t>
  </si>
  <si>
    <t>2021BU01191300</t>
  </si>
  <si>
    <t>buurten.6677c655-9035-463a-a696-e29bf69b43b7</t>
  </si>
  <si>
    <t>BU01191301</t>
  </si>
  <si>
    <t>Broekhuizen</t>
  </si>
  <si>
    <t>2021BU01191301</t>
  </si>
  <si>
    <t>buurten.6f10f073-6228-4da1-9194-55f520ac62ad</t>
  </si>
  <si>
    <t>BU01191302</t>
  </si>
  <si>
    <t>De Schiphorst</t>
  </si>
  <si>
    <t>2021BU01191302</t>
  </si>
  <si>
    <t>buurten.8067e3dc-37af-4e11-90f0-8b5b5da46612</t>
  </si>
  <si>
    <t>BU01411000</t>
  </si>
  <si>
    <t>Binnenstad Noord</t>
  </si>
  <si>
    <t>WK014110</t>
  </si>
  <si>
    <t>GM0141</t>
  </si>
  <si>
    <t>Almelo</t>
  </si>
  <si>
    <t>2021BU01411000</t>
  </si>
  <si>
    <t>buurten.3978f9f7-a689-436b-ac84-dfe80c215fff</t>
  </si>
  <si>
    <t>BU01411001</t>
  </si>
  <si>
    <t>Binnenstad Zuid</t>
  </si>
  <si>
    <t>2021BU01411001</t>
  </si>
  <si>
    <t>buurten.73e922b2-d35a-455e-a0d3-d8611aa8f5a7</t>
  </si>
  <si>
    <t>BU01411002</t>
  </si>
  <si>
    <t>Ulk en omgeving</t>
  </si>
  <si>
    <t>2021BU01411002</t>
  </si>
  <si>
    <t>buurten.d8d58abd-9909-48f5-9921-809ab1074b87</t>
  </si>
  <si>
    <t>BU01411003</t>
  </si>
  <si>
    <t>Java en omgeving</t>
  </si>
  <si>
    <t>2021BU01411003</t>
  </si>
  <si>
    <t>buurten.22b06c41-0943-448f-b9d7-47eb0b5f1ef4</t>
  </si>
  <si>
    <t>BU01411100</t>
  </si>
  <si>
    <t>Bornsestraat Midden-Riet Noord</t>
  </si>
  <si>
    <t>WK014111</t>
  </si>
  <si>
    <t>2021BU01411100</t>
  </si>
  <si>
    <t>buurten.52127ecf-3c4d-4f36-b2da-aa3de4fa4dfd</t>
  </si>
  <si>
    <t>BU01411101</t>
  </si>
  <si>
    <t>Bornsestraat en omgeving Zuid</t>
  </si>
  <si>
    <t>2021BU01411101</t>
  </si>
  <si>
    <t>buurten.8ee72701-5e62-4cbd-b040-b3cfb16921d8</t>
  </si>
  <si>
    <t>DC014101</t>
  </si>
  <si>
    <t>Warmtevisie Almelo</t>
  </si>
  <si>
    <t>2020-07-01</t>
  </si>
  <si>
    <t>betrouwbaar, betaalbaar, duurzaam, gedragen</t>
  </si>
  <si>
    <t>beantwoorden hoe Almelo aardgasvrij wordt zonder definitieve keuzes te maken: uitgangspunten vaststellen</t>
  </si>
  <si>
    <t>https://ris2.ibabs.eu/Agenda/Details/Almelo/1327f7e0-edca-4f4c-bc09-7b732239bdd5</t>
  </si>
  <si>
    <t>PL0141010001</t>
  </si>
  <si>
    <t>Bedrijventerrein Bornestraat</t>
  </si>
  <si>
    <t>aardgasvrij(-ready) in 2030</t>
  </si>
  <si>
    <t>restwarmte Urenco</t>
  </si>
  <si>
    <t>BU01411102</t>
  </si>
  <si>
    <t>Arendsboer en omgeving Noord</t>
  </si>
  <si>
    <t>2021BU01411102</t>
  </si>
  <si>
    <t>buurten.4790da28-5d6f-46c3-a31f-3f36312e0f0d</t>
  </si>
  <si>
    <t>BU01411103</t>
  </si>
  <si>
    <t>Nieuwland</t>
  </si>
  <si>
    <t>2021BU01411103</t>
  </si>
  <si>
    <t>buurten.1a36f342-d240-4d7f-ba9a-0e5861aea5c3</t>
  </si>
  <si>
    <t>BU01411104</t>
  </si>
  <si>
    <t>Arendsboer en omgeving Zuid-Riet Zuid</t>
  </si>
  <si>
    <t>2021BU01411104</t>
  </si>
  <si>
    <t>buurten.a10c6c41-2a50-4562-a22c-afe0fc2ed527</t>
  </si>
  <si>
    <t>BU01411105</t>
  </si>
  <si>
    <t>Bedrijventerrein Bornsestraat</t>
  </si>
  <si>
    <t>2021BU01411105</t>
  </si>
  <si>
    <t>buurten.218477d0-a9f3-4595-ae34-8f38553e77b2</t>
  </si>
  <si>
    <t>BU01411109</t>
  </si>
  <si>
    <t>Verspreide huizen wijk 11</t>
  </si>
  <si>
    <t>2021BU01411109</t>
  </si>
  <si>
    <t>buurten.cbfdd33b-8bf7-4e27-8190-03c7a2c357cc</t>
  </si>
  <si>
    <t>GM0147</t>
  </si>
  <si>
    <t>Borne</t>
  </si>
  <si>
    <t>DC014701</t>
  </si>
  <si>
    <t>Samen stapsgewijs naar een CO2-neutraal Borne Energievisie</t>
  </si>
  <si>
    <t>2021-04-01</t>
  </si>
  <si>
    <t>betaalbaar en betrouwbaar, rendabel isoleren</t>
  </si>
  <si>
    <t>koestereren van de energie van eigen initiatieven van bewoners. Ruimte houden voor initiatieven en flexibiliteit in verdere uitwerking.</t>
  </si>
  <si>
    <t>over op duurzame warmtebronnen en collectieve systemen hebben de voorkeur</t>
  </si>
  <si>
    <t>https://ris2.ibabs.eu/Agenda/Details/Borne/bdc0fd1d-8cf9-4ffa-8f10-910e0a5c8ab1</t>
  </si>
  <si>
    <t>PL0147010015</t>
  </si>
  <si>
    <t>BU01411200</t>
  </si>
  <si>
    <t>Vriezenveenseweg en omgeving Haghoek Oost</t>
  </si>
  <si>
    <t>WK014112</t>
  </si>
  <si>
    <t>2021BU01411200</t>
  </si>
  <si>
    <t>buurten.6f64f2b9-d4d1-4f2f-9291-64d8dd8735a4</t>
  </si>
  <si>
    <t>BU01411201</t>
  </si>
  <si>
    <t>Parkweg en omgeving</t>
  </si>
  <si>
    <t>2021BU01411201</t>
  </si>
  <si>
    <t>buurten.f08357a1-e01f-4114-b477-dfc7a50fa00f</t>
  </si>
  <si>
    <t>BU01411202</t>
  </si>
  <si>
    <t>Vriezenveenseweg en omgeving Haghoek West</t>
  </si>
  <si>
    <t>2021BU01411202</t>
  </si>
  <si>
    <t>buurten.a0a855d6-7957-4c49-a028-d99bd6703e08</t>
  </si>
  <si>
    <t>BU01411203</t>
  </si>
  <si>
    <t>Indië</t>
  </si>
  <si>
    <t>2021BU01411203</t>
  </si>
  <si>
    <t>buurten.062521f4-7061-4ea9-913a-21b2d29100ca</t>
  </si>
  <si>
    <t>BU01411204</t>
  </si>
  <si>
    <t>Bedrijventerrein Dollegoor Turfkade</t>
  </si>
  <si>
    <t>2021BU01411204</t>
  </si>
  <si>
    <t>buurten.4e11357e-e60c-4bc1-bcad-6b7ae641c56a</t>
  </si>
  <si>
    <t>PL0141010003</t>
  </si>
  <si>
    <t>Aalderinkshoek Noordwest</t>
  </si>
  <si>
    <t>haalbaarheid businesscase warmtebedrijf, niet haalbaar zonder subsidie</t>
  </si>
  <si>
    <t>restwarmte bedrijven of RWZI</t>
  </si>
  <si>
    <t>restwarmte en/of aquathermie (RWZI)</t>
  </si>
  <si>
    <t>BU01411205</t>
  </si>
  <si>
    <t>Bedrijvenpark Twente</t>
  </si>
  <si>
    <t>2021BU01411205</t>
  </si>
  <si>
    <t>buurten.bac5395b-3167-4bcd-b4ae-4ea9d2d2b243</t>
  </si>
  <si>
    <t>GM0189</t>
  </si>
  <si>
    <t>GM1700</t>
  </si>
  <si>
    <t>Twenterand</t>
  </si>
  <si>
    <t>Wierden</t>
  </si>
  <si>
    <t>aardgasvrij en energieneutraal in 2050</t>
  </si>
  <si>
    <t>DC018901</t>
  </si>
  <si>
    <t>DC170001</t>
  </si>
  <si>
    <t>Samen stapsgewijs naar een aardgasvrij Twenterand</t>
  </si>
  <si>
    <t>Wierden gaat voor duurzaam. Op weg naar duurzame warmte in de gemeente Wierden</t>
  </si>
  <si>
    <t>2021-03-17</t>
  </si>
  <si>
    <t>Haalbaar (in stappen), betaalbaar, duidelijk voor inwoners, actief op zoek naar kansen en initiatieven, samen aan de slag</t>
  </si>
  <si>
    <t>Voorwaarden:, Transitie verloopt goed en zorgvuldig, Starten met isoleren, Samenwerken met inwoners, De transitie is betaalbaar voor iedereen, Actief betrekken van ondernemers</t>
  </si>
  <si>
    <t>Doelen:, Aardgasvrij maken van 10.000 woningen en 2.000 andere gebouwen in 2050, 49% minder CO2-uitstoot t.o.v. 1990 in 2030</t>
  </si>
  <si>
    <t>Energieneutraal en aardgasvrij in 2050</t>
  </si>
  <si>
    <t>https://wierden.notubiz.nl/document/9925329/2/8%20c%20Wierden%20gaat%20voor%20duurzaam%2018-3-2021</t>
  </si>
  <si>
    <t>https://www.twenterand.nl/_flysystem/mediaransitievisie-warmte-twenterand-vastgesteld-14-december-2021.pdf</t>
  </si>
  <si>
    <t>PL0189010002</t>
  </si>
  <si>
    <t>PL1700010004</t>
  </si>
  <si>
    <t>Actief zoeken naar kansen en initiatieven van inwoners</t>
  </si>
  <si>
    <t>Starten daar waar er kansen zijn in Twenterand</t>
  </si>
  <si>
    <t>kansrijk (Vergevorderd)</t>
  </si>
  <si>
    <t>Betrekken partijen voor onderzoeken mogelijkhedenOvername van een gasrotonde van de NAM</t>
  </si>
  <si>
    <t>Besparen van energie, het verhogen van wooncomfort en het pad naar eindoplossingen makkelijker maken</t>
  </si>
  <si>
    <t>Verduurzaming van de bestaande gasnetten</t>
  </si>
  <si>
    <t>Groen gasWaterstof</t>
  </si>
  <si>
    <t>BU01411206</t>
  </si>
  <si>
    <t>Aaboer</t>
  </si>
  <si>
    <t>2021BU01411206</t>
  </si>
  <si>
    <t>buurten.d368302b-e609-49c3-8438-3691fe180623</t>
  </si>
  <si>
    <t>BU01411209</t>
  </si>
  <si>
    <t>Verspreide huizen wijk 12</t>
  </si>
  <si>
    <t>2021BU01411209</t>
  </si>
  <si>
    <t>buurten.4a4cdf94-411e-42ee-a261-f5762f347dae</t>
  </si>
  <si>
    <t>PL1700010001</t>
  </si>
  <si>
    <t>Doel behalen door:- actief op zoek gaan naar ambassadeurs- voorbeelden van besparingen die succesvol zijn- benutten en ondersteunen van kansen waar die zich voordoen</t>
  </si>
  <si>
    <t>Doel behalen door:- te starten met isoleren (no-regret maatregelen)- aansluiten op renovatie opgave Mijande Wonen</t>
  </si>
  <si>
    <t>Steeds sneller laten verlopen van de transitie</t>
  </si>
  <si>
    <t>BU01411300</t>
  </si>
  <si>
    <t>Ootmarsumsestraat en omgeving</t>
  </si>
  <si>
    <t>WK014113</t>
  </si>
  <si>
    <t>2021BU01411300</t>
  </si>
  <si>
    <t>buurten.90b5c595-a8d0-4b26-976c-eb039ed00dff</t>
  </si>
  <si>
    <t>BU01411301</t>
  </si>
  <si>
    <t>Markgraven</t>
  </si>
  <si>
    <t>2021BU01411301</t>
  </si>
  <si>
    <t>buurten.c941fda6-87bf-44aa-bcd8-833ceb177c38</t>
  </si>
  <si>
    <t>BU01411302</t>
  </si>
  <si>
    <t>Rumerslanden</t>
  </si>
  <si>
    <t>2021BU01411302</t>
  </si>
  <si>
    <t>buurten.393b83d9-75f2-446f-b9a6-716fe4a993ab</t>
  </si>
  <si>
    <t>BU01411303</t>
  </si>
  <si>
    <t>Wester Sluitersveldlanden</t>
  </si>
  <si>
    <t>2021BU01411303</t>
  </si>
  <si>
    <t>buurten.835be773-5022-4039-bc22-3795405ebfa4</t>
  </si>
  <si>
    <t>BU01411304</t>
  </si>
  <si>
    <t>Robbenhaarsweg Noord</t>
  </si>
  <si>
    <t>2021BU01411304</t>
  </si>
  <si>
    <t>buurten.0224ec5f-1a7b-4492-a296-feb61dd3afd1</t>
  </si>
  <si>
    <t>GM0183</t>
  </si>
  <si>
    <t>Tubbergen</t>
  </si>
  <si>
    <t>DC018301</t>
  </si>
  <si>
    <t>Warmtevisie Noordoost-Twente</t>
  </si>
  <si>
    <t>Samen met bewoners en onze partners, Trias Energitica, betaalbaar en betrouwbaar, maatwerk per gebied, flexibiliteit</t>
  </si>
  <si>
    <t>meeweten, meedenken, meewerken en meebeslissen voor stakeholders</t>
  </si>
  <si>
    <t>https://www.energievannoordoosttwente.nl/media/1.-wtv-not-definitief-versie-15-10-2021.pdf</t>
  </si>
  <si>
    <t>PL0183010006</t>
  </si>
  <si>
    <t>PL0183010007</t>
  </si>
  <si>
    <t>Buitengebied woningen na 1992</t>
  </si>
  <si>
    <t>Buitengebied woningen voor 1992</t>
  </si>
  <si>
    <t>groen gas (van opgewaardeerd biogas van biogas netwerk Twente of groen waterstofgas)</t>
  </si>
  <si>
    <t>BU01411305</t>
  </si>
  <si>
    <t>Mooie Vrouwenweg en omgeving</t>
  </si>
  <si>
    <t>2021BU01411305</t>
  </si>
  <si>
    <t>buurten.c0826e22-17fe-482c-a771-32aea06c7b3b</t>
  </si>
  <si>
    <t>BU01411309</t>
  </si>
  <si>
    <t>Verspreide huizen wijk 13</t>
  </si>
  <si>
    <t>2021BU01411309</t>
  </si>
  <si>
    <t>buurten.f8a4ce31-b6fc-420f-bd20-0afc1a5a2ad8</t>
  </si>
  <si>
    <t>BU01411400</t>
  </si>
  <si>
    <t>Rohof en omgeving</t>
  </si>
  <si>
    <t>WK014114</t>
  </si>
  <si>
    <t>2021BU01411400</t>
  </si>
  <si>
    <t>buurten.058a7dd2-5c8d-4352-b0f0-4cdf9a99ceb7</t>
  </si>
  <si>
    <t>BU01411401</t>
  </si>
  <si>
    <t>Wierdensebrug en omgeving</t>
  </si>
  <si>
    <t>2021BU01411401</t>
  </si>
  <si>
    <t>buurten.a41967e2-7790-4e71-b387-a8671f82ef30</t>
  </si>
  <si>
    <t>PL0189010004</t>
  </si>
  <si>
    <t>Wierden Oost</t>
  </si>
  <si>
    <t>Ondersteunen van inwonerinitiatieven en bedrijven uit de dorpen om energie te besparen en over te gaan op andere warmte</t>
  </si>
  <si>
    <t>BU01411402</t>
  </si>
  <si>
    <t>Kerkelanden</t>
  </si>
  <si>
    <t>2021BU01411402</t>
  </si>
  <si>
    <t>buurten.71ae65ef-7924-43e8-9aae-f4e9f9703faa</t>
  </si>
  <si>
    <t>PL0141010002</t>
  </si>
  <si>
    <t>Hoogbouw in Aalderinkshoek</t>
  </si>
  <si>
    <t>haalbaarheid businesscase warmtebedrijf</t>
  </si>
  <si>
    <t>BU01411403</t>
  </si>
  <si>
    <t>Aalderinkshoek Noordoost</t>
  </si>
  <si>
    <t>2021BU01411403</t>
  </si>
  <si>
    <t>buurten.5ad012f1-0587-49bf-b9f9-8b60fa8185ef</t>
  </si>
  <si>
    <t>BU01411404</t>
  </si>
  <si>
    <t>Aalderinkshoek Zuidoost</t>
  </si>
  <si>
    <t>2021BU01411404</t>
  </si>
  <si>
    <t>buurten.72062128-cc85-470d-914b-1bea7af29e9b</t>
  </si>
  <si>
    <t>BU01411405</t>
  </si>
  <si>
    <t>2021BU01411405</t>
  </si>
  <si>
    <t>buurten.99d639cf-930c-4048-822d-31e843f78a16</t>
  </si>
  <si>
    <t>BU01411406</t>
  </si>
  <si>
    <t>Aalderinkshoek Zuidwest</t>
  </si>
  <si>
    <t>2021BU01411406</t>
  </si>
  <si>
    <t>buurten.d2aa4731-ed53-4d77-bb49-4a93da832c9d</t>
  </si>
  <si>
    <t>BU01411409</t>
  </si>
  <si>
    <t>Verspreide huizen wijk 14</t>
  </si>
  <si>
    <t>2021BU01411409</t>
  </si>
  <si>
    <t>buurten.88243e9c-8e28-4b31-ac6b-891e29e7da7a</t>
  </si>
  <si>
    <t>PL0189010001</t>
  </si>
  <si>
    <t>Gemeentebreed campagne energiebesparing</t>
  </si>
  <si>
    <t>Voorwaarden:- benutten van energie onder bewoners in de wijk- gebruik maken van bestaande infrastructuur- gunstige bouwjaren woningen</t>
  </si>
  <si>
    <t>BU01411500</t>
  </si>
  <si>
    <t>Nieuwstraat -Witvoet en omgeving</t>
  </si>
  <si>
    <t>WK014115</t>
  </si>
  <si>
    <t>2021BU01411500</t>
  </si>
  <si>
    <t>buurten.273f8a14-3155-4e7c-b251-e35974048610</t>
  </si>
  <si>
    <t>BU01411501</t>
  </si>
  <si>
    <t>Wonde en omgeving</t>
  </si>
  <si>
    <t>2021BU01411501</t>
  </si>
  <si>
    <t>buurten.200c21bb-3458-42ca-ae34-4c565a7ad8ce</t>
  </si>
  <si>
    <t>BU01411502</t>
  </si>
  <si>
    <t>Achterlanden en omgeving</t>
  </si>
  <si>
    <t>2021BU01411502</t>
  </si>
  <si>
    <t>buurten.56955c5d-2ab3-4ac2-9647-0b8a7e9f365a</t>
  </si>
  <si>
    <t>BU01411600</t>
  </si>
  <si>
    <t>Boomplaats</t>
  </si>
  <si>
    <t>WK014116</t>
  </si>
  <si>
    <t>2021BU01411600</t>
  </si>
  <si>
    <t>buurten.4527d666-9921-4ed4-8a63-6ccef8648eab</t>
  </si>
  <si>
    <t>BU01411601</t>
  </si>
  <si>
    <t>Ossenkoppelerhoek Oost</t>
  </si>
  <si>
    <t>2021BU01411601</t>
  </si>
  <si>
    <t>buurten.45e9fd9a-6f8e-422e-822b-b9348c7f1e40</t>
  </si>
  <si>
    <t>BU01411602</t>
  </si>
  <si>
    <t>Beeklust</t>
  </si>
  <si>
    <t>2021BU01411602</t>
  </si>
  <si>
    <t>buurten.5026fa11-40ca-456e-abda-403eb91c0a59</t>
  </si>
  <si>
    <t>BU01411603</t>
  </si>
  <si>
    <t>Ossenkoppelerhoek Midden Noord</t>
  </si>
  <si>
    <t>2021BU01411603</t>
  </si>
  <si>
    <t>buurten.3b99217c-f642-4ee6-beac-a7f657b29c7a</t>
  </si>
  <si>
    <t>BU01411604</t>
  </si>
  <si>
    <t>Ossenkoppelerhoek West</t>
  </si>
  <si>
    <t>2021BU01411604</t>
  </si>
  <si>
    <t>buurten.5ce31a9a-4fff-4c71-803e-38d9bd2b321b</t>
  </si>
  <si>
    <t>BU01411605</t>
  </si>
  <si>
    <t>Ossenkoppelerhoek Midden Zuid</t>
  </si>
  <si>
    <t>2021BU01411605</t>
  </si>
  <si>
    <t>buurten.0f600e23-d31e-4686-8083-8deb940104fb</t>
  </si>
  <si>
    <t>BU01411700</t>
  </si>
  <si>
    <t>Hofkamp West</t>
  </si>
  <si>
    <t>WK014117</t>
  </si>
  <si>
    <t>2021BU01411700</t>
  </si>
  <si>
    <t>buurten.f503fe8b-81f6-4e11-aa20-d217a761e983</t>
  </si>
  <si>
    <t>BU01411701</t>
  </si>
  <si>
    <t>Hofkamp Oost</t>
  </si>
  <si>
    <t>2021BU01411701</t>
  </si>
  <si>
    <t>buurten.0178c748-d93e-4cd6-a537-23969eb05164</t>
  </si>
  <si>
    <t>BU01411702</t>
  </si>
  <si>
    <t>Paradijs</t>
  </si>
  <si>
    <t>2021BU01411702</t>
  </si>
  <si>
    <t>buurten.c3eb6a38-cc3d-4484-85cf-9a4030c0f4ad</t>
  </si>
  <si>
    <t>BU01411703</t>
  </si>
  <si>
    <t>Kollenveld</t>
  </si>
  <si>
    <t>2021BU01411703</t>
  </si>
  <si>
    <t>buurten.89cf004d-a1ad-4e30-9e30-570f97e859cb</t>
  </si>
  <si>
    <t>BU01411709</t>
  </si>
  <si>
    <t>Verspreide huizen wijk 17</t>
  </si>
  <si>
    <t>2021BU01411709</t>
  </si>
  <si>
    <t>buurten.51220270-2140-44dc-a3f9-e1466c6fc718</t>
  </si>
  <si>
    <t>BU01411800</t>
  </si>
  <si>
    <t>Schelfhorst Zuidwest</t>
  </si>
  <si>
    <t>WK014118</t>
  </si>
  <si>
    <t>2021BU01411800</t>
  </si>
  <si>
    <t>buurten.c1d290ad-0ade-4945-a81b-0c29d4b5757b</t>
  </si>
  <si>
    <t>BU01411801</t>
  </si>
  <si>
    <t>Drakensteyn en omgeving</t>
  </si>
  <si>
    <t>2021BU01411801</t>
  </si>
  <si>
    <t>buurten.ed9b9693-f8f4-468d-b494-8541b081677f</t>
  </si>
  <si>
    <t>BU01411802</t>
  </si>
  <si>
    <t>Schelfhorst Noordwest</t>
  </si>
  <si>
    <t>2021BU01411802</t>
  </si>
  <si>
    <t>buurten.2589db24-8134-45c1-91dc-6269c2cfb2ea</t>
  </si>
  <si>
    <t>BU01411803</t>
  </si>
  <si>
    <t>Havezathe</t>
  </si>
  <si>
    <t>2021BU01411803</t>
  </si>
  <si>
    <t>buurten.2b994d27-4603-433a-a03d-8ce539e8b399</t>
  </si>
  <si>
    <t>BU01411804</t>
  </si>
  <si>
    <t>Schelfhorst Noordoost</t>
  </si>
  <si>
    <t>2021BU01411804</t>
  </si>
  <si>
    <t>buurten.3f06125a-01e4-414c-b907-bc992546f306</t>
  </si>
  <si>
    <t>BU01411805</t>
  </si>
  <si>
    <t>Schelfhorst Zuidoost</t>
  </si>
  <si>
    <t>2021BU01411805</t>
  </si>
  <si>
    <t>buurten.553f5c8b-d7ca-43d5-aca0-e192099cfb38</t>
  </si>
  <si>
    <t>BU01411806</t>
  </si>
  <si>
    <t>Veenelanden</t>
  </si>
  <si>
    <t>2021BU01411806</t>
  </si>
  <si>
    <t>buurten.f45969a2-028a-4c53-9e52-6c29c552f846</t>
  </si>
  <si>
    <t>BU01411900</t>
  </si>
  <si>
    <t>Groeneveld</t>
  </si>
  <si>
    <t>WK014119</t>
  </si>
  <si>
    <t>2021BU01411900</t>
  </si>
  <si>
    <t>buurten.3a945fbf-ff36-4a6b-86b2-c930b35d5236</t>
  </si>
  <si>
    <t>PL0141010004</t>
  </si>
  <si>
    <t>Leemslagen Oost, Leemslagen Noord, Leemslagen Zuid, Oostelijke kant van Kanaalzijde</t>
  </si>
  <si>
    <t>RWZI De Sumpel</t>
  </si>
  <si>
    <t>BU01411901</t>
  </si>
  <si>
    <t>Kanaalzijde</t>
  </si>
  <si>
    <t>2021BU01411901</t>
  </si>
  <si>
    <t>buurten.8ca3009b-dc7e-4b21-84a5-104f0eecd98f</t>
  </si>
  <si>
    <t>BU01411902</t>
  </si>
  <si>
    <t>Leemslagen Noord</t>
  </si>
  <si>
    <t>2021BU01411902</t>
  </si>
  <si>
    <t>buurten.2093efb3-95a7-4ff7-8420-adcfebc8bcc8</t>
  </si>
  <si>
    <t>BU01411903</t>
  </si>
  <si>
    <t>Leemslagen Zuid</t>
  </si>
  <si>
    <t>2021BU01411903</t>
  </si>
  <si>
    <t>buurten.e250a968-d76e-448e-9916-2f3be3cf7549</t>
  </si>
  <si>
    <t>BU01411904</t>
  </si>
  <si>
    <t>Zeven Bosjes</t>
  </si>
  <si>
    <t>2021BU01411904</t>
  </si>
  <si>
    <t>buurten.fbf90fc4-a490-4ede-80e9-ed643d40a63e</t>
  </si>
  <si>
    <t>BU01411905</t>
  </si>
  <si>
    <t>Leemslagen Oost</t>
  </si>
  <si>
    <t>2021BU01411905</t>
  </si>
  <si>
    <t>buurten.761deb1f-a937-4a59-88df-7a8fbdc6885e</t>
  </si>
  <si>
    <t>BU01411906</t>
  </si>
  <si>
    <t>Huttenveld</t>
  </si>
  <si>
    <t>2021BU01411906</t>
  </si>
  <si>
    <t>buurten.02c78ad2-44b8-4a80-b4b2-221c3e46de0b</t>
  </si>
  <si>
    <t>BU01411907</t>
  </si>
  <si>
    <t>Maardijk</t>
  </si>
  <si>
    <t>2021BU01411907</t>
  </si>
  <si>
    <t>buurten.5e6d9a0e-ab86-46fb-b001-b1eb4e282e1f</t>
  </si>
  <si>
    <t>BU01411908</t>
  </si>
  <si>
    <t>Bedrijventerrein Twentepoort - Stadion</t>
  </si>
  <si>
    <t>2021BU01411908</t>
  </si>
  <si>
    <t>buurten.ed64c234-d3f7-49a7-b3b2-6424732204ab</t>
  </si>
  <si>
    <t>BU01411909</t>
  </si>
  <si>
    <t>Nijrees</t>
  </si>
  <si>
    <t>2021BU01411909</t>
  </si>
  <si>
    <t>buurten.98a6d08f-6558-4af3-a88a-4e60847a7fd3</t>
  </si>
  <si>
    <t>BU01411910</t>
  </si>
  <si>
    <t>Bedrijventerrein XL Businesspark</t>
  </si>
  <si>
    <t>2021BU01411910</t>
  </si>
  <si>
    <t>buurten.f6bbcf0b-11cb-4b47-ae0c-debe6610e195</t>
  </si>
  <si>
    <t>BU01411920</t>
  </si>
  <si>
    <t>Verspreide huizen wijk 19</t>
  </si>
  <si>
    <t>2021BU01411920</t>
  </si>
  <si>
    <t>buurten.7d5b71e0-f68b-4c6a-b7f9-7e6a2660fb6d</t>
  </si>
  <si>
    <t>BU01412000</t>
  </si>
  <si>
    <t>Aadorp West</t>
  </si>
  <si>
    <t>WK014120</t>
  </si>
  <si>
    <t>2021BU01412000</t>
  </si>
  <si>
    <t>buurten.532a9719-fda8-4306-9466-3f13cbabc6f1</t>
  </si>
  <si>
    <t>BU01412001</t>
  </si>
  <si>
    <t>Aadorp Oost</t>
  </si>
  <si>
    <t>2021BU01412001</t>
  </si>
  <si>
    <t>buurten.24159766-cc4a-400d-b5d1-fee6862cb49e</t>
  </si>
  <si>
    <t>BU01412100</t>
  </si>
  <si>
    <t>Bornerbroek Kern</t>
  </si>
  <si>
    <t>WK014121</t>
  </si>
  <si>
    <t>2021BU01412100</t>
  </si>
  <si>
    <t>buurten.4f477d26-e0bb-4241-aca0-4a9de71e8f16</t>
  </si>
  <si>
    <t>BU01412109</t>
  </si>
  <si>
    <t>Verspreide huizen wijk 21</t>
  </si>
  <si>
    <t>2021BU01412109</t>
  </si>
  <si>
    <t>buurten.ca540c79-4b4b-4dd1-a7a2-aaba927dca81</t>
  </si>
  <si>
    <t>GM1735</t>
  </si>
  <si>
    <t>energieneutraal in 2035</t>
  </si>
  <si>
    <t>DC173501</t>
  </si>
  <si>
    <t>2021-11-30</t>
  </si>
  <si>
    <t>Iedereen kan meedoen, streven naar haalbare en betaalbare oplossingen en een balans tussen individuele kosten en maatschappelijke kosten. Het huidig comfortniveau is het minimum. De beschreven route voor een buurt moet handelingsperspectief bieden. Zette</t>
  </si>
  <si>
    <t>De TVW bevat een route op hoofdlijnen: het is een visie met de beste kennis van nu. Tevens is het een beleidskader voor gemeentelijke inspanningen. Omdat de warmtetransitie op veel plekken nog moet beginnen en deels nog in ontwikkeling is wordt de TVW mi</t>
  </si>
  <si>
    <t>https://gemeenteraad.hofvantwente.nl/Vergaderingen/Gemeenteraad/2022/08-februari/19:30/220119-TVW-Hof-van-Twente-Hoofdtekst.pdf</t>
  </si>
  <si>
    <t>PL1735010003</t>
  </si>
  <si>
    <t>Informeren en faciliteren individuele aanpakken energiebesparig</t>
  </si>
  <si>
    <t>Beperken warmtevraag door toepassen van isolatie, ventilatie en elektrisch koken</t>
  </si>
  <si>
    <t>BU01470000</t>
  </si>
  <si>
    <t>Bornsche Maten</t>
  </si>
  <si>
    <t>WK014700</t>
  </si>
  <si>
    <t>2021BU01470000</t>
  </si>
  <si>
    <t>buurten.d2d5dfbc-5bcf-4987-83a0-c12f5e9d4ff0</t>
  </si>
  <si>
    <t>PL0147010001</t>
  </si>
  <si>
    <t>Wensink-Noord</t>
  </si>
  <si>
    <t>gunstige ligging mogelijke route regionaal warmtenet</t>
  </si>
  <si>
    <t>nauw samenwerken met bewoners en leren voor wijkuitvoeringen die nog komen</t>
  </si>
  <si>
    <t>HT warmte</t>
  </si>
  <si>
    <t>aquathermie, WKO</t>
  </si>
  <si>
    <t>BU01470001</t>
  </si>
  <si>
    <t>Borne Centrum</t>
  </si>
  <si>
    <t>2021BU01470001</t>
  </si>
  <si>
    <t>buurten.20d04f54-296f-4610-bb1b-131cfe238b91</t>
  </si>
  <si>
    <t>PL0147010017</t>
  </si>
  <si>
    <t>Bedrijventerrein Molenkamp</t>
  </si>
  <si>
    <t>er dient voldoende energie in de wijk  te zijn</t>
  </si>
  <si>
    <t>schaal van de wijk ideaal voor pilot LT-verwarming met all electric of collectief WKO door veel nieuw en hoogbouw</t>
  </si>
  <si>
    <t>BU01470002</t>
  </si>
  <si>
    <t>'t Wensink Noord</t>
  </si>
  <si>
    <t>2021BU01470002</t>
  </si>
  <si>
    <t>buurten.72d30752-b9e3-43e5-b2d4-f20250fc34fa</t>
  </si>
  <si>
    <t>BU01470003</t>
  </si>
  <si>
    <t>'t Wensink Zuid</t>
  </si>
  <si>
    <t>2021BU01470003</t>
  </si>
  <si>
    <t>buurten.1b586942-817a-47ef-8f38-b76dc0cf9a31</t>
  </si>
  <si>
    <t>Wensink Zuid</t>
  </si>
  <si>
    <t>BU01470004</t>
  </si>
  <si>
    <t>Dikkerslaan-Molenkampsweg en omgeving</t>
  </si>
  <si>
    <t>2021BU01470004</t>
  </si>
  <si>
    <t>buurten.939ef422-8125-4a4b-bff0-94362ad9b360</t>
  </si>
  <si>
    <t>PL0147010002</t>
  </si>
  <si>
    <t>Vogelbuurt en Bomenbuurt</t>
  </si>
  <si>
    <t>leent zich voor collectieve aanpak</t>
  </si>
  <si>
    <t>BU01470005</t>
  </si>
  <si>
    <t>Lettersveld I</t>
  </si>
  <si>
    <t>2021BU01470005</t>
  </si>
  <si>
    <t>buurten.07ee3f5b-5943-49d4-bcde-9718381dbb06</t>
  </si>
  <si>
    <t>Oldhof</t>
  </si>
  <si>
    <t>BU01470006</t>
  </si>
  <si>
    <t>Lettersveld II</t>
  </si>
  <si>
    <t>2021BU01470006</t>
  </si>
  <si>
    <t>buurten.74962f95-4209-46cb-beb7-015b5b42409f</t>
  </si>
  <si>
    <t>Refined</t>
  </si>
  <si>
    <t>groen gas en/of HT warmte</t>
  </si>
  <si>
    <t>BU01470007</t>
  </si>
  <si>
    <t>Tichelkamp</t>
  </si>
  <si>
    <t>2021BU01470007</t>
  </si>
  <si>
    <t>buurten.4fa24667-5dbf-4150-abbb-d5e2dca3e5b3</t>
  </si>
  <si>
    <t>PL0147010008</t>
  </si>
  <si>
    <t>BU01470008</t>
  </si>
  <si>
    <t>Stroom-Esch</t>
  </si>
  <si>
    <t>2021BU01470008</t>
  </si>
  <si>
    <t>buurten.1c8959b9-8026-487d-b539-a04caa43dc28</t>
  </si>
  <si>
    <t>PL0147010005</t>
  </si>
  <si>
    <t>HT/MT warmte; retourleiding met MT-waarde (mits geschikt)</t>
  </si>
  <si>
    <t>HT warmte: bestaande warmtenet uitbreiden</t>
  </si>
  <si>
    <t>BU01470009</t>
  </si>
  <si>
    <t>Verspreide huizen Borne-West</t>
  </si>
  <si>
    <t>2021BU01470009</t>
  </si>
  <si>
    <t>buurten.d13e7693-f4d9-4238-85e9-d1fc49ac1be6</t>
  </si>
  <si>
    <t>Hof van Twente</t>
  </si>
  <si>
    <t>Transitievisie Warmte gemeente Hof van Twente</t>
  </si>
  <si>
    <t>Hebben de ambitie om in 2035 energieneutraal te zijn en de gemeentelijke organisatie in 2030 energieneutraal. Warmtetransitie is onderdeel van integrale aanpak met ruimtelijke ontwikkeling, biodiversiteit, afval en de doorontwikkeling van de landbouw. De</t>
  </si>
  <si>
    <t>Technisch haalrbare warmteoplossing tegen redelijke kosten, duurzame warmtebrin nabij. Het combineren van werkzaamheden.</t>
  </si>
  <si>
    <t>BU01470100</t>
  </si>
  <si>
    <t>Verspreide huizen Borne-Oost</t>
  </si>
  <si>
    <t>WK014701</t>
  </si>
  <si>
    <t>2021BU01470100</t>
  </si>
  <si>
    <t>buurten.19dd5f0c-8b9f-4862-8a44-e480f6f6d59f</t>
  </si>
  <si>
    <t>PL0147010006</t>
  </si>
  <si>
    <t>LT warmte uit aquathermie (onderzoek naar Bornse Beek als warmtebron) of collectieve WKO (mogelijk)</t>
  </si>
  <si>
    <t>LT warmte: aquathermie (TEO) en/of WKO</t>
  </si>
  <si>
    <t>BU01470101</t>
  </si>
  <si>
    <t>Zenderen</t>
  </si>
  <si>
    <t>2021BU01470101</t>
  </si>
  <si>
    <t>buurten.edd99ae6-6f9b-4b40-a483-d0fb0fe3a874</t>
  </si>
  <si>
    <t>PL0147010016</t>
  </si>
  <si>
    <t>als warmtenet langs de N73 loopt, optie voor Zenderen</t>
  </si>
  <si>
    <t>Hernieuwbaar gas (groen gas), HT warmte</t>
  </si>
  <si>
    <t>HT warmte en/of hernieuwbaar gas (groengas)</t>
  </si>
  <si>
    <t>BU01470102</t>
  </si>
  <si>
    <t>Verspreide huizen Zenderen</t>
  </si>
  <si>
    <t>2021BU01470102</t>
  </si>
  <si>
    <t>buurten.80adff04-53b7-4f49-8dda-69f7714309af</t>
  </si>
  <si>
    <t>PL0147010007</t>
  </si>
  <si>
    <t>BU01470105</t>
  </si>
  <si>
    <t>Hertme</t>
  </si>
  <si>
    <t>2021BU01470105</t>
  </si>
  <si>
    <t>buurten.e53e01fd-eb0a-4741-819a-043560221775</t>
  </si>
  <si>
    <t>PL0147010014</t>
  </si>
  <si>
    <t>BU01470106</t>
  </si>
  <si>
    <t>Verspreide huizen Hertme</t>
  </si>
  <si>
    <t>2021BU01470106</t>
  </si>
  <si>
    <t>buurten.ddf52b7b-0bb6-4e1c-840b-47da5431dff5</t>
  </si>
  <si>
    <t>PL1774010011</t>
  </si>
  <si>
    <t>voor 2050</t>
  </si>
  <si>
    <t>BU01480101</t>
  </si>
  <si>
    <t>Dalfsen Centrum</t>
  </si>
  <si>
    <t>WK014801</t>
  </si>
  <si>
    <t>GM0148</t>
  </si>
  <si>
    <t>Dalfsen</t>
  </si>
  <si>
    <t>2021BU01480101</t>
  </si>
  <si>
    <t>buurten.7fa72b57-0bbf-409f-a75f-5041cffc572e</t>
  </si>
  <si>
    <t>duurzaam verwarmd in 2050</t>
  </si>
  <si>
    <t>DC014801</t>
  </si>
  <si>
    <t>Samen onderweg naar duurzame warmte in Dalfsen</t>
  </si>
  <si>
    <t>2021-09-24</t>
  </si>
  <si>
    <t>1. Ons doel is CO2 besparen 2. We starten daar waar energie zit bij bewoners en bedrijven3. We hebben oog voor haalbaarheid en betaalbaarheid4. We onderzoeken de mogelijkheden voor collectieve technische oplossingen5. De visie is adaptief en toekomstgeri</t>
  </si>
  <si>
    <t>In de Transitievisie warmte beschrijven we welke stappen we gaan zetten voor 2030. We volgen een 2 sporen aanpak: 1. Verkennen van warmtenet voor de buurten Polhaar en Dalfsen Centrum. 2. Zo goed mogelijk faciliteren bewoners om woning op natuurlijke mom</t>
  </si>
  <si>
    <t>Ons doel is het aardgasgebruik in woningen te verminderen door het isoleren van woningen en gebouwen. Op termijn willen we aardgas vervangen door een duurzame warmtebron. Uiterlijk in 2050 verwarmen we de hele gebouwde omgeving met duurzame warmte.</t>
  </si>
  <si>
    <t>https://ris.dalfsen.nl/Vergaderingen/Gemeenteraad/2021/29-november/19:30</t>
  </si>
  <si>
    <t>PL0148010001</t>
  </si>
  <si>
    <t>PL0148010003</t>
  </si>
  <si>
    <t>Gemeentebreed isolatieprogramma</t>
  </si>
  <si>
    <t>definitief, voorbereidend</t>
  </si>
  <si>
    <t>draagvlak bewoners betreffende wijk</t>
  </si>
  <si>
    <t>Beginnen met isoleren en daarna overstappen op (hybride) warmtepomp</t>
  </si>
  <si>
    <t>Verkenning warmtenet samen met bewoners + technische haalbaarheid</t>
  </si>
  <si>
    <t>Restwarmte uit rioolwaterzuivering eventueel in combinatie met TEO (uit de Vecht) +  mogelijk restwarmte bedrijventerrein Oosterdalfsen</t>
  </si>
  <si>
    <t>restwarmte (industrie) en/of aquathermie (RWZI) en/of aquathermie (TEO)</t>
  </si>
  <si>
    <t>BU01480102</t>
  </si>
  <si>
    <t>Vechtvliet-Leemcule</t>
  </si>
  <si>
    <t>2021BU01480102</t>
  </si>
  <si>
    <t>buurten.9598239a-547e-431d-a905-a76e1744870f</t>
  </si>
  <si>
    <t>BU01480103</t>
  </si>
  <si>
    <t>Pleijendal</t>
  </si>
  <si>
    <t>2021BU01480103</t>
  </si>
  <si>
    <t>buurten.3f290913-5fff-4a14-92eb-bef5cbff8625</t>
  </si>
  <si>
    <t>BU01480104</t>
  </si>
  <si>
    <t>Polhaar</t>
  </si>
  <si>
    <t>2021BU01480104</t>
  </si>
  <si>
    <t>buurten.55610dbf-f39b-434f-a8c4-f4500da7e6ac</t>
  </si>
  <si>
    <t>PL0148010002</t>
  </si>
  <si>
    <t>BU01480105</t>
  </si>
  <si>
    <t>Ankummer Es</t>
  </si>
  <si>
    <t>2021BU01480105</t>
  </si>
  <si>
    <t>buurten.b0d0973f-2d33-4888-b818-ea99f46f25b9</t>
  </si>
  <si>
    <t>BU01480106</t>
  </si>
  <si>
    <t>Gernermarke-Oosterdalfsen</t>
  </si>
  <si>
    <t>2021BU01480106</t>
  </si>
  <si>
    <t>buurten.b61fc45d-2964-41f3-9c4a-b0566eaadc37</t>
  </si>
  <si>
    <t>BU01480107</t>
  </si>
  <si>
    <t>Bedrijventerrein Rondweg</t>
  </si>
  <si>
    <t>2021BU01480107</t>
  </si>
  <si>
    <t>buurten.3c10bb82-4bed-457e-ab6c-88b7ae064fe0</t>
  </si>
  <si>
    <t>BU01480108</t>
  </si>
  <si>
    <t>Ankum kern</t>
  </si>
  <si>
    <t>2021BU01480108</t>
  </si>
  <si>
    <t>buurten.5aa6c248-81e8-416f-b1c5-e3dd54a08794</t>
  </si>
  <si>
    <t>BU01480109</t>
  </si>
  <si>
    <t>Verspreide huizen Ankum</t>
  </si>
  <si>
    <t>2021BU01480109</t>
  </si>
  <si>
    <t>buurten.c816338c-7049-4857-9f03-f4fe5632bc7f</t>
  </si>
  <si>
    <t>BU01480110</t>
  </si>
  <si>
    <t>Verspreide huizen Dalfserveld</t>
  </si>
  <si>
    <t>2021BU01480110</t>
  </si>
  <si>
    <t>buurten.96e981fc-46db-4a7f-a4ac-5e4549e3f9c1</t>
  </si>
  <si>
    <t>BU01480111</t>
  </si>
  <si>
    <t>Verspreide huizen Welsum-Gerner</t>
  </si>
  <si>
    <t>2021BU01480111</t>
  </si>
  <si>
    <t>buurten.d19cf324-e571-4ae9-ad80-35f3da817219</t>
  </si>
  <si>
    <t>BU01480112</t>
  </si>
  <si>
    <t>Verspreide huizen Hessum-Rechteren</t>
  </si>
  <si>
    <t>2021BU01480112</t>
  </si>
  <si>
    <t>buurten.d6129575-c18b-4c96-a13f-20560058f530</t>
  </si>
  <si>
    <t>GM0175</t>
  </si>
  <si>
    <t>Ommen</t>
  </si>
  <si>
    <t>Een visie richting aardgasvrij en over hoe in 2050 woningen en gebouwen zonder aardgas of andere fossiele brandstof worden verwarmd,  er wordt gekookt of warm water wordt gemaakt.</t>
  </si>
  <si>
    <t>DC017501</t>
  </si>
  <si>
    <t>Transitievisie Warmte Eerste verkenning gemeente Ommen</t>
  </si>
  <si>
    <t>2009-12-21</t>
  </si>
  <si>
    <t>1. realistisch ambitieniveau dat past bij schaal en aard van gemeente Ommen2. Haalbare en bewezen duurzame technieken en bronnen3. Betaalbaar4. Meepraten en meedoen om tot maatschappelijke acceptatie te komen5. De houding van de gemeente sluit aan op de</t>
  </si>
  <si>
    <t>een visie richting aardgasvrij en over hoe in 2050 woningen en gebouwen zonder aardgas of andere fossiele brandstof worden vewarmd, er word gekookt of warm water wordt gemaakt.</t>
  </si>
  <si>
    <t>CO2 uitstoot verminderen. Aangeven welke duurzame alternatieve warmtebronnen worden voorzien in de gebouwde omgeving.welke duurzame alternatieven voor handen zijn om aardgas te vervangen. Routekaart.</t>
  </si>
  <si>
    <t>https://ommen.raadsinformatie.nl/document/11105119/2/Verkenning+Warmtetransitievisie</t>
  </si>
  <si>
    <t>PL0175010006</t>
  </si>
  <si>
    <t>Duurzame coalitie</t>
  </si>
  <si>
    <t>Stimuleren van plaatsen hybride warmtepomp</t>
  </si>
  <si>
    <t>definitief, stimulerend</t>
  </si>
  <si>
    <t>ondezoekend, signaleren en onderzoeken</t>
  </si>
  <si>
    <t>voorkeursoptie, kansen worden onderzocht en geanalyseerd</t>
  </si>
  <si>
    <t>actieve houding van de gemeente om kansen te signaleren en onderzoek te doen naar productie alternatief gas. Regionale aanpak binnen structuur van de RES lijkt de meest geeigende weg</t>
  </si>
  <si>
    <t>zijn de kansen robuust, toekomstvast, betaalbaar en haalbaar</t>
  </si>
  <si>
    <t>wat is nodig om eerste stappen richting aardgasvrij te zetten (kansen richting aardagsvrij benutten en over bewustzijn van en communicatie over energieverbruik en -transitie en ook over informatie en inzichtelijk maken van (beschikbare) financiele instru</t>
  </si>
  <si>
    <t>verzwaard Elektriciteitsnet + Gasnet</t>
  </si>
  <si>
    <t>BU01480113</t>
  </si>
  <si>
    <t>Verspreide huizen Dalmsholte</t>
  </si>
  <si>
    <t>2021BU01480113</t>
  </si>
  <si>
    <t>buurten.130d40be-8c16-4bae-8b04-2bc69e5f645b</t>
  </si>
  <si>
    <t>GM0177</t>
  </si>
  <si>
    <t>Raalte</t>
  </si>
  <si>
    <t>DC017701</t>
  </si>
  <si>
    <t>Warmtevisie; op weg naar aardgasvrij wonen</t>
  </si>
  <si>
    <t>Gezamenlijk en betrokken, duurzaam en betrouwbaar, haalbaar en betaalbaar, flexibel omgaan met onzekerheden</t>
  </si>
  <si>
    <t>De Warmtevisie is een startpunt voor gesprek met inwoners, woningcorporaties, netbeheerders, lokale energie-initiatieven, bedrijven en andere partners die betrokken zijn bij de overgang naar duurzame energiebronnen.</t>
  </si>
  <si>
    <t>https://warmtevisieraalte.ireporting.nl/home</t>
  </si>
  <si>
    <t>PL0177020001</t>
  </si>
  <si>
    <t>Iedere inwoner van Raalte kan vooralsnog zelf een keuze maken hoe zijn of haar huis in de toekomst duurzaam wordt verwarmd.,Warmteoplossing bij energielabel A of B: All electric. Warmtepolossing vanaf energielabel D: Hybride.</t>
  </si>
  <si>
    <t>woningen minimaal D, utiliteit minimaal B</t>
  </si>
  <si>
    <t>Schillabel D+ (wonen) B+ (util)</t>
  </si>
  <si>
    <t>BU01480114</t>
  </si>
  <si>
    <t>Verspreide huizen Millingen</t>
  </si>
  <si>
    <t>2021BU01480114</t>
  </si>
  <si>
    <t>buurten.7506739a-9488-4414-8baa-8dabe5551686</t>
  </si>
  <si>
    <t>Hoe ziet de gemeente Raalte er zonder aardgas uit? In deze Warmtevisie geven we de eerste antwoorden op deze vraag; stap 1) isoleren, stap 2) individuele oplossingen, stap 3) kennisontwikkeling</t>
  </si>
  <si>
    <t>Laag Zuthem Kern, Buitengebied Laag Zuthem, Buitengebied Lierderholthuis, Lierderholthuis Kern, Buitengebied Heino, Kiezebos, De Kampen, Heino Centrum, Heino Zuid, Buitengebied Raalte, Buitengebied Luttenberg, Luttenberg Kern, Marienheem Kern, Buitengebi</t>
  </si>
  <si>
    <t>kansrijke otie, concept</t>
  </si>
  <si>
    <t>BU01480115</t>
  </si>
  <si>
    <t>Verspreide huizen Emmen-De Marshoek</t>
  </si>
  <si>
    <t>2021BU01480115</t>
  </si>
  <si>
    <t>buurten.38f9106a-a24a-404e-a314-2cf55ed55ac3</t>
  </si>
  <si>
    <t>BU01480116</t>
  </si>
  <si>
    <t>Hoonhorst kern</t>
  </si>
  <si>
    <t>2021BU01480116</t>
  </si>
  <si>
    <t>buurten.3da19c6a-59ae-4fc0-be44-241437ae65e3</t>
  </si>
  <si>
    <t>BU01480117</t>
  </si>
  <si>
    <t>Verspreide huizen Lenthe</t>
  </si>
  <si>
    <t>2021BU01480117</t>
  </si>
  <si>
    <t>buurten.49294db2-e388-4fe2-b60f-28cbc5884184</t>
  </si>
  <si>
    <t>BU01480118</t>
  </si>
  <si>
    <t>Oudleusen kern</t>
  </si>
  <si>
    <t>2021BU01480118</t>
  </si>
  <si>
    <t>buurten.d56b8290-0f1b-4bde-b8ed-f5566e93e19e</t>
  </si>
  <si>
    <t>BU01480119</t>
  </si>
  <si>
    <t>Verspreide huizen Oudleusenerveld</t>
  </si>
  <si>
    <t>2021BU01480119</t>
  </si>
  <si>
    <t>buurten.8bffa15b-1dfc-43ba-8326-f0900f833f32</t>
  </si>
  <si>
    <t>BU01480201</t>
  </si>
  <si>
    <t>Nieuwleusen Noord</t>
  </si>
  <si>
    <t>WK014802</t>
  </si>
  <si>
    <t>2021BU01480201</t>
  </si>
  <si>
    <t>buurten.08ea234a-5422-477c-9dd6-99f53505f8dc</t>
  </si>
  <si>
    <t>Verspreide huizen Leyen, Verspreide huizen Lankhorst, Staphorst-Zuid, Verspreide huizen Rechterensweg en omgeving, Verspreide huizen Punthorst, Staphorst-Noord, Verspreide huizen Heidehoogten, Verspreide huizen Bisschops- en Munnikenslag, Rouveen Streek-</t>
  </si>
  <si>
    <t>BU01480202</t>
  </si>
  <si>
    <t>Nieuwleusen Centrum-noord</t>
  </si>
  <si>
    <t>2021BU01480202</t>
  </si>
  <si>
    <t>buurten.9c9c92f0-09b4-4f21-ada0-8d95c160f01e</t>
  </si>
  <si>
    <t>BU01480203</t>
  </si>
  <si>
    <t>Nieuwleusen Centrum-zuid</t>
  </si>
  <si>
    <t>2021BU01480203</t>
  </si>
  <si>
    <t>buurten.a3e27000-b064-4b41-8c7a-9de1966b99ed</t>
  </si>
  <si>
    <t>BU01480204</t>
  </si>
  <si>
    <t>Nieuwleusen Zuid</t>
  </si>
  <si>
    <t>2021BU01480204</t>
  </si>
  <si>
    <t>buurten.b1fcddb4-d27f-4a28-ad16-edc4879b7345</t>
  </si>
  <si>
    <t>BU01480205</t>
  </si>
  <si>
    <t>Westerbouwlanden</t>
  </si>
  <si>
    <t>2021BU01480205</t>
  </si>
  <si>
    <t>buurten.76e21ce7-a9dc-43ef-bf30-ae741a9d6df9</t>
  </si>
  <si>
    <t>BU01480206</t>
  </si>
  <si>
    <t>Bedrijventerrein De Grift</t>
  </si>
  <si>
    <t>2021BU01480206</t>
  </si>
  <si>
    <t>buurten.b905d882-bda9-453d-a9e5-fa01596cbb3c</t>
  </si>
  <si>
    <t>BU01480207</t>
  </si>
  <si>
    <t>Bedrijventerrein De Evenboer</t>
  </si>
  <si>
    <t>2021BU01480207</t>
  </si>
  <si>
    <t>buurten.54ef844f-c361-4a24-bc3f-33590aa2efc3</t>
  </si>
  <si>
    <t>BU01480208</t>
  </si>
  <si>
    <t>Verspreide huizen De Meele</t>
  </si>
  <si>
    <t>2021BU01480208</t>
  </si>
  <si>
    <t>buurten.7cad73b0-00a2-42a1-82e1-d2d695129656</t>
  </si>
  <si>
    <t>BU01480209</t>
  </si>
  <si>
    <t>Verspreide huizen Oosterhulst</t>
  </si>
  <si>
    <t>2021BU01480209</t>
  </si>
  <si>
    <t>buurten.16aed515-65ab-484a-b5ad-c07aa8f97b1e</t>
  </si>
  <si>
    <t>BU01480210</t>
  </si>
  <si>
    <t>Verspreide huizen Ruitenveen</t>
  </si>
  <si>
    <t>2021BU01480210</t>
  </si>
  <si>
    <t>buurten.4bfbd6a0-da1c-44e3-ae18-71e0856f18fd</t>
  </si>
  <si>
    <t>BU01480211</t>
  </si>
  <si>
    <t>Verspreide huizen Oosteinde</t>
  </si>
  <si>
    <t>2021BU01480211</t>
  </si>
  <si>
    <t>buurten.19a602ed-cb0f-4652-84f3-020544731eda</t>
  </si>
  <si>
    <t>BU01480301</t>
  </si>
  <si>
    <t>Lemelerveld kern west</t>
  </si>
  <si>
    <t>WK014803</t>
  </si>
  <si>
    <t>2021BU01480301</t>
  </si>
  <si>
    <t>buurten.932a3885-7528-4e23-b83c-d00639a12472</t>
  </si>
  <si>
    <t>BU01480302</t>
  </si>
  <si>
    <t>Lemelerveld kern oost</t>
  </si>
  <si>
    <t>2021BU01480302</t>
  </si>
  <si>
    <t>buurten.5bc4e926-9ab8-44a5-ac01-97166da3d414</t>
  </si>
  <si>
    <t>BU01480303</t>
  </si>
  <si>
    <t>Nieuwe Landen</t>
  </si>
  <si>
    <t>2021BU01480303</t>
  </si>
  <si>
    <t>buurten.c4991309-8a0b-4953-9df6-eeef68dbfc2a</t>
  </si>
  <si>
    <t>BU01480304</t>
  </si>
  <si>
    <t>Bedrijventerrein 't Febriek</t>
  </si>
  <si>
    <t>2021BU01480304</t>
  </si>
  <si>
    <t>buurten.b8d6dd83-ac62-4f9f-a53b-719cd495098a</t>
  </si>
  <si>
    <t>BU01480305</t>
  </si>
  <si>
    <t>Verspreide huizen Lemelerveld west</t>
  </si>
  <si>
    <t>2021BU01480305</t>
  </si>
  <si>
    <t>buurten.df22e4e1-69af-4f72-b2c5-af3b776922a0</t>
  </si>
  <si>
    <t>BU01480306</t>
  </si>
  <si>
    <t>Verspreide huizen Lemelerveld oost</t>
  </si>
  <si>
    <t>2021BU01480306</t>
  </si>
  <si>
    <t>buurten.b483017c-1a0b-4b1f-aabf-16cb2c197968</t>
  </si>
  <si>
    <t>BU01500101</t>
  </si>
  <si>
    <t>WK015001</t>
  </si>
  <si>
    <t>GM0150</t>
  </si>
  <si>
    <t>Deventer</t>
  </si>
  <si>
    <t>2021BU01500101</t>
  </si>
  <si>
    <t>buurten.b82312f7-1805-4461-a958-ec4f56011c4f</t>
  </si>
  <si>
    <t>10.000 woningen aardgasvrij in 2030</t>
  </si>
  <si>
    <t>DC015001</t>
  </si>
  <si>
    <t>Samen op weg naar fossielvrij en betaalbaar wonen in Deventer</t>
  </si>
  <si>
    <t>Voorwaarde voor inzet potentie groen gas: Voorwaarde om deze potentie binnen Deventer te kunnen realiseren is sterk ondersteunend (nationaal) beleid voor groengas in de realisatie van innovatieve vergassingstechnieken nodig.5)</t>
  </si>
  <si>
    <t>TVW een belangrijk document in het inzichtelijk maken van de omvang van de opgave enwat een regierol van de gemeente in deze opgave betekent voor de organisatie van capaciteit en middelen in deze opgave voor de komende decennia</t>
  </si>
  <si>
    <t>Tot slot is het zinvol om de achterliggende opgave van de warmtetransitie niet uit het oog te verliezen: het terugdringen van de CO2 -uitstoot om daarmee de doelen van het Klimaatakkoord van Parijs te halen en zo de opwarming van de aarde te beperken</t>
  </si>
  <si>
    <t>https://webcache.googleusercontent.com/search?q=cache:N8zxBzHGx10J:https://www.deventer.nl/warmtetransitie+&amp;cd=1&amp;hl=nl&amp;ct=clnk&amp;gl=nl</t>
  </si>
  <si>
    <t>PL0150010001</t>
  </si>
  <si>
    <t>PL0150010022</t>
  </si>
  <si>
    <t>onderzoekend, voorbereidend</t>
  </si>
  <si>
    <t>potentie Ijssel positief</t>
  </si>
  <si>
    <t>Slim warmtenet RWZI opwaarden van LT naar 70 graden. Onderzoek uitbreiding Slim warmtenet naar de rest van de schil gevoed door Ijssel</t>
  </si>
  <si>
    <t>zoveel mogelijk gebruik van lokale restwarmte uit productieprocessen</t>
  </si>
  <si>
    <t>Mogelijk Hernieuwbaar gas</t>
  </si>
  <si>
    <t>BU01500102</t>
  </si>
  <si>
    <t>Bergkwartier</t>
  </si>
  <si>
    <t>2021BU01500102</t>
  </si>
  <si>
    <t>buurten.d68d5dd7-93eb-4b0f-a7fe-46d32519ddf5</t>
  </si>
  <si>
    <t>BU01500103</t>
  </si>
  <si>
    <t>Noordenbergkwartier</t>
  </si>
  <si>
    <t>2021BU01500103</t>
  </si>
  <si>
    <t>buurten.0b7d0178-66ad-448e-acfc-3728be6eceaf</t>
  </si>
  <si>
    <t>BU01500104</t>
  </si>
  <si>
    <t>Noordenbergsingel</t>
  </si>
  <si>
    <t>2021BU01500104</t>
  </si>
  <si>
    <t>buurten.12ca9fe0-dd55-47ca-89ea-8b5b5670a82d</t>
  </si>
  <si>
    <t>Schil Zandweerd Voorstad</t>
  </si>
  <si>
    <t>BU01500105</t>
  </si>
  <si>
    <t>Singel</t>
  </si>
  <si>
    <t>2021BU01500105</t>
  </si>
  <si>
    <t>buurten.9e0ce9f4-efc5-4d4d-a737-4a3c6f80bedc</t>
  </si>
  <si>
    <t>potentie Ijssel + Singel positief</t>
  </si>
  <si>
    <t>WUP: Slim warmtenet RWZI opwaarden van LT naar 70 graden. Onderzoek uitbreiding Slim warmtenet naar de rest van de schil gevoed door Ijssel</t>
  </si>
  <si>
    <t>BU01500106</t>
  </si>
  <si>
    <t>Raambuurt</t>
  </si>
  <si>
    <t>2021BU01500106</t>
  </si>
  <si>
    <t>buurten.4d131972-d9aa-47cd-8c29-fa4e50f9691f</t>
  </si>
  <si>
    <t>Rivierenwijk II</t>
  </si>
  <si>
    <t>all electric bij woningen label B of beterl hybride of HR ketel met duurzaam/hernieuwbaar gas</t>
  </si>
  <si>
    <t>BU01500107</t>
  </si>
  <si>
    <t>Knutteldorp</t>
  </si>
  <si>
    <t>2021BU01500107</t>
  </si>
  <si>
    <t>buurten.1412cfa5-fd29-43b3-8c37-6a3c85c7861c</t>
  </si>
  <si>
    <t>BU01500201</t>
  </si>
  <si>
    <t>WK015002</t>
  </si>
  <si>
    <t>2021BU01500201</t>
  </si>
  <si>
    <t>buurten.fd5a5b72-f34d-4367-ad2c-3319bfdc9581</t>
  </si>
  <si>
    <t>GM0285</t>
  </si>
  <si>
    <t>Voorst</t>
  </si>
  <si>
    <t>DC028501</t>
  </si>
  <si>
    <t>Transitievisie Warmte; 2022 tot en met 2026</t>
  </si>
  <si>
    <t>2021-06-01</t>
  </si>
  <si>
    <t>woonlastenneutraliteit</t>
  </si>
  <si>
    <t>vormgeven WUP voor startbuurten</t>
  </si>
  <si>
    <t>2030: 20% (2800 weq) woningen aardgasvrij. 2050 100% aardgasvrij</t>
  </si>
  <si>
    <t>https://voorst.raadsinformatie.nl/document/10692531/1/2021-47617_Transitievisie%20Warmte</t>
  </si>
  <si>
    <t>PL0285010006</t>
  </si>
  <si>
    <t>Steenenkamer</t>
  </si>
  <si>
    <t>BU01500301</t>
  </si>
  <si>
    <t>Noorderplein</t>
  </si>
  <si>
    <t>WK015003</t>
  </si>
  <si>
    <t>2021BU01500301</t>
  </si>
  <si>
    <t>buurten.87fcc897-c1e9-4350-bab4-2adcdd826168</t>
  </si>
  <si>
    <t>BU01500302</t>
  </si>
  <si>
    <t>Zwolseweg</t>
  </si>
  <si>
    <t>2021BU01500302</t>
  </si>
  <si>
    <t>buurten.a8ef3f14-b826-4618-bfb6-353f09c7a999</t>
  </si>
  <si>
    <t>PL0150010003</t>
  </si>
  <si>
    <t>Afleverset en/of individueel alternatief</t>
  </si>
  <si>
    <t>BU01500303</t>
  </si>
  <si>
    <t>Lange Zandstraat</t>
  </si>
  <si>
    <t>2021BU01500303</t>
  </si>
  <si>
    <t>buurten.fddb0348-7bbf-49c8-bba0-867abca4b569</t>
  </si>
  <si>
    <t>BU01500304</t>
  </si>
  <si>
    <t>Zandweerd-Zuid</t>
  </si>
  <si>
    <t>2021BU01500304</t>
  </si>
  <si>
    <t>buurten.f6235338-74b9-46ab-83e9-e3223d1f1e9d</t>
  </si>
  <si>
    <t>BU01500305</t>
  </si>
  <si>
    <t>Zandweerd-Noord</t>
  </si>
  <si>
    <t>2021BU01500305</t>
  </si>
  <si>
    <t>buurten.17e0b95e-78f2-4d8c-8d09-4c604d9cb0c0</t>
  </si>
  <si>
    <t>BU01500306</t>
  </si>
  <si>
    <t>Schrijversbuurt</t>
  </si>
  <si>
    <t>2021BU01500306</t>
  </si>
  <si>
    <t>buurten.96068ab2-f435-4d9c-b5f1-b521d29b7e42</t>
  </si>
  <si>
    <t>BU01500401</t>
  </si>
  <si>
    <t>Rode Dorp</t>
  </si>
  <si>
    <t>WK015004</t>
  </si>
  <si>
    <t>2021BU01500401</t>
  </si>
  <si>
    <t>buurten.5212c176-d570-4e25-a944-7bb32d017273</t>
  </si>
  <si>
    <t>BU01500402</t>
  </si>
  <si>
    <t>Oudegoedstraat</t>
  </si>
  <si>
    <t>2021BU01500402</t>
  </si>
  <si>
    <t>buurten.fd13d022-8bed-452f-a145-919c44275ea5</t>
  </si>
  <si>
    <t>BU01500403</t>
  </si>
  <si>
    <t>Burgemeestersbuurt</t>
  </si>
  <si>
    <t>2021BU01500403</t>
  </si>
  <si>
    <t>buurten.752a4736-6200-4beb-bc36-326a694dbf11</t>
  </si>
  <si>
    <t>BU01500404</t>
  </si>
  <si>
    <t>Oosterstraat</t>
  </si>
  <si>
    <t>2021BU01500404</t>
  </si>
  <si>
    <t>buurten.555da2c8-7fd5-4751-82d6-dbb634d311b4</t>
  </si>
  <si>
    <t>BU01500405</t>
  </si>
  <si>
    <t>Rielerweg-West</t>
  </si>
  <si>
    <t>2021BU01500405</t>
  </si>
  <si>
    <t>buurten.9a0bd362-e505-4169-85d8-36cd651f6707</t>
  </si>
  <si>
    <t>BU01500406</t>
  </si>
  <si>
    <t>Rielerweg-Oost</t>
  </si>
  <si>
    <t>2021BU01500406</t>
  </si>
  <si>
    <t>buurten.a593f8f5-00d3-4ba4-b116-ff60365f5caf</t>
  </si>
  <si>
    <t>concept, optie</t>
  </si>
  <si>
    <t>Douwelerkolk</t>
  </si>
  <si>
    <t>BU01500407</t>
  </si>
  <si>
    <t>Brinkgreven</t>
  </si>
  <si>
    <t>2021BU01500407</t>
  </si>
  <si>
    <t>buurten.c2cef43d-d5ac-4c28-8fd4-95f3f39f1165</t>
  </si>
  <si>
    <t>BU01500501</t>
  </si>
  <si>
    <t>Borgele</t>
  </si>
  <si>
    <t>WK015005</t>
  </si>
  <si>
    <t>2021BU01500501</t>
  </si>
  <si>
    <t>buurten.31278a77-36a3-4767-94cd-1c8ae8a3ca44</t>
  </si>
  <si>
    <t>BU01500502</t>
  </si>
  <si>
    <t>Platvoet</t>
  </si>
  <si>
    <t>2021BU01500502</t>
  </si>
  <si>
    <t>buurten.e813f9bf-11b8-4203-9e97-735d67497e09</t>
  </si>
  <si>
    <t>BU01500601</t>
  </si>
  <si>
    <t>Ludgeruskwartier</t>
  </si>
  <si>
    <t>WK015006</t>
  </si>
  <si>
    <t>2021BU01500601</t>
  </si>
  <si>
    <t>buurten.35012c9b-b36b-4136-8e24-849b6ac8c653</t>
  </si>
  <si>
    <t>BU01500602</t>
  </si>
  <si>
    <t>2021BU01500602</t>
  </si>
  <si>
    <t>buurten.4d942841-2687-43a0-908e-744b8d5e892f</t>
  </si>
  <si>
    <t>BU01500603</t>
  </si>
  <si>
    <t>Rollecatekwartier</t>
  </si>
  <si>
    <t>2021BU01500603</t>
  </si>
  <si>
    <t>buurten.933241b2-fc41-4db3-8240-5d13f2cbf204</t>
  </si>
  <si>
    <t>BU01500604</t>
  </si>
  <si>
    <t>Oranjekwartier</t>
  </si>
  <si>
    <t>2021BU01500604</t>
  </si>
  <si>
    <t>buurten.fe7ad900-40f9-48ab-81fc-0d00fc7b286d</t>
  </si>
  <si>
    <t>PL0150010006</t>
  </si>
  <si>
    <t>Schalkhaar</t>
  </si>
  <si>
    <t>WUP: mogelijkheden bestaand warmtenet verduurzamen onderzoeken en/of uitsluiten</t>
  </si>
  <si>
    <t>BU01500605</t>
  </si>
  <si>
    <t>Landsherenkwartier</t>
  </si>
  <si>
    <t>2021BU01500605</t>
  </si>
  <si>
    <t>buurten.c6b01b65-dfcb-4593-8284-3462b43b2776</t>
  </si>
  <si>
    <t>PL0150010005</t>
  </si>
  <si>
    <t>Oranjekwartier en Ludgeruskwartier</t>
  </si>
  <si>
    <t>BU01500606</t>
  </si>
  <si>
    <t>Steenbrugge</t>
  </si>
  <si>
    <t>2021BU01500606</t>
  </si>
  <si>
    <t>buurten.d714cb64-34fb-4082-b300-934284132c16</t>
  </si>
  <si>
    <t>BU01500701</t>
  </si>
  <si>
    <t>WK015007</t>
  </si>
  <si>
    <t>2021BU01500701</t>
  </si>
  <si>
    <t>buurten.429c90eb-104f-4771-865c-805f0e29559d</t>
  </si>
  <si>
    <t>BU01500702</t>
  </si>
  <si>
    <t>Deltabuurt</t>
  </si>
  <si>
    <t>2021BU01500702</t>
  </si>
  <si>
    <t>buurten.286c3178-ff7c-4bf0-a7ec-ea86dc6754e9</t>
  </si>
  <si>
    <t>BU01500703</t>
  </si>
  <si>
    <t>Hoornwerk</t>
  </si>
  <si>
    <t>2021BU01500703</t>
  </si>
  <si>
    <t>buurten.13a77660-81f1-4fb4-a109-4f64160e879a</t>
  </si>
  <si>
    <t>BU01500704</t>
  </si>
  <si>
    <t>Industrieterrein</t>
  </si>
  <si>
    <t>2021BU01500704</t>
  </si>
  <si>
    <t>buurten.e01c3a41-a447-49ef-8c10-f04800abb36d</t>
  </si>
  <si>
    <t>BU01500705</t>
  </si>
  <si>
    <t>Kloosterlanden</t>
  </si>
  <si>
    <t>2021BU01500705</t>
  </si>
  <si>
    <t>buurten.8bce9fed-d3d0-4a65-8dec-c93a69f2206b</t>
  </si>
  <si>
    <t>PL0150010010</t>
  </si>
  <si>
    <t>na92: all electric / overige woningen hybride of HR ketel met duurzaam gas</t>
  </si>
  <si>
    <t>BU01500706</t>
  </si>
  <si>
    <t>Epse-Noord</t>
  </si>
  <si>
    <t>2021BU01500706</t>
  </si>
  <si>
    <t>buurten.6a8eac7c-2f07-493c-8290-13af79c32800</t>
  </si>
  <si>
    <t>PL0150010009</t>
  </si>
  <si>
    <t>Bathmen</t>
  </si>
  <si>
    <t>WUP</t>
  </si>
  <si>
    <t>BU01500801</t>
  </si>
  <si>
    <t>Het Oostrik</t>
  </si>
  <si>
    <t>WK015008</t>
  </si>
  <si>
    <t>2021BU01500801</t>
  </si>
  <si>
    <t>buurten.51fc946d-8610-4eac-af25-96daad7c6973</t>
  </si>
  <si>
    <t>BU01500802</t>
  </si>
  <si>
    <t>Groot Douwel</t>
  </si>
  <si>
    <t>2021BU01500802</t>
  </si>
  <si>
    <t>buurten.60e560aa-0782-4f88-a66b-940000b7ec92</t>
  </si>
  <si>
    <t>BU01500803</t>
  </si>
  <si>
    <t>Blauwenoord</t>
  </si>
  <si>
    <t>2021BU01500803</t>
  </si>
  <si>
    <t>buurten.100c9006-2bb5-433b-aef1-6d60d966729d</t>
  </si>
  <si>
    <t>BU01500901</t>
  </si>
  <si>
    <t>Op den Haar</t>
  </si>
  <si>
    <t>WK015009</t>
  </si>
  <si>
    <t>2021BU01500901</t>
  </si>
  <si>
    <t>buurten.70a45ce3-a59e-4404-b335-4d867b20718f</t>
  </si>
  <si>
    <t>BU01500902</t>
  </si>
  <si>
    <t>Steinvoorde</t>
  </si>
  <si>
    <t>2021BU01500902</t>
  </si>
  <si>
    <t>buurten.f60f45bb-c1d6-4161-9ae5-5f5850e5ddce</t>
  </si>
  <si>
    <t>BU01500903</t>
  </si>
  <si>
    <t>Graveland</t>
  </si>
  <si>
    <t>2021BU01500903</t>
  </si>
  <si>
    <t>buurten.a9ac1523-ff45-4098-b516-13540e203d3e</t>
  </si>
  <si>
    <t>BU01500904</t>
  </si>
  <si>
    <t>Het Jeurlink</t>
  </si>
  <si>
    <t>2021BU01500904</t>
  </si>
  <si>
    <t>buurten.88b668e4-dbdb-4737-ad42-8a5edafb26ad</t>
  </si>
  <si>
    <t>BU01500905</t>
  </si>
  <si>
    <t>Het Fetlaer en Spijkvoorder Enk</t>
  </si>
  <si>
    <t>2021BU01500905</t>
  </si>
  <si>
    <t>buurten.f857fe34-fd28-40b5-847a-ac54d907ca11</t>
  </si>
  <si>
    <t>BU01500906</t>
  </si>
  <si>
    <t>Spikvoorde</t>
  </si>
  <si>
    <t>2021BU01500906</t>
  </si>
  <si>
    <t>buurten.0a2b101f-8e94-4a30-9e1b-83385c81049e</t>
  </si>
  <si>
    <t>PL0150010008</t>
  </si>
  <si>
    <t>BU01500907</t>
  </si>
  <si>
    <t>Overig Colmschate-Noord</t>
  </si>
  <si>
    <t>2021BU01500907</t>
  </si>
  <si>
    <t>buurten.34d933dc-7c9e-4533-827a-3f2d0efd0f4d</t>
  </si>
  <si>
    <t>BU01501001</t>
  </si>
  <si>
    <t>Snipperling</t>
  </si>
  <si>
    <t>WK015010</t>
  </si>
  <si>
    <t>2021BU01501001</t>
  </si>
  <si>
    <t>buurten.3c27e030-a120-41a2-9837-e59e076e50c4</t>
  </si>
  <si>
    <t>BU01501002</t>
  </si>
  <si>
    <t>Dorp Colmschate</t>
  </si>
  <si>
    <t>2021BU01501002</t>
  </si>
  <si>
    <t>buurten.e2234168-063c-413f-ae20-4136a6f6731d</t>
  </si>
  <si>
    <t>BU01501003</t>
  </si>
  <si>
    <t>De Scheg</t>
  </si>
  <si>
    <t>2021BU01501003</t>
  </si>
  <si>
    <t>buurten.b0a194a0-e948-4157-b25b-1a5a86d82b75</t>
  </si>
  <si>
    <t>BU01501004</t>
  </si>
  <si>
    <t>Colmschaterenk</t>
  </si>
  <si>
    <t>2021BU01501004</t>
  </si>
  <si>
    <t>buurten.41acc5e5-c4f0-4bc9-a8b5-654374edda0c</t>
  </si>
  <si>
    <t>BU01501005</t>
  </si>
  <si>
    <t>Roessink</t>
  </si>
  <si>
    <t>2021BU01501005</t>
  </si>
  <si>
    <t>buurten.fba729f8-f879-494c-88c9-4cfe3a225a80</t>
  </si>
  <si>
    <t>BU01501006</t>
  </si>
  <si>
    <t>Het Bramelt</t>
  </si>
  <si>
    <t>2021BU01501006</t>
  </si>
  <si>
    <t>buurten.0167421c-8e90-4fd7-8cff-d1e9451d1f96</t>
  </si>
  <si>
    <t>BU01501007</t>
  </si>
  <si>
    <t>Essenerveld</t>
  </si>
  <si>
    <t>2021BU01501007</t>
  </si>
  <si>
    <t>buurten.602d64ae-5850-41a4-aa24-0f7ac289b09a</t>
  </si>
  <si>
    <t>BU01501008</t>
  </si>
  <si>
    <t>Swormink</t>
  </si>
  <si>
    <t>2021BU01501008</t>
  </si>
  <si>
    <t>buurten.e895bef9-e805-4dcc-af98-dc5ea66277a8</t>
  </si>
  <si>
    <t>BU01501009</t>
  </si>
  <si>
    <t>Handelspark De Weteringen</t>
  </si>
  <si>
    <t>2021BU01501009</t>
  </si>
  <si>
    <t>buurten.1196977a-c55f-4f40-b43e-2d2b28e02063</t>
  </si>
  <si>
    <t>BU01501010</t>
  </si>
  <si>
    <t>Bannink</t>
  </si>
  <si>
    <t>2021BU01501010</t>
  </si>
  <si>
    <t>buurten.51b7f19f-2f4a-4e14-a53c-785330819ed4</t>
  </si>
  <si>
    <t>BU01501101</t>
  </si>
  <si>
    <t>Dorp Diepenveen</t>
  </si>
  <si>
    <t>WK015011</t>
  </si>
  <si>
    <t>2021BU01501101</t>
  </si>
  <si>
    <t>buurten.3f75178a-b279-40af-92fa-d8ca76f12799</t>
  </si>
  <si>
    <t>GM1773</t>
  </si>
  <si>
    <t>Olst-Wijhe</t>
  </si>
  <si>
    <t>zoveel mogelijk van het aardgas af zijn en energieneutraal wonen. Daarbij vinden we een realistische en haalbare aanpak richting 2050 van belang</t>
  </si>
  <si>
    <t>DC177301</t>
  </si>
  <si>
    <t>Warmteverkenning Gemeente Olst-Wijhe</t>
  </si>
  <si>
    <t>Naast gemeenschappelijke uitgangspunten is een aantal externe randvoorwaarden die ingevuld moeten worden t.b.v. succesvolle uitvoering:1. Passende financiering; geen knaken, geen zaken2. Aanpassing wet, en regelgeving op diverse terreinen3. Duidelijkheid</t>
  </si>
  <si>
    <t>gezamenlijke focus en richting die nodig is om aan de slag te gaan. Ook geeft de verkenning een eerste duiding aan inwoners. Wat kan je doen als je met je eigen huis aan de slag wilt? Het maakt keuzes inzichtelijk, borgt een zorgvuldige politieke besluit</t>
  </si>
  <si>
    <t>Een visie waarin specifieke wijken of buurten worden aangewezen, met specifieke jaartallen om dit uit te voeren, is voorlopig financieel niet haalbaar. In deze Warmteverkenning wijzen we dus geen buurten of kernen aan. Wel zijn er een aantal warmtesporen</t>
  </si>
  <si>
    <t>https://www.olst-wijhe.nl/bestuur/visies-beleid-en-regelgeving/duurzaamheid/warmteverkenning</t>
  </si>
  <si>
    <t>PL1773010004</t>
  </si>
  <si>
    <t>concept, on hold</t>
  </si>
  <si>
    <t>verkennend, definitief plan</t>
  </si>
  <si>
    <t>Alleen bij technische en financiele mogelijkheden en als regelgeving het toelaat. Zo niet, dan wachten op nieuwe inzichten/mogelijkheden.</t>
  </si>
  <si>
    <t>realistisch, haalbaar, betaalbaar, wendbaar, lokale kracht benutten. Passende bouwkundige eigenschappen woning</t>
  </si>
  <si>
    <t>Iedereen kan klein beginnen en over een langere tijd maatregelen nemen, evt m.b.v. energieloket of energievakmannen.</t>
  </si>
  <si>
    <t>Warmtenet (mogelijk) + Gasnet</t>
  </si>
  <si>
    <t>BU01501102</t>
  </si>
  <si>
    <t>Rande</t>
  </si>
  <si>
    <t>2021BU01501102</t>
  </si>
  <si>
    <t>buurten.abe23cdf-c1b2-4c34-9757-b46a35c7e484</t>
  </si>
  <si>
    <t>BU01501103</t>
  </si>
  <si>
    <t>Tjoene</t>
  </si>
  <si>
    <t>2021BU01501103</t>
  </si>
  <si>
    <t>buurten.8e8f8fcc-9e9c-4e6b-b444-1c6bff7d9d2a</t>
  </si>
  <si>
    <t>BU01501201</t>
  </si>
  <si>
    <t>Dorp Schalkhaar</t>
  </si>
  <si>
    <t>WK015012</t>
  </si>
  <si>
    <t>2021BU01501201</t>
  </si>
  <si>
    <t>buurten.284b17cd-7815-4bd0-b5d7-18bb822d62a5</t>
  </si>
  <si>
    <t>BU01501202</t>
  </si>
  <si>
    <t>Averlo en Frieswijk</t>
  </si>
  <si>
    <t>2021BU01501202</t>
  </si>
  <si>
    <t>buurten.6ba32ae8-edcd-4cd3-968b-fa2b3537e090</t>
  </si>
  <si>
    <t>BU01501301</t>
  </si>
  <si>
    <t>Okkenbroek</t>
  </si>
  <si>
    <t>WK015013</t>
  </si>
  <si>
    <t>2021BU01501301</t>
  </si>
  <si>
    <t>buurten.2e9d8b06-5773-4610-8f68-74d4b7c48d25</t>
  </si>
  <si>
    <t>PL0150010007</t>
  </si>
  <si>
    <t>BU01501401</t>
  </si>
  <si>
    <t>Dorp Lettele</t>
  </si>
  <si>
    <t>WK015014</t>
  </si>
  <si>
    <t>2021BU01501401</t>
  </si>
  <si>
    <t>buurten.39c385d9-e4de-42f6-a22a-d964a2122abb</t>
  </si>
  <si>
    <t>BU01501402</t>
  </si>
  <si>
    <t>Oude Molen</t>
  </si>
  <si>
    <t>2021BU01501402</t>
  </si>
  <si>
    <t>buurten.5b88567a-4a78-44f0-97b1-db484f676009</t>
  </si>
  <si>
    <t>BU01501403</t>
  </si>
  <si>
    <t>Buitengebied Lettele en Okkenbroek</t>
  </si>
  <si>
    <t>2021BU01501403</t>
  </si>
  <si>
    <t>buurten.0f0eedb8-0e4a-4a71-bb2b-81d39cc7feac</t>
  </si>
  <si>
    <t>BU01501501</t>
  </si>
  <si>
    <t>Dorp Bathmen</t>
  </si>
  <si>
    <t>WK015015</t>
  </si>
  <si>
    <t>2021BU01501501</t>
  </si>
  <si>
    <t>buurten.1b184cd3-b48e-4922-bad5-58f2476c1aeb</t>
  </si>
  <si>
    <t>BU01501502</t>
  </si>
  <si>
    <t>Loo</t>
  </si>
  <si>
    <t>2021BU01501502</t>
  </si>
  <si>
    <t>buurten.4037ddc5-5185-466c-a910-0986246eadfe</t>
  </si>
  <si>
    <t>BU01501503</t>
  </si>
  <si>
    <t>Dortherhoek</t>
  </si>
  <si>
    <t>2021BU01501503</t>
  </si>
  <si>
    <t>buurten.a7761479-d25e-44c1-9f13-e6c4a7d5d1b4</t>
  </si>
  <si>
    <t>BU01501504</t>
  </si>
  <si>
    <t>Zuidloo</t>
  </si>
  <si>
    <t>2021BU01501504</t>
  </si>
  <si>
    <t>buurten.d8ecc4c7-cce1-4144-8ea7-f84ea15eeaf2</t>
  </si>
  <si>
    <t>BU01501505</t>
  </si>
  <si>
    <t>Oxerhof</t>
  </si>
  <si>
    <t>2021BU01501505</t>
  </si>
  <si>
    <t>buurten.c9688991-f082-436e-b3d8-3e11f6cbf919</t>
  </si>
  <si>
    <t>BU01530000</t>
  </si>
  <si>
    <t>City</t>
  </si>
  <si>
    <t>WK015300</t>
  </si>
  <si>
    <t>GM0153</t>
  </si>
  <si>
    <t>Enschede</t>
  </si>
  <si>
    <t>2021BU01530000</t>
  </si>
  <si>
    <t>buurten.c323885e-44f4-4438-b21d-10986b208458</t>
  </si>
  <si>
    <t>aardgasvrij en klimaatneutraal in 2050; gemeentelijk vastgoed aardgasvrij in 2040</t>
  </si>
  <si>
    <t>DC015301</t>
  </si>
  <si>
    <t>Transitievisie Warmte Enschede</t>
  </si>
  <si>
    <t>Woonlastenneutraal, laagste maatschappelijke kosten en betrokkenheid van bewoners bij proces.</t>
  </si>
  <si>
    <t>Dit is een eerste versie van de Enschedese Transitievisie Warmte. Het beeld van de transitie naar een aardgasvrij Enschede geeft een duidelijke richting weer, maar moet de komende jaren steeds herijkt worden. Bewoners, energiecooporaties en regionale ond</t>
  </si>
  <si>
    <t>De Transitievisie Warmte is een visie voor heel Enschede, die per wijk laat zien hoe en wanneer zij aardgasvrij gaat worden. Ook wordt aangegeven welk alternatief voor aardgas het meest geschikt is en in welke periode wijken aardgasvrij worden.</t>
  </si>
  <si>
    <t>https://enschede.bestuurlijkeinformatie.nl/Agenda/Document/2a008354-674b-41c4-a5ec-431da39e0b9a?documentId=705e3450-7b70-4944-8119-2d088769d69b&amp;agendaItemId=fd89752b-2a66-4dc3-b8ed-b77c05f96a75#</t>
  </si>
  <si>
    <t>PL0153010006</t>
  </si>
  <si>
    <t>PL0153010007</t>
  </si>
  <si>
    <t>City, Getvert, Horstlanden-Stadsweide, Boddenkamp, Cromhoffsbleek-Kotman, Walhof-Roessingh</t>
  </si>
  <si>
    <t>Hogeland-Noord, Veltkamp-Getfert-West, Velve-Lindehof, Wooldrik, Hogeland-Zuid, Pathmos, Stevenfenne, Tubantia-Toekomst, Voortman-Amelink, Scheurserve, Ribbelt-Ribbelerdink+ Buitengebieden</t>
  </si>
  <si>
    <t>Beperkte potentie WKO in Enschede</t>
  </si>
  <si>
    <t>Nieuwe innovaties kunnen keuze definitief warmtealternatief in de toekomst beenvloeden</t>
  </si>
  <si>
    <t>In diverse wijken in Enschede voorzien wij een combinatie van een warmtenet en een bronnet. De woningen in deze wijken zullen naar verwachting grotendeels op een warmtenet aangesloten worden en volgen het transitiepad zoals hierboven beschreven. Voor bed</t>
  </si>
  <si>
    <t>Voor deze wijken is het nog onduidelijk welke aardgasvrije warmteoptie zij krijgen. De modellen geven hierin geen uitsluitsel en laten bijvoorbeeld zien dat de kosten van de verschillende warmteopties (nog) erg dicht bij elkaar liggen. Daarom volgen deze</t>
  </si>
  <si>
    <t>Nader te bepalen</t>
  </si>
  <si>
    <t>Warmtenet of Bronnet</t>
  </si>
  <si>
    <t>Biomassaenergiecentrale van Twence (huidig), andere bronnen na herijking TVW vast te stellen, dan wel WKO/Aquathermie</t>
  </si>
  <si>
    <t>biomassa en/of aquathermie en/of WKO</t>
  </si>
  <si>
    <t>aquathermie, WKO, biomassa</t>
  </si>
  <si>
    <t>BU01530001</t>
  </si>
  <si>
    <t>Lasonder, Zeggelt</t>
  </si>
  <si>
    <t>2021BU01530001</t>
  </si>
  <si>
    <t>buurten.9dad2eba-ea22-4827-ba58-610d980b6308</t>
  </si>
  <si>
    <t>PL0153010004</t>
  </si>
  <si>
    <t>Lassonder-Zegelt, De Laares, De Bothoven, Boswinkel-De Braker, Stadsveld-Zuid, Elferink-Heuwkamp</t>
  </si>
  <si>
    <t>Vanaf 2030 zijn er mogelijk meer duurzame bronnen naast de huidige biomassacentrale nodig, zoals geothermie, om de duurzaamheid te blijven waarborgen wanneer het aantal aansluitingen op het warmtenet toeneemt. Bij de herijking van de Transitievisie Warmt</t>
  </si>
  <si>
    <t>Aansluiten op het warmtenet. Hiervoor moet er een distributienet in de wijk tot de woning of het gebouw worden aangelegd. Daarnaast moet in het gebouw een afleverset worden geenstalleerd i.p.v. een cv-ketel Aansluiten op een warmtenet kan ook voordat won</t>
  </si>
  <si>
    <t>Biomassaenergiecentrale van Twence (huidig), andere bronnen na herijking TVW vast te stellen</t>
  </si>
  <si>
    <t>BU01530002</t>
  </si>
  <si>
    <t>De Laares</t>
  </si>
  <si>
    <t>2021BU01530002</t>
  </si>
  <si>
    <t>buurten.958d1132-46b5-483a-b633-6b9b4943413f</t>
  </si>
  <si>
    <t>BU01530003</t>
  </si>
  <si>
    <t>De Bothoven</t>
  </si>
  <si>
    <t>2021BU01530003</t>
  </si>
  <si>
    <t>buurten.e79595f7-0465-4a9e-88e0-672ec4be900c</t>
  </si>
  <si>
    <t>BU01530004</t>
  </si>
  <si>
    <t>Hogeland-Noord</t>
  </si>
  <si>
    <t>2021BU01530004</t>
  </si>
  <si>
    <t>buurten.0446c663-fad4-4c9d-9e37-443329838a2e</t>
  </si>
  <si>
    <t>PL0153010005</t>
  </si>
  <si>
    <t>Varvik-Diekman en Kennispark</t>
  </si>
  <si>
    <t>BU01530005</t>
  </si>
  <si>
    <t>Getfert</t>
  </si>
  <si>
    <t>2021BU01530005</t>
  </si>
  <si>
    <t>buurten.43fead6a-d674-4392-985e-d3f1c00aac9a</t>
  </si>
  <si>
    <t>BU01530006</t>
  </si>
  <si>
    <t>Veldkamp-Getfert-West</t>
  </si>
  <si>
    <t>2021BU01530006</t>
  </si>
  <si>
    <t>buurten.d330a86e-857b-4233-ab64-e90e2876b455</t>
  </si>
  <si>
    <t>BU01530007</t>
  </si>
  <si>
    <t>Horstlanden-Stadsweide</t>
  </si>
  <si>
    <t>2021BU01530007</t>
  </si>
  <si>
    <t>buurten.ebe1a173-d798-49c3-a755-5141ef4ff350</t>
  </si>
  <si>
    <t>BU01530008</t>
  </si>
  <si>
    <t>Boddenkamp</t>
  </si>
  <si>
    <t>2021BU01530008</t>
  </si>
  <si>
    <t>buurten.780ff386-21ef-488c-817d-bd02bdb7201a</t>
  </si>
  <si>
    <t>PL0153010003</t>
  </si>
  <si>
    <t>Twekkelerveld, Stroinkslanden, Marssteden, Drienerveld-UT, Tubantia-Toekomst, Kennispark, Roombeek-Roomveldje, Deppenbroek, Mekkelholt, Wesselerbrink en t Zwering</t>
  </si>
  <si>
    <t>BU01530100</t>
  </si>
  <si>
    <t>Velve-Lindenhof</t>
  </si>
  <si>
    <t>WK015301</t>
  </si>
  <si>
    <t>2021BU01530100</t>
  </si>
  <si>
    <t>buurten.9ad39bbc-b1f7-4fe1-9688-68f399c2f230</t>
  </si>
  <si>
    <t>BU01530101</t>
  </si>
  <si>
    <t>Wooldrik</t>
  </si>
  <si>
    <t>2021BU01530101</t>
  </si>
  <si>
    <t>buurten.6834bf60-3baa-4047-b15e-31078d0dda8f</t>
  </si>
  <si>
    <t>BU01530102</t>
  </si>
  <si>
    <t>Hogeland-Zuid</t>
  </si>
  <si>
    <t>2021BU01530102</t>
  </si>
  <si>
    <t>buurten.2c3dc234-4089-4820-87c6-24b8c7abc549</t>
  </si>
  <si>
    <t>BU01530103</t>
  </si>
  <si>
    <t>Varvik-Diekman</t>
  </si>
  <si>
    <t>2021BU01530103</t>
  </si>
  <si>
    <t>buurten.7a947537-7d22-4818-a26f-5ee581620ca0</t>
  </si>
  <si>
    <t>BU01530104</t>
  </si>
  <si>
    <t>Sleutelkamp</t>
  </si>
  <si>
    <t>2021BU01530104</t>
  </si>
  <si>
    <t>buurten.ae5fb51a-52d5-4442-b4ee-fa7ae5f8c081</t>
  </si>
  <si>
    <t>PL0153010001</t>
  </si>
  <si>
    <t>De Leuriks, Stokhorst, Bolhaar, Bentsveld-Bultserve, Schipholt-Glanermaten</t>
  </si>
  <si>
    <t>Ruwenbos, Het Brunink, Sleutelkamp, Oikos, Eilermarke, Eekmaat West,</t>
  </si>
  <si>
    <t>In deze gebouwen is een extra stap nodig om de binnenhuisinstallatie (bijvoorbeeld radiatoren) geschikt te maken voor lagetemperatuurverwarming op basis van elektriciteit. Netverzwaring is noodzakelijk. Binnen deze all-electric wijken zullen lokale eilan</t>
  </si>
  <si>
    <t>Individueel all-electric door middel van een warmtepomp en boilervat in de woning en een extra verzwaard elektriciteitsnet in de wijk is de voorkeursoplossing. Dit zijn relatief jonge wijken. Deze wijken stappen gestaag over op all-electric, in het tempo</t>
  </si>
  <si>
    <t>Als bron voor deze warmtepompen kunnen de lucht, bodem, of zonthermische panelen dienen.</t>
  </si>
  <si>
    <t>bodemenergie en/of omgevingswarmte en/of zonnewarmte</t>
  </si>
  <si>
    <t>BU01530105</t>
  </si>
  <si>
    <t>'t Weldink</t>
  </si>
  <si>
    <t>2021BU01530105</t>
  </si>
  <si>
    <t>buurten.635bc10a-8e17-4e22-a2f7-146d01b53a26</t>
  </si>
  <si>
    <t>PL0153010008</t>
  </si>
  <si>
    <t>Bedrijventerreinen (Industriegebied en Haven, Euregio)</t>
  </si>
  <si>
    <t>Het tempo zal mede bepaald worden door de verplichtingen die bedrijven hebben op basis van de Wet milieubeheer om energie te besparen, en de handhaving van de Omgevingsdienst hierop</t>
  </si>
  <si>
    <t>BU01530106</t>
  </si>
  <si>
    <t>De Leuriks</t>
  </si>
  <si>
    <t>2021BU01530106</t>
  </si>
  <si>
    <t>buurten.10bb4d80-5424-48de-a3b8-743a1d640670</t>
  </si>
  <si>
    <t>PL0153010002</t>
  </si>
  <si>
    <t>Uitvoerend (eerst isolatie)</t>
  </si>
  <si>
    <t>Individueel all-electric door middel van een warmtepomp en boilervat in de woning en een extra verzwaard elektriciteitsnet in de wijk is de voorkeursoplossing. Dit zijn relatief oudere wijken, waar dus 10 jaar extra voor wordt uitegtrokken. Deze wijken s</t>
  </si>
  <si>
    <t>BU01530200</t>
  </si>
  <si>
    <t>Cromhoffsbleek-Kotman</t>
  </si>
  <si>
    <t>WK015302</t>
  </si>
  <si>
    <t>2021BU01530200</t>
  </si>
  <si>
    <t>buurten.024f6d2c-79ce-403f-8366-e16405c3a0e6</t>
  </si>
  <si>
    <t>BU01530201</t>
  </si>
  <si>
    <t>Boswinkel-De Braker</t>
  </si>
  <si>
    <t>2021BU01530201</t>
  </si>
  <si>
    <t>buurten.fcc45aaf-2149-4d37-bc1c-54756e5e5cf0</t>
  </si>
  <si>
    <t>BU01530202</t>
  </si>
  <si>
    <t>Pathmos</t>
  </si>
  <si>
    <t>2021BU01530202</t>
  </si>
  <si>
    <t>buurten.8a083ca9-ddbb-444c-bd91-9d401c826760</t>
  </si>
  <si>
    <t>BU01530203</t>
  </si>
  <si>
    <t>Stevenfenne</t>
  </si>
  <si>
    <t>2021BU01530203</t>
  </si>
  <si>
    <t>buurten.c75763dc-287c-4144-a7d9-3e06ca2984de</t>
  </si>
  <si>
    <t>BU01530204</t>
  </si>
  <si>
    <t>Stadsveld-Zuid</t>
  </si>
  <si>
    <t>2021BU01530204</t>
  </si>
  <si>
    <t>buurten.48822f4e-3b82-46a6-af1c-6267a475096e</t>
  </si>
  <si>
    <t>BU01530205</t>
  </si>
  <si>
    <t>Elferink-Heuwkamp</t>
  </si>
  <si>
    <t>2021BU01530205</t>
  </si>
  <si>
    <t>buurten.3ab75b12-2507-410c-9ff5-baafcd6ce892</t>
  </si>
  <si>
    <t>Bronnet (mogelijk)</t>
  </si>
  <si>
    <t>BU01530206</t>
  </si>
  <si>
    <t>Stadsveld-Noord-Bruggert</t>
  </si>
  <si>
    <t>2021BU01530206</t>
  </si>
  <si>
    <t>buurten.b4364e00-9e69-4ade-a66f-d211b0121475</t>
  </si>
  <si>
    <t>BU01530207</t>
  </si>
  <si>
    <t>'t Zwering</t>
  </si>
  <si>
    <t>2021BU01530207</t>
  </si>
  <si>
    <t>buurten.69511a16-3040-4363-b2e3-82fb9e8d03f4</t>
  </si>
  <si>
    <t>BU01530208</t>
  </si>
  <si>
    <t>Ruwenbos</t>
  </si>
  <si>
    <t>2021BU01530208</t>
  </si>
  <si>
    <t>buurten.38bde4ef-19dc-440f-89b0-a7adb22e21d0</t>
  </si>
  <si>
    <t>BU01530300</t>
  </si>
  <si>
    <t>Tubantia-Toekomst</t>
  </si>
  <si>
    <t>WK015303</t>
  </si>
  <si>
    <t>2021BU01530300</t>
  </si>
  <si>
    <t>buurten.f78f3c2c-360a-4a21-ba2b-d1f5d475701b</t>
  </si>
  <si>
    <t>Op bedrijventerreinen zullen individuele en (kleinschalige) collectieve warmteopties voorkomen. Het gaat daarbij om all-electric maar ook om kleinschalige collectieve bronnetten of individuele oplossingennaast aansluitingen op het warmtenet. De keuze han</t>
  </si>
  <si>
    <t>BU01530301</t>
  </si>
  <si>
    <t>Twekkelerveld</t>
  </si>
  <si>
    <t>2021BU01530301</t>
  </si>
  <si>
    <t>buurten.6d1556cd-a6f5-490c-b3de-cd231ac7a58b</t>
  </si>
  <si>
    <t>BU01530400</t>
  </si>
  <si>
    <t>Walhof-Roessingh</t>
  </si>
  <si>
    <t>WK015304</t>
  </si>
  <si>
    <t>2021BU01530400</t>
  </si>
  <si>
    <t>buurten.f75d31cd-d095-4a54-a174-e8e99cfba142</t>
  </si>
  <si>
    <t>BU01530401</t>
  </si>
  <si>
    <t>Bolhaar</t>
  </si>
  <si>
    <t>2021BU01530401</t>
  </si>
  <si>
    <t>buurten.0691992d-6ca9-42b1-86fc-a61fc9e0ce51</t>
  </si>
  <si>
    <t>BU01530402</t>
  </si>
  <si>
    <t>Roombeek-Roomveldje</t>
  </si>
  <si>
    <t>2021BU01530402</t>
  </si>
  <si>
    <t>buurten.8ad60b66-26e0-4e4c-a37d-a1443aeb6994</t>
  </si>
  <si>
    <t>BU01530403</t>
  </si>
  <si>
    <t>Mekkelholt</t>
  </si>
  <si>
    <t>2021BU01530403</t>
  </si>
  <si>
    <t>buurten.74e13ab7-c690-4c9e-9cbc-c09176c7f555</t>
  </si>
  <si>
    <t>BU01530404</t>
  </si>
  <si>
    <t>Deppenbroek</t>
  </si>
  <si>
    <t>2021BU01530404</t>
  </si>
  <si>
    <t>buurten.0ee5cf20-1e16-43ec-838e-70eae7295302</t>
  </si>
  <si>
    <t>BU01530405</t>
  </si>
  <si>
    <t>Voortman-Amelink</t>
  </si>
  <si>
    <t>2021BU01530405</t>
  </si>
  <si>
    <t>buurten.4b10db7e-cab2-4466-bfc5-26d538d95e9b</t>
  </si>
  <si>
    <t>BU01530406</t>
  </si>
  <si>
    <t>Drienerveld-U.T.</t>
  </si>
  <si>
    <t>2021BU01530406</t>
  </si>
  <si>
    <t>buurten.0c9f9430-3997-46ec-bc86-f68f3b42f938</t>
  </si>
  <si>
    <t>BU01530500</t>
  </si>
  <si>
    <t>Schreurserve</t>
  </si>
  <si>
    <t>WK015305</t>
  </si>
  <si>
    <t>2021BU01530500</t>
  </si>
  <si>
    <t>buurten.7a25341a-e0bc-4a34-bb20-7f5c2398c883</t>
  </si>
  <si>
    <t>BU01530501</t>
  </si>
  <si>
    <t>Ribbelt-Ribbelerbrink</t>
  </si>
  <si>
    <t>2021BU01530501</t>
  </si>
  <si>
    <t>buurten.274d5b0e-2da8-44ff-bc1b-8dd001017b72</t>
  </si>
  <si>
    <t>BU01530502</t>
  </si>
  <si>
    <t>Park Stokhorst</t>
  </si>
  <si>
    <t>2021BU01530502</t>
  </si>
  <si>
    <t>buurten.1e006235-98b3-451c-8737-0f38a7fe5f8f</t>
  </si>
  <si>
    <t>BU01530503</t>
  </si>
  <si>
    <t>Stokhorst</t>
  </si>
  <si>
    <t>2021BU01530503</t>
  </si>
  <si>
    <t>buurten.4e40ca53-2fcf-4b6f-bc19-90a48977cc9e</t>
  </si>
  <si>
    <t>BU01530600</t>
  </si>
  <si>
    <t>Stroinkslanden Noord-Oost</t>
  </si>
  <si>
    <t>WK015306</t>
  </si>
  <si>
    <t>2021BU01530600</t>
  </si>
  <si>
    <t>buurten.e3567c1e-330b-4df9-b268-631ccb584ff7</t>
  </si>
  <si>
    <t>BU01530601</t>
  </si>
  <si>
    <t>Stroinkslanden-Zuid</t>
  </si>
  <si>
    <t>2021BU01530601</t>
  </si>
  <si>
    <t>buurten.ec48a363-0ebe-4e8c-977d-ced771763c8d</t>
  </si>
  <si>
    <t>BU01530602</t>
  </si>
  <si>
    <t>Stroinkslanden Noord-West</t>
  </si>
  <si>
    <t>2021BU01530602</t>
  </si>
  <si>
    <t>buurten.43fc0f0c-e7d0-41cd-8452-c97644ad8e66</t>
  </si>
  <si>
    <t>BU01530603</t>
  </si>
  <si>
    <t>Wesselerbrink Noord-Oost</t>
  </si>
  <si>
    <t>2021BU01530603</t>
  </si>
  <si>
    <t>buurten.fd7ec5fe-4fd7-4561-8793-30d5e8d525a9</t>
  </si>
  <si>
    <t>BU01530604</t>
  </si>
  <si>
    <t>Wesselerbrink Zuid-Oost</t>
  </si>
  <si>
    <t>2021BU01530604</t>
  </si>
  <si>
    <t>buurten.da5e4671-5438-4cca-b0b3-d44b15662cbd</t>
  </si>
  <si>
    <t>BU01530605</t>
  </si>
  <si>
    <t>Wesselerbrink Zuid-West</t>
  </si>
  <si>
    <t>2021BU01530605</t>
  </si>
  <si>
    <t>buurten.4cd60506-fbbe-42e8-91ca-2987fc7bc45b</t>
  </si>
  <si>
    <t>BU01530606</t>
  </si>
  <si>
    <t>Wesselerbrink Noord-West</t>
  </si>
  <si>
    <t>2021BU01530606</t>
  </si>
  <si>
    <t>buurten.3f35aebf-ac07-41bc-8b1b-00e0860327af</t>
  </si>
  <si>
    <t>BU01530607</t>
  </si>
  <si>
    <t>Helmerhoek-Noord</t>
  </si>
  <si>
    <t>2021BU01530607</t>
  </si>
  <si>
    <t>buurten.62220de9-fd2f-4b5d-b118-9e55489aba22</t>
  </si>
  <si>
    <t>BU01530608</t>
  </si>
  <si>
    <t>Helmerhoek-Zuid</t>
  </si>
  <si>
    <t>2021BU01530608</t>
  </si>
  <si>
    <t>buurten.c6a15553-adf2-4601-a2f3-694bd95b42cb</t>
  </si>
  <si>
    <t>BU01530609</t>
  </si>
  <si>
    <t>het Brunink</t>
  </si>
  <si>
    <t>2021BU01530609</t>
  </si>
  <si>
    <t>buurten.b136384c-ecde-41a1-af13-515feba07f0b</t>
  </si>
  <si>
    <t>BU01530700</t>
  </si>
  <si>
    <t>Industrie- en havengebied</t>
  </si>
  <si>
    <t>WK015307</t>
  </si>
  <si>
    <t>2021BU01530700</t>
  </si>
  <si>
    <t>buurten.5b6155bf-dd1c-4705-90ad-f757c0085565</t>
  </si>
  <si>
    <t>BU01530701</t>
  </si>
  <si>
    <t>Marssteden</t>
  </si>
  <si>
    <t>2021BU01530701</t>
  </si>
  <si>
    <t>buurten.ed8b7253-1e8f-4df2-85f6-d4ba08d4938e</t>
  </si>
  <si>
    <t>BU01530702</t>
  </si>
  <si>
    <t>Koekoeksbeekhoek</t>
  </si>
  <si>
    <t>2021BU01530702</t>
  </si>
  <si>
    <t>buurten.46f78916-5c90-40fc-8255-fa892670c425</t>
  </si>
  <si>
    <t>BU01530703</t>
  </si>
  <si>
    <t>Kennispark</t>
  </si>
  <si>
    <t>2021BU01530703</t>
  </si>
  <si>
    <t>buurten.a543b367-69af-47fa-ab96-24620aadb91c</t>
  </si>
  <si>
    <t>BU01530800</t>
  </si>
  <si>
    <t>Glanerveld</t>
  </si>
  <si>
    <t>WK015308</t>
  </si>
  <si>
    <t>2021BU01530800</t>
  </si>
  <si>
    <t>buurten.125a6aa3-b23d-4a5f-bdb2-1965362ca0cb</t>
  </si>
  <si>
    <t>PL0168010001</t>
  </si>
  <si>
    <t>BU01530801</t>
  </si>
  <si>
    <t>Bentveld-Bultserve</t>
  </si>
  <si>
    <t>2021BU01530801</t>
  </si>
  <si>
    <t>buurten.11dbfa0f-6441-4703-b536-90eb43dd8b18</t>
  </si>
  <si>
    <t>BU01530802</t>
  </si>
  <si>
    <t>Schipholt-Glanermaten</t>
  </si>
  <si>
    <t>2021BU01530802</t>
  </si>
  <si>
    <t>buurten.e86ff579-8fbc-4d70-b606-24b8fccd9213</t>
  </si>
  <si>
    <t>BU01530803</t>
  </si>
  <si>
    <t>Eekmaat</t>
  </si>
  <si>
    <t>2021BU01530803</t>
  </si>
  <si>
    <t>buurten.ea8184f4-9488-49cc-94da-568400179783</t>
  </si>
  <si>
    <t>BU01530804</t>
  </si>
  <si>
    <t>Oikos</t>
  </si>
  <si>
    <t>2021BU01530804</t>
  </si>
  <si>
    <t>buurten.5c46366e-e11a-4cb9-8f60-33b56e761fb0</t>
  </si>
  <si>
    <t>BU01530805</t>
  </si>
  <si>
    <t>Eilermarke</t>
  </si>
  <si>
    <t>2021BU01530805</t>
  </si>
  <si>
    <t>buurten.750f9b84-5b11-4dee-a47d-09d655fb5f13</t>
  </si>
  <si>
    <t>BU01530806</t>
  </si>
  <si>
    <t>De Slank</t>
  </si>
  <si>
    <t>2021BU01530806</t>
  </si>
  <si>
    <t>buurten.cce83ebc-e519-4704-bdbc-1b9d093baa85</t>
  </si>
  <si>
    <t>BU01530807</t>
  </si>
  <si>
    <t>Dolphia</t>
  </si>
  <si>
    <t>2021BU01530807</t>
  </si>
  <si>
    <t>buurten.7354908b-2297-4e0f-bef1-3b96b6ced08c</t>
  </si>
  <si>
    <t>BU01530808</t>
  </si>
  <si>
    <t>Eekmaat West</t>
  </si>
  <si>
    <t>2021BU01530808</t>
  </si>
  <si>
    <t>buurten.0f95d92e-10f1-4424-ad56-ce24655e016e</t>
  </si>
  <si>
    <t>BU01530900</t>
  </si>
  <si>
    <t>Dorp Lonneker</t>
  </si>
  <si>
    <t>WK015309</t>
  </si>
  <si>
    <t>2021BU01530900</t>
  </si>
  <si>
    <t>buurten.a26f2ccb-3f31-4999-b5b0-7b84e124f1cb</t>
  </si>
  <si>
    <t>BU01530901</t>
  </si>
  <si>
    <t>Dorp Boekelo</t>
  </si>
  <si>
    <t>2021BU01530901</t>
  </si>
  <si>
    <t>buurten.cb89f9e3-43c1-4b2e-92e3-e5793193bb26</t>
  </si>
  <si>
    <t>BU01530902</t>
  </si>
  <si>
    <t>Buurtschap Lonneker-West</t>
  </si>
  <si>
    <t>2021BU01530902</t>
  </si>
  <si>
    <t>buurten.13fe0a41-a5d9-4e51-b6d5-179c76f35dff</t>
  </si>
  <si>
    <t>2020-2050</t>
  </si>
  <si>
    <t>BU01530903</t>
  </si>
  <si>
    <t>Noord Esmarke</t>
  </si>
  <si>
    <t>2021BU01530903</t>
  </si>
  <si>
    <t>buurten.d8422d96-9112-41a3-9e52-32f61029081d</t>
  </si>
  <si>
    <t>BU01530904</t>
  </si>
  <si>
    <t>Buurtschap Zuid-Esmarke</t>
  </si>
  <si>
    <t>2021BU01530904</t>
  </si>
  <si>
    <t>buurten.f59a503a-9f2f-461f-abf4-1a8bd4debded</t>
  </si>
  <si>
    <t>BU01530905</t>
  </si>
  <si>
    <t>Buurtschap Broekheurne</t>
  </si>
  <si>
    <t>2021BU01530905</t>
  </si>
  <si>
    <t>buurten.c465e0b2-a5a9-4ba8-9134-b1b7e9b35485</t>
  </si>
  <si>
    <t>GM0158</t>
  </si>
  <si>
    <t>Haaksbergen</t>
  </si>
  <si>
    <t>aardgasvrij in 2050, betaalbare, betrouwbare, aardgasvrije en duurzame warmtevoorziening in 2050</t>
  </si>
  <si>
    <t>DC015801</t>
  </si>
  <si>
    <t>Warmtevisie Haaksbergen</t>
  </si>
  <si>
    <t>2022-02-02</t>
  </si>
  <si>
    <t>Wij, de gemeente Haaksbergen, vinden het erg belangrijk dat de nieuwe energievoorziening betrouwbaar, veilig, betaalbaar en duurzaam is. Alleen als we dat samen voor elkaar krijgen, wordt het mogelijk voor iedereen om de overstap te maken. We maken geen</t>
  </si>
  <si>
    <t>Stap voor stap aardgasvrij We willen de overstap niet overhaasten, en gaan daarom stap voor stap aan de slag: 1. Vanaf nu isoleren: De gemeente helpt huiseigenaren bij het isoleren. 2. 2023-2025, onderzoek in een paar buurten: We starten in een paar buur</t>
  </si>
  <si>
    <t>Het doel is om rond 2030 ongeveer 20% van de gebouwen in onze gemeente aardgasvrij te verwarmen. Aardgasvrij in 2050</t>
  </si>
  <si>
    <t>https://digitaalpubliceren.com/ontwerpwarmtevisie/18366/22/#zoom=z</t>
  </si>
  <si>
    <t>PL0158010016</t>
  </si>
  <si>
    <t>In concept (afwachtend). Voor deze buurten liggen individuele warmteoplossingen per gebouw voor de hand. Wij realiseren ons dat inwoners en ondernemers hiervoor hun eigen tempo kiezen, vandaar een natuurlijk tempo. Logisch momenten zijn bijvoorbeeld bij</t>
  </si>
  <si>
    <t>a. de oplossing is duurzaam en technisch haalbaar b. de oplossing is voor alle belanghebbenden in principe financierbaar c. er is draagvlak bij een ruime meerderheid van bewoners, bedrijven en andere belanghebbende organisaties die nodig zijn voor de rea</t>
  </si>
  <si>
    <t>BU01530906</t>
  </si>
  <si>
    <t>Buurtschap Usselo</t>
  </si>
  <si>
    <t>2021BU01530906</t>
  </si>
  <si>
    <t>buurten.4ba230ff-ea78-45cf-8188-8f1c48671f0b</t>
  </si>
  <si>
    <t>BU01530907</t>
  </si>
  <si>
    <t>Boekelerveld</t>
  </si>
  <si>
    <t>2021BU01530907</t>
  </si>
  <si>
    <t>buurten.677113e3-c187-46f9-9818-4fddbb713060</t>
  </si>
  <si>
    <t>Gemeentebrede isolatie + op ten duur aardgasvrij</t>
  </si>
  <si>
    <t>BU01530908</t>
  </si>
  <si>
    <t>Buurtschap Twekkelo</t>
  </si>
  <si>
    <t>2021BU01530908</t>
  </si>
  <si>
    <t>buurten.9ae9e0dd-1459-4599-abb0-f14631f029de</t>
  </si>
  <si>
    <t>GM0164</t>
  </si>
  <si>
    <t>Hengelo</t>
  </si>
  <si>
    <t>een gezonde, groene en energieneutrale stad, waar inwoners met plezier leven</t>
  </si>
  <si>
    <t>DC016401</t>
  </si>
  <si>
    <t>Hoe en wanneer gaan we in de toekomst onze woningen duurzaam verwarmen</t>
  </si>
  <si>
    <t>2021-08-24</t>
  </si>
  <si>
    <t>haalbaar, Betaalbaar, duurzaam, toekomstbestendig</t>
  </si>
  <si>
    <t>ervaringen uitwisselen en kennisdeling in goede banen leiden</t>
  </si>
  <si>
    <t>https://www.hengelo.nl/bestanden/documenten/themasite-nieuweenergie/Documenten%20Nieuwe%20Energie%20COMPLEET.pdf</t>
  </si>
  <si>
    <t>PL0164010002</t>
  </si>
  <si>
    <t>WUP opstellen</t>
  </si>
  <si>
    <t>BU01580001</t>
  </si>
  <si>
    <t>Haaksbergen Kern-1</t>
  </si>
  <si>
    <t>WK015800</t>
  </si>
  <si>
    <t>2021BU01580001</t>
  </si>
  <si>
    <t>buurten.dbcb894f-cae6-4dff-a82c-7855c5e91810</t>
  </si>
  <si>
    <t>PL0158010001</t>
  </si>
  <si>
    <t>Veltmaat + H. Kern-1</t>
  </si>
  <si>
    <t>In concept (afwachtend). In het centrum staan veel oudere panden. We verwachten dat daar de opgave het meest complex is. Daarom willen we daar niet starten maar kijken hier op de langere termijn wat de beste oplossing is.</t>
  </si>
  <si>
    <t>In concept (onderzoekend). In de Els 1 willen we inzet van een warmtenet onderzoeken. Daarvoor is een collectieve aanpak nodig. Ook willen we samen met inwoners bekijken wat de mogelijkheden zijn om de gebouwen in dit gebied zover te isoleren en klaar te</t>
  </si>
  <si>
    <t>Voorsorterend. Er wordt vanaf 2023 onderzocht of een warmtenet haalbaar is.</t>
  </si>
  <si>
    <t>Gebieden waar het mogelijk lijkt om op kortere termijn (rond 2030-2035) aardgasvrij te worden. Voor deze buurten starten we in 2023 en 2024 met een verkenning. Hierin staat de haalbaarheid (technisch en financieel) en het betrekken van bewoners, ondernem</t>
  </si>
  <si>
    <t>Gemeente brede isolatie + op lange termijn aardgasvrij</t>
  </si>
  <si>
    <t>Verkenningswijk, wanneer mogelijk aardgasvrij voor 2035.</t>
  </si>
  <si>
    <t>Aquathermie Buurserbeek of Bergingsvijver of RWZI.</t>
  </si>
  <si>
    <t>aquathermie (TEO) en/of aquathermie (RWZI)</t>
  </si>
  <si>
    <t>BU01580002</t>
  </si>
  <si>
    <t>Haaksbergen Kern-2</t>
  </si>
  <si>
    <t>2021BU01580002</t>
  </si>
  <si>
    <t>buurten.4e8b6700-2750-4a3a-8c4f-11bf57f32216</t>
  </si>
  <si>
    <t>geen keuze gemaakt. In sommige delen van Haaksbergen staan (voornamelijk vooroorlogse) woningen die in de toekomst een hogere temperatuur warmteafgifte nodig hebben. In deze gebieden is het nog onzeker wat de meeste rendabele oplossing is: een warmtenet</t>
  </si>
  <si>
    <t>Aquathermie Buurserbeek of Bergingsvijver of RWZI. Anders elektra, gas en omgevingswarmte</t>
  </si>
  <si>
    <t>aquathermie (TEO) en/of aquathermie (RWZI) of gas en omgevingswarmte</t>
  </si>
  <si>
    <t>BU01580003</t>
  </si>
  <si>
    <t>Haaksbergen Kern-3</t>
  </si>
  <si>
    <t>2021BU01580003</t>
  </si>
  <si>
    <t>buurten.ac1c0909-4f48-41ba-97a1-9f96af49d758</t>
  </si>
  <si>
    <t>Centrum e.o.</t>
  </si>
  <si>
    <t>BU01580004</t>
  </si>
  <si>
    <t>Haaksbergen Kern-4</t>
  </si>
  <si>
    <t>2021BU01580004</t>
  </si>
  <si>
    <t>buurten.f69e15b8-a464-4d15-9509-8995f9e4fb83</t>
  </si>
  <si>
    <t>PL0158010010</t>
  </si>
  <si>
    <t>De Pas</t>
  </si>
  <si>
    <t>BU01580010</t>
  </si>
  <si>
    <t>Veldmaat 1</t>
  </si>
  <si>
    <t>2021BU01580010</t>
  </si>
  <si>
    <t>buurten.e8b505c1-3389-419e-828d-2a994f24de62</t>
  </si>
  <si>
    <t>PL0158010002</t>
  </si>
  <si>
    <t>BU01580011</t>
  </si>
  <si>
    <t>Veldmaat 2</t>
  </si>
  <si>
    <t>2021BU01580011</t>
  </si>
  <si>
    <t>buurten.52adb2c6-db83-4d0d-a1f8-9153d8df1f33</t>
  </si>
  <si>
    <t>PL0158010003</t>
  </si>
  <si>
    <t>Veltmaat 2</t>
  </si>
  <si>
    <t>In concept (verkennend). In deze clusters zal worden verkend of er mogelijkheden zijn om op korte termijn over te stappen op warmtepompen voor de warmtevoorziening. De overstap naar duurzame warmte in deze gebieden vergt relatief weinig investeringen. Hi</t>
  </si>
  <si>
    <t>BU01580020</t>
  </si>
  <si>
    <t>Leemdijk</t>
  </si>
  <si>
    <t>2021BU01580020</t>
  </si>
  <si>
    <t>buurten.e893d59c-3a03-4ec4-a5cf-279d0eb381a9</t>
  </si>
  <si>
    <t>BU01580030</t>
  </si>
  <si>
    <t>Zienesch</t>
  </si>
  <si>
    <t>2021BU01580030</t>
  </si>
  <si>
    <t>buurten.5256b237-9c09-453f-9a01-3b47b675a371</t>
  </si>
  <si>
    <t>Wolferink 2,5 en Zienesch</t>
  </si>
  <si>
    <t>voorkeursoptie warmtenet. Onderzoek pas op middellange termijn, ook afhankelijk van de uitkomst van het onderzoek in De Els 1.</t>
  </si>
  <si>
    <t>Warmtenet onderzoeken op de middellange termijn + gemeentebrede isolatie</t>
  </si>
  <si>
    <t>BU01580040</t>
  </si>
  <si>
    <t>2021BU01580040</t>
  </si>
  <si>
    <t>buurten.4b92b268-4d72-40c2-a78e-dc68b0539bf6</t>
  </si>
  <si>
    <t>PL0158010004</t>
  </si>
  <si>
    <t>PL0158010015</t>
  </si>
  <si>
    <t>De Els 1</t>
  </si>
  <si>
    <t>Hassenbrink</t>
  </si>
  <si>
    <t>BU01580041</t>
  </si>
  <si>
    <t>De Els</t>
  </si>
  <si>
    <t>2021BU01580041</t>
  </si>
  <si>
    <t>buurten.1d17d6fe-c822-4ccc-b853-c8cb9e75ef02</t>
  </si>
  <si>
    <t>BU01580050</t>
  </si>
  <si>
    <t>Wolferink 1 en 4</t>
  </si>
  <si>
    <t>2021BU01580050</t>
  </si>
  <si>
    <t>buurten.f42321c2-a366-41c4-8f5e-3cf75fc762cd</t>
  </si>
  <si>
    <t>PL0158010006</t>
  </si>
  <si>
    <t>PL0158010009</t>
  </si>
  <si>
    <t>BU01580051</t>
  </si>
  <si>
    <t>Wolferink 2</t>
  </si>
  <si>
    <t>2021BU01580051</t>
  </si>
  <si>
    <t>buurten.227bc63d-ffba-4a7c-a913-a26c28870824</t>
  </si>
  <si>
    <t>In concept (verkennend). Hier kan een warmtnet ook interessant zijn. We kiezen ervoor om niet ineens in al deze gebieden te verkennen,maar om het kleiner op te starten (De Els 1). Deze buurt is geen officiele CBS buurt, maar een gebied dat een logisch cl</t>
  </si>
  <si>
    <t>BU01580052</t>
  </si>
  <si>
    <t>Wolferink 5</t>
  </si>
  <si>
    <t>2021BU01580052</t>
  </si>
  <si>
    <t>buurten.8dabff80-9240-43b8-8311-d4c072d82403</t>
  </si>
  <si>
    <t>PL0158010008</t>
  </si>
  <si>
    <t>BU01580053</t>
  </si>
  <si>
    <t>Wolferink 3</t>
  </si>
  <si>
    <t>2021BU01580053</t>
  </si>
  <si>
    <t>buurten.03d1d116-3be0-4e34-89d3-ac4603d4e50f</t>
  </si>
  <si>
    <t>BU01580060</t>
  </si>
  <si>
    <t>Hassinkbrink</t>
  </si>
  <si>
    <t>2021BU01580060</t>
  </si>
  <si>
    <t>buurten.a965ece2-77eb-4992-9575-f86b5604c3b6</t>
  </si>
  <si>
    <t>Wolferink 1,2,3</t>
  </si>
  <si>
    <t>BU01580090</t>
  </si>
  <si>
    <t>Industriegebied West</t>
  </si>
  <si>
    <t>2021BU01580090</t>
  </si>
  <si>
    <t>buurten.11c75200-b327-4619-b7c9-0bc5705db67c</t>
  </si>
  <si>
    <t>BU01580091</t>
  </si>
  <si>
    <t>Industriegebied Brammelo</t>
  </si>
  <si>
    <t>2021BU01580091</t>
  </si>
  <si>
    <t>buurten.214b7380-ae8e-457f-b654-04f9134b9b47</t>
  </si>
  <si>
    <t>BU01580160</t>
  </si>
  <si>
    <t>Verspreide huizen Langelo ten noorden van de spoorlijn</t>
  </si>
  <si>
    <t>WK015801</t>
  </si>
  <si>
    <t>2021BU01580160</t>
  </si>
  <si>
    <t>buurten.b9fe1632-2f57-4a41-96a0-038376d91666</t>
  </si>
  <si>
    <t>BU01580170</t>
  </si>
  <si>
    <t>Verspreide huizen Langelo (gedeeltelijk) en Honesch</t>
  </si>
  <si>
    <t>2021BU01580170</t>
  </si>
  <si>
    <t>buurten.65bfcd47-f7d4-45da-ac4a-974803f090b6</t>
  </si>
  <si>
    <t>GM1859</t>
  </si>
  <si>
    <t>Berkelland</t>
  </si>
  <si>
    <t>49% CO2-reductie over alle sectoren in 2030</t>
  </si>
  <si>
    <t>DC185901</t>
  </si>
  <si>
    <t>Transitievisie Warmte Berkelland</t>
  </si>
  <si>
    <t>Realistisch, haalbaar en betaalbaar.</t>
  </si>
  <si>
    <t>Duidelijkheid geven aan de inwoners over mogelijke oplossingen. De TVW moet inwoners en andere betrokkenen inzicht bieden in wat de warmtetransitie naar verwachting voor hen kan gaan betekenen (en waarom). Acties stimuleren, zonder mensen te dwingen.</t>
  </si>
  <si>
    <t>20% minder aardgas verbruik in 2030</t>
  </si>
  <si>
    <t>https://warmtevisieberkelland.ireporting.nl/</t>
  </si>
  <si>
    <t>PL1859010001</t>
  </si>
  <si>
    <t>Landelijk gebied en Neede</t>
  </si>
  <si>
    <t>Zoveel mogelijk dubbele infrastructuur vermijden, het elektriciteitsnetwerk moet het aankunnen, maatschappelijke kosten-baten moeten in beeld gebracht worden voordat er een definitief besluit wordt genomen. Daarnaast is het van belang om de wensen van in</t>
  </si>
  <si>
    <t>Besparen van energie en het overstappen op alternatieven voor aardgas</t>
  </si>
  <si>
    <t>Individuele oplossingen opgedeeld per isolatielabel. Voorkeur ligt bij zo goed mogelijk isoleren. Voor woningen waarbij het enkel mogelijk is tot schillabel B te isoleren worden andere duurzame eindoplossingen geschetst.</t>
  </si>
  <si>
    <t>BU01580180</t>
  </si>
  <si>
    <t>Verspreide huizen Veldmaat ten zuiden van de spoorlijn</t>
  </si>
  <si>
    <t>2021BU01580180</t>
  </si>
  <si>
    <t>buurten.2eb8b178-ede6-49fd-af05-164d552e7b7b</t>
  </si>
  <si>
    <t>BU01580190</t>
  </si>
  <si>
    <t>Verspreide huizen Veldmaat ten noorden van de spoorlijn</t>
  </si>
  <si>
    <t>2021BU01580190</t>
  </si>
  <si>
    <t>buurten.16f10258-1f87-460e-96ef-12dbdfcf753f</t>
  </si>
  <si>
    <t>Bedrijventerrein Noord</t>
  </si>
  <si>
    <t>BU01580200</t>
  </si>
  <si>
    <t>Sint Isidorushoeve kern</t>
  </si>
  <si>
    <t>WK015802</t>
  </si>
  <si>
    <t>2021BU01580200</t>
  </si>
  <si>
    <t>buurten.c4bec66a-cd68-4f47-ac47-5d8ffb48b692</t>
  </si>
  <si>
    <t>PL0158010011</t>
  </si>
  <si>
    <t>St. Isodorushoeve - all electric</t>
  </si>
  <si>
    <t>Grotendeels aardgasvrij voor 2035.</t>
  </si>
  <si>
    <t>BU01580290</t>
  </si>
  <si>
    <t>Verspreide huizen Sint Isidorushoeve</t>
  </si>
  <si>
    <t>2021BU01580290</t>
  </si>
  <si>
    <t>buurten.113a939a-846b-4401-afa6-743025137107</t>
  </si>
  <si>
    <t>BU01580300</t>
  </si>
  <si>
    <t>Buurse kern</t>
  </si>
  <si>
    <t>WK015803</t>
  </si>
  <si>
    <t>2021BU01580300</t>
  </si>
  <si>
    <t>buurten.bb62d42b-c4be-41d3-a333-664940436ced</t>
  </si>
  <si>
    <t>PL0158010013</t>
  </si>
  <si>
    <t>Buurse - all electric</t>
  </si>
  <si>
    <t>BU01580390</t>
  </si>
  <si>
    <t>Verspreide huizen Buurse</t>
  </si>
  <si>
    <t>2021BU01580390</t>
  </si>
  <si>
    <t>buurten.65d8fcea-ec83-4db5-8cbc-acb31b2a0fb5</t>
  </si>
  <si>
    <t>BU01580490</t>
  </si>
  <si>
    <t>Verspreide huizen Brammelo</t>
  </si>
  <si>
    <t>WK015804</t>
  </si>
  <si>
    <t>2021BU01580490</t>
  </si>
  <si>
    <t>buurten.46fb3e94-4f8d-46a7-97cf-3097d348378b</t>
  </si>
  <si>
    <t>BU01580590</t>
  </si>
  <si>
    <t>Verspreide huizen Bretelerveld</t>
  </si>
  <si>
    <t>WK015805</t>
  </si>
  <si>
    <t>2021BU01580590</t>
  </si>
  <si>
    <t>buurten.856b2fe5-fba3-41d7-b3f0-95d40d4ea658</t>
  </si>
  <si>
    <t>Op termijn duurzaam gas</t>
  </si>
  <si>
    <t>BU01580690</t>
  </si>
  <si>
    <t>Verspreide huizen Stepelo (gedeeltelijk)</t>
  </si>
  <si>
    <t>WK015806</t>
  </si>
  <si>
    <t>2021BU01580690</t>
  </si>
  <si>
    <t>buurten.c0390126-8a3f-44d7-aaeb-7cdc67c6ecd4</t>
  </si>
  <si>
    <t>BU01580900</t>
  </si>
  <si>
    <t>Haaksbergen Kern-Centrum</t>
  </si>
  <si>
    <t>WK015809</t>
  </si>
  <si>
    <t>2021BU01580900</t>
  </si>
  <si>
    <t>buurten.e5a32f4f-361b-4e97-9cdf-637e2e29058d</t>
  </si>
  <si>
    <t>BU01600101</t>
  </si>
  <si>
    <t>Ane Dorp</t>
  </si>
  <si>
    <t>WK016001</t>
  </si>
  <si>
    <t>2021BU01600101</t>
  </si>
  <si>
    <t>buurten.1396376a-a513-427f-acdd-281131a7a438</t>
  </si>
  <si>
    <t>PL0160010001</t>
  </si>
  <si>
    <t>Stap (onderzoeken, faciliteren en het nemen van no-regret maatregelen)</t>
  </si>
  <si>
    <t>Nemen van isolatiemaatregelen. Stimuleren, ontzorgen en motiveren van woningeigenaren om beter te isoleren en verduurzamingsmaatregelen te nemen.</t>
  </si>
  <si>
    <t>Doelen:- Optimaal isoleren van woningen en het efficient gebruik van energie en het daarmee aardgasvrij ready maken van de woningen.- Verminderen aardgasverbruik met 20 tot 25%</t>
  </si>
  <si>
    <t>BU01600102</t>
  </si>
  <si>
    <t>Verspreide huizen Ane</t>
  </si>
  <si>
    <t>2021BU01600102</t>
  </si>
  <si>
    <t>buurten.1f6f038c-ffb3-481d-a9cb-488588978964</t>
  </si>
  <si>
    <t>BU01600201</t>
  </si>
  <si>
    <t>Verspreide huizen Anerveen</t>
  </si>
  <si>
    <t>WK016002</t>
  </si>
  <si>
    <t>2021BU01600201</t>
  </si>
  <si>
    <t>buurten.27d72a76-b67f-4e3d-93e1-48289949f11b</t>
  </si>
  <si>
    <t>BU01600301</t>
  </si>
  <si>
    <t>Verspreide huizen Anevelde</t>
  </si>
  <si>
    <t>WK016003</t>
  </si>
  <si>
    <t>2021BU01600301</t>
  </si>
  <si>
    <t>buurten.3f70ae40-e9a4-44a0-9fc0-62892f26f7fe</t>
  </si>
  <si>
    <t>BU01600401</t>
  </si>
  <si>
    <t>Balkbrug-Zuidwest</t>
  </si>
  <si>
    <t>WK016004</t>
  </si>
  <si>
    <t>2021BU01600401</t>
  </si>
  <si>
    <t>buurten.f5ec5d90-7014-4b84-bdf2-4fd1edfe1456</t>
  </si>
  <si>
    <t>definitief, coalitie wordt gevormd</t>
  </si>
  <si>
    <t>BU01600402</t>
  </si>
  <si>
    <t>Balkbrug-Noord</t>
  </si>
  <si>
    <t>2021BU01600402</t>
  </si>
  <si>
    <t>buurten.b0432b15-4b59-4ea4-b4d9-8689b94ec561</t>
  </si>
  <si>
    <t>BU01600403</t>
  </si>
  <si>
    <t>Balkbrug-Zuidoost</t>
  </si>
  <si>
    <t>2021BU01600403</t>
  </si>
  <si>
    <t>buurten.1a5d6d89-0fbf-41f5-9046-2c89b17710eb</t>
  </si>
  <si>
    <t>BU01600404</t>
  </si>
  <si>
    <t>Balkbrug-Benedenvaart</t>
  </si>
  <si>
    <t>2021BU01600404</t>
  </si>
  <si>
    <t>buurten.46728e6c-48a2-47d7-b07d-0065cf57e995</t>
  </si>
  <si>
    <t>BU01600405</t>
  </si>
  <si>
    <t>Verspreide huizen De Kolonie</t>
  </si>
  <si>
    <t>2021BU01600405</t>
  </si>
  <si>
    <t>buurten.a031d576-1117-482d-b8b3-430988af0a3b</t>
  </si>
  <si>
    <t>BU01600406</t>
  </si>
  <si>
    <t>Verspreide huizen Reestgebied (ged.)</t>
  </si>
  <si>
    <t>2021BU01600406</t>
  </si>
  <si>
    <t>buurten.b78a2227-961f-4d83-823a-146231575206</t>
  </si>
  <si>
    <t>Voorkeursoptie: individueel/ hernieuwbaar gas, terugvaloptie: hetzelfde</t>
  </si>
  <si>
    <t>BU01600407</t>
  </si>
  <si>
    <t>Verspreide huizen Westerhuizingerveld</t>
  </si>
  <si>
    <t>2021BU01600407</t>
  </si>
  <si>
    <t>buurten.02c885f4-aecc-49ee-91a0-40af25c30cce</t>
  </si>
  <si>
    <t>BU01600501</t>
  </si>
  <si>
    <t>Bergentheim Kern</t>
  </si>
  <si>
    <t>WK016005</t>
  </si>
  <si>
    <t>2021BU01600501</t>
  </si>
  <si>
    <t>buurten.c13048c7-28fc-467d-a82d-75eba76f78d7</t>
  </si>
  <si>
    <t>BU01600502</t>
  </si>
  <si>
    <t>Verspreide huizen Bergentheimerveen</t>
  </si>
  <si>
    <t>2021BU01600502</t>
  </si>
  <si>
    <t>buurten.ce2efa93-ca4a-4db1-bae4-7a76cfc024a1</t>
  </si>
  <si>
    <t>BU01600503</t>
  </si>
  <si>
    <t>Verspreide huizen Oud-Bergentheim</t>
  </si>
  <si>
    <t>2021BU01600503</t>
  </si>
  <si>
    <t>buurten.345b7aa8-cf10-498b-9927-363031da92fc</t>
  </si>
  <si>
    <t>BU01600601</t>
  </si>
  <si>
    <t>Brucht</t>
  </si>
  <si>
    <t>WK016006</t>
  </si>
  <si>
    <t>2021BU01600601</t>
  </si>
  <si>
    <t>buurten.a8a9e741-5d8b-484c-992f-ed2c20c21bcb</t>
  </si>
  <si>
    <t>BU01600701</t>
  </si>
  <si>
    <t>Collendoorn</t>
  </si>
  <si>
    <t>WK016007</t>
  </si>
  <si>
    <t>2021BU01600701</t>
  </si>
  <si>
    <t>buurten.f37a4823-6ee2-4c34-bad6-13a1e89e29bb</t>
  </si>
  <si>
    <t>BU01600801</t>
  </si>
  <si>
    <t>De Krim</t>
  </si>
  <si>
    <t>WK016008</t>
  </si>
  <si>
    <t>2021BU01600801</t>
  </si>
  <si>
    <t>buurten.8cb96858-c55d-4544-b94a-aebd685f765a</t>
  </si>
  <si>
    <t>BU01600802</t>
  </si>
  <si>
    <t>De Krim-Streekdorp</t>
  </si>
  <si>
    <t>2021BU01600802</t>
  </si>
  <si>
    <t>buurten.3580eb27-e17b-4bfc-990a-79469c0c56e0</t>
  </si>
  <si>
    <t>BU01600803</t>
  </si>
  <si>
    <t>De Krim-Zuid</t>
  </si>
  <si>
    <t>2021BU01600803</t>
  </si>
  <si>
    <t>buurten.d4644669-0f94-418d-afab-c6675ba63715</t>
  </si>
  <si>
    <t>BU01600804</t>
  </si>
  <si>
    <t>Verspreide huizen De Krim</t>
  </si>
  <si>
    <t>2021BU01600804</t>
  </si>
  <si>
    <t>buurten.e8a02df6-eb13-4075-8f9d-5147fa5b261d</t>
  </si>
  <si>
    <t>BU01600805</t>
  </si>
  <si>
    <t>2021BU01600805</t>
  </si>
  <si>
    <t>buurten.656b3235-5f8c-4033-9ad8-2afba0a74f40</t>
  </si>
  <si>
    <t>BU01600901</t>
  </si>
  <si>
    <t>Dedemsvaart-Noord</t>
  </si>
  <si>
    <t>WK016009</t>
  </si>
  <si>
    <t>2021BU01600901</t>
  </si>
  <si>
    <t>buurten.5fdcdd20-40a3-4897-87c3-f0f72ac6a85f</t>
  </si>
  <si>
    <t>BU01600902</t>
  </si>
  <si>
    <t>Dedemsvaart-Zuidwest</t>
  </si>
  <si>
    <t>2021BU01600902</t>
  </si>
  <si>
    <t>buurten.12981e3b-f01a-48ae-89b2-c042dbcda7c2</t>
  </si>
  <si>
    <t>BU01600903</t>
  </si>
  <si>
    <t>Dedemsvaart-Zuidoost</t>
  </si>
  <si>
    <t>2021BU01600903</t>
  </si>
  <si>
    <t>buurten.86090f9b-c5cf-4158-ba01-bf5390b0b746</t>
  </si>
  <si>
    <t>BU01600904</t>
  </si>
  <si>
    <t>Rheezerend</t>
  </si>
  <si>
    <t>2021BU01600904</t>
  </si>
  <si>
    <t>buurten.79627bbf-24f8-44c7-b87d-9ddacafb5c29</t>
  </si>
  <si>
    <t>BU01600905</t>
  </si>
  <si>
    <t>Industriegebied Rollepaal</t>
  </si>
  <si>
    <t>2021BU01600905</t>
  </si>
  <si>
    <t>buurten.d2c37589-1a69-49de-a465-02dcdee013d9</t>
  </si>
  <si>
    <t>BU01600906</t>
  </si>
  <si>
    <t>Verspreide huizen Colenbranderbos</t>
  </si>
  <si>
    <t>2021BU01600906</t>
  </si>
  <si>
    <t>buurten.d2e4027d-9ef3-4537-814a-6fd3fc9d5f34</t>
  </si>
  <si>
    <t>BU01600907</t>
  </si>
  <si>
    <t>Verspreide huizen Dedemsvaart</t>
  </si>
  <si>
    <t>2021BU01600907</t>
  </si>
  <si>
    <t>buurten.68197062-79ab-4710-b9b8-ca0118fbc7d6</t>
  </si>
  <si>
    <t>BU01600908</t>
  </si>
  <si>
    <t>Verspreide huizen Ommerkanaal</t>
  </si>
  <si>
    <t>2021BU01600908</t>
  </si>
  <si>
    <t>buurten.c2d0e88f-a381-49a2-8985-5513fee5c360</t>
  </si>
  <si>
    <t>BU01600909</t>
  </si>
  <si>
    <t>Verspreide huizen Reestgebied</t>
  </si>
  <si>
    <t>2021BU01600909</t>
  </si>
  <si>
    <t>buurten.e5a9b5b3-84bd-4e9e-9ecc-60fa8365c466</t>
  </si>
  <si>
    <t>BU01601001</t>
  </si>
  <si>
    <t>Verspreide huizen Den Velde</t>
  </si>
  <si>
    <t>WK016010</t>
  </si>
  <si>
    <t>2021BU01601001</t>
  </si>
  <si>
    <t>buurten.f6de15d9-dd2b-4fec-8701-902855c3df42</t>
  </si>
  <si>
    <t>BU01601101</t>
  </si>
  <si>
    <t>Diffelen</t>
  </si>
  <si>
    <t>WK016011</t>
  </si>
  <si>
    <t>2021BU01601101</t>
  </si>
  <si>
    <t>buurten.67194de1-23f3-40af-975c-fee9309f7fd4</t>
  </si>
  <si>
    <t>BU01601201</t>
  </si>
  <si>
    <t>Gramsbergen Kern</t>
  </si>
  <si>
    <t>WK016012</t>
  </si>
  <si>
    <t>2021BU01601201</t>
  </si>
  <si>
    <t>buurten.a80cbfd7-78c6-4042-881f-4fd28d04890d</t>
  </si>
  <si>
    <t>BU01601202</t>
  </si>
  <si>
    <t>Gramsbergen Uitbreidingsplan</t>
  </si>
  <si>
    <t>2021BU01601202</t>
  </si>
  <si>
    <t>buurten.ccdce475-4c9f-4e61-8e5a-55349d8a8e76</t>
  </si>
  <si>
    <t>BU01601301</t>
  </si>
  <si>
    <t>Heemserveen</t>
  </si>
  <si>
    <t>WK016013</t>
  </si>
  <si>
    <t>2021BU01601301</t>
  </si>
  <si>
    <t>buurten.3715c4d5-849c-47ad-9173-e59bee0f0874</t>
  </si>
  <si>
    <t>BU01601401</t>
  </si>
  <si>
    <t>Verspreide huizen Holtheme-De Haandrik</t>
  </si>
  <si>
    <t>WK016014</t>
  </si>
  <si>
    <t>2021BU01601401</t>
  </si>
  <si>
    <t>buurten.98b4073b-3d41-4bb1-a44e-8242bcf6c0be</t>
  </si>
  <si>
    <t>BU01601501</t>
  </si>
  <si>
    <t>Verspreide huizen Holthone</t>
  </si>
  <si>
    <t>WK016015</t>
  </si>
  <si>
    <t>2021BU01601501</t>
  </si>
  <si>
    <t>buurten.15513554-a137-4737-a5c5-9a555235d10e</t>
  </si>
  <si>
    <t>BU01601601</t>
  </si>
  <si>
    <t>Hoogenweg</t>
  </si>
  <si>
    <t>WK016016</t>
  </si>
  <si>
    <t>2021BU01601601</t>
  </si>
  <si>
    <t>buurten.82296bbd-d6cd-4396-942f-3b57323659d0</t>
  </si>
  <si>
    <t>BU01601701</t>
  </si>
  <si>
    <t>Kloosterhaar Kern</t>
  </si>
  <si>
    <t>WK016017</t>
  </si>
  <si>
    <t>2021BU01601701</t>
  </si>
  <si>
    <t>buurten.a39a67bb-ec3a-4c30-857a-fa50d4b6214d</t>
  </si>
  <si>
    <t>BU01601702</t>
  </si>
  <si>
    <t>Verspreide huizen Kloosterhaar</t>
  </si>
  <si>
    <t>2021BU01601702</t>
  </si>
  <si>
    <t>buurten.988c6308-b707-4862-b2bb-fa46ef94d061</t>
  </si>
  <si>
    <t>BU01601801</t>
  </si>
  <si>
    <t>Verspreide huizen Loozen</t>
  </si>
  <si>
    <t>WK016018</t>
  </si>
  <si>
    <t>2021BU01601801</t>
  </si>
  <si>
    <t>buurten.56084d40-13e6-4d6e-b3fd-3870e93acfbf</t>
  </si>
  <si>
    <t>BU01601901</t>
  </si>
  <si>
    <t>Lutten Kern</t>
  </si>
  <si>
    <t>WK016019</t>
  </si>
  <si>
    <t>2021BU01601901</t>
  </si>
  <si>
    <t>buurten.e662e49d-9037-45cc-b115-595097afd4b4</t>
  </si>
  <si>
    <t>BU01601902</t>
  </si>
  <si>
    <t>Verspreide huizen Lutten-West</t>
  </si>
  <si>
    <t>2021BU01601902</t>
  </si>
  <si>
    <t>buurten.109a1cfa-210f-464a-bba4-6d784f0f020c</t>
  </si>
  <si>
    <t>BU01601903</t>
  </si>
  <si>
    <t>Verspreide huizen Lutten-Oost</t>
  </si>
  <si>
    <t>2021BU01601903</t>
  </si>
  <si>
    <t>buurten.e91fb29e-5197-4e8d-b86e-26d77b529cec</t>
  </si>
  <si>
    <t>BU01601904</t>
  </si>
  <si>
    <t>Verspreide huizen Oud-Lutten</t>
  </si>
  <si>
    <t>2021BU01601904</t>
  </si>
  <si>
    <t>buurten.64d9e9c5-0a9f-4fd2-86e4-3dd423677219</t>
  </si>
  <si>
    <t>BU01602001</t>
  </si>
  <si>
    <t>Marienberg Kern</t>
  </si>
  <si>
    <t>WK016020</t>
  </si>
  <si>
    <t>2021BU01602001</t>
  </si>
  <si>
    <t>buurten.17b23060-0a03-422e-ae23-7c937c7083e5</t>
  </si>
  <si>
    <t>BU01602002</t>
  </si>
  <si>
    <t>Verspreide huizen Marienberg</t>
  </si>
  <si>
    <t>2021BU01602002</t>
  </si>
  <si>
    <t>buurten.c442c8b8-7bf5-4bb8-bc71-4b2b53263bd4</t>
  </si>
  <si>
    <t>BU01602101</t>
  </si>
  <si>
    <t>Radewijk</t>
  </si>
  <si>
    <t>WK016021</t>
  </si>
  <si>
    <t>2021BU01602101</t>
  </si>
  <si>
    <t>buurten.101a6e12-c7d7-471b-9297-a70849c0110a</t>
  </si>
  <si>
    <t>BU01602201</t>
  </si>
  <si>
    <t>Rheeze</t>
  </si>
  <si>
    <t>WK016022</t>
  </si>
  <si>
    <t>2021BU01602201</t>
  </si>
  <si>
    <t>buurten.ac5f2270-ea44-4f83-83f0-dd8bc0e5cdff</t>
  </si>
  <si>
    <t>BU01602301</t>
  </si>
  <si>
    <t>Rheezerveen</t>
  </si>
  <si>
    <t>WK016023</t>
  </si>
  <si>
    <t>2021BU01602301</t>
  </si>
  <si>
    <t>buurten.4d3af9f0-0661-4b1c-bed0-24f246d2e6d0</t>
  </si>
  <si>
    <t>BU01602401</t>
  </si>
  <si>
    <t>Schuinesloot Kern</t>
  </si>
  <si>
    <t>WK016024</t>
  </si>
  <si>
    <t>2021BU01602401</t>
  </si>
  <si>
    <t>buurten.3ef7a3aa-e47f-4fb8-96ce-bee55bc52a8c</t>
  </si>
  <si>
    <t>BU01602402</t>
  </si>
  <si>
    <t>Verspreide huizen Schuinesloot</t>
  </si>
  <si>
    <t>2021BU01602402</t>
  </si>
  <si>
    <t>buurten.8b691c6c-694f-440c-bf68-9754bff66638</t>
  </si>
  <si>
    <t>BU01602501</t>
  </si>
  <si>
    <t>Sibculo Kern</t>
  </si>
  <si>
    <t>WK016025</t>
  </si>
  <si>
    <t>2021BU01602501</t>
  </si>
  <si>
    <t>buurten.334f9b1d-7369-444d-95e8-f00b9460da09</t>
  </si>
  <si>
    <t>BU01602502</t>
  </si>
  <si>
    <t>Verspreide huizen Sibculo</t>
  </si>
  <si>
    <t>2021BU01602502</t>
  </si>
  <si>
    <t>buurten.85ba2a0c-9127-42cc-963b-226b5d569476</t>
  </si>
  <si>
    <t>BU01602601</t>
  </si>
  <si>
    <t>Slagharen Kern</t>
  </si>
  <si>
    <t>WK016026</t>
  </si>
  <si>
    <t>2021BU01602601</t>
  </si>
  <si>
    <t>buurten.779aee5e-8614-4981-aa71-aa52eacc1165</t>
  </si>
  <si>
    <t>BU01602602</t>
  </si>
  <si>
    <t>De Belt</t>
  </si>
  <si>
    <t>2021BU01602602</t>
  </si>
  <si>
    <t>buurten.b1b5d379-c940-4b96-b811-c9fbdc390e1a</t>
  </si>
  <si>
    <t>BU01602603</t>
  </si>
  <si>
    <t>Verspreide huizen Slagharen-Oost</t>
  </si>
  <si>
    <t>2021BU01602603</t>
  </si>
  <si>
    <t>buurten.9b07b371-2eb0-43b2-965c-4ecf76a6ad61</t>
  </si>
  <si>
    <t>BU01602604</t>
  </si>
  <si>
    <t>Verspreide huizen Slagharen-West</t>
  </si>
  <si>
    <t>2021BU01602604</t>
  </si>
  <si>
    <t>buurten.116443d1-2330-4cd0-beef-1f7c94fe9fab</t>
  </si>
  <si>
    <t>BU01602701</t>
  </si>
  <si>
    <t>Venebrugge</t>
  </si>
  <si>
    <t>WK016027</t>
  </si>
  <si>
    <t>2021BU01602701</t>
  </si>
  <si>
    <t>buurten.30cb8c41-bd04-4b7d-943d-4525e4e9b1c9</t>
  </si>
  <si>
    <t>BU01602801</t>
  </si>
  <si>
    <t>Overig Stad Hardenberg</t>
  </si>
  <si>
    <t>WK016028</t>
  </si>
  <si>
    <t>2021BU01602801</t>
  </si>
  <si>
    <t>buurten.84a9b1ee-8046-4628-a22c-60df6d664193</t>
  </si>
  <si>
    <t>BU01602802</t>
  </si>
  <si>
    <t>Industriegebied</t>
  </si>
  <si>
    <t>2021BU01602802</t>
  </si>
  <si>
    <t>buurten.9dccdee4-9998-4f99-b5e5-ac6ac27b8a2d</t>
  </si>
  <si>
    <t>BU01602803</t>
  </si>
  <si>
    <t>Norden en Hazenbos</t>
  </si>
  <si>
    <t>2021BU01602803</t>
  </si>
  <si>
    <t>buurten.b5bff28d-5c5d-4ac0-b6f9-5d398522b404</t>
  </si>
  <si>
    <t>BU01602804</t>
  </si>
  <si>
    <t>Heemse-Oost Heemsermars</t>
  </si>
  <si>
    <t>2021BU01602804</t>
  </si>
  <si>
    <t>buurten.e1614dca-2901-458c-a9b5-872763503d63</t>
  </si>
  <si>
    <t>BU01602805</t>
  </si>
  <si>
    <t>Heemse-West Heemserbos</t>
  </si>
  <si>
    <t>2021BU01602805</t>
  </si>
  <si>
    <t>buurten.7ae36a61-f37b-4010-959e-9097793a4785</t>
  </si>
  <si>
    <t>BU01602806</t>
  </si>
  <si>
    <t>Baalder</t>
  </si>
  <si>
    <t>2021BU01602806</t>
  </si>
  <si>
    <t>buurten.662affaf-c55e-4c78-b70b-f2f6950058f8</t>
  </si>
  <si>
    <t>BU01602807</t>
  </si>
  <si>
    <t>Baalderveld</t>
  </si>
  <si>
    <t>2021BU01602807</t>
  </si>
  <si>
    <t>buurten.50bc0a77-abea-4864-9e88-32e0969f2ab5</t>
  </si>
  <si>
    <t>BU01602808</t>
  </si>
  <si>
    <t>Marslanden</t>
  </si>
  <si>
    <t>2021BU01602808</t>
  </si>
  <si>
    <t>buurten.9d732985-21e7-445d-b3f6-4f652da2e456</t>
  </si>
  <si>
    <t>BU01602809</t>
  </si>
  <si>
    <t>Centrum Saneringsgebied</t>
  </si>
  <si>
    <t>2021BU01602809</t>
  </si>
  <si>
    <t>buurten.43d9609b-1d93-4789-b709-79aa3a5875cf</t>
  </si>
  <si>
    <t>BU01602901</t>
  </si>
  <si>
    <t>Bruchterveld Kern</t>
  </si>
  <si>
    <t>WK016029</t>
  </si>
  <si>
    <t>2021BU01602901</t>
  </si>
  <si>
    <t>buurten.8fdf8da4-919f-494d-864c-60ba1ad22094</t>
  </si>
  <si>
    <t>BU01602902</t>
  </si>
  <si>
    <t>Verspreide huizen Bruchterveld</t>
  </si>
  <si>
    <t>2021BU01602902</t>
  </si>
  <si>
    <t>buurten.cc0b56eb-1bd1-4daf-a1c8-b998896e7998</t>
  </si>
  <si>
    <t>BU01630101</t>
  </si>
  <si>
    <t>Hellendoorn-Centrum</t>
  </si>
  <si>
    <t>WK016301</t>
  </si>
  <si>
    <t>GM0163</t>
  </si>
  <si>
    <t>Hellendoorn</t>
  </si>
  <si>
    <t>2021BU01630101</t>
  </si>
  <si>
    <t>buurten.11ba32c5-556c-40d7-8358-3b61d67adda5</t>
  </si>
  <si>
    <t>DC016301</t>
  </si>
  <si>
    <t>Transitievisie warmte gemeente Hellendoorn 1.0: de toekomstige oplossingen in kaart gebracht en toegelicht</t>
  </si>
  <si>
    <t>2021-01-19</t>
  </si>
  <si>
    <t>De uitgangspunten en randvoorwaarden:, Richting geven en starten met het proces, Integrale regisseur in een doorlopend proces, Alvast aan de slag met energiebesparing, Lokale initiatieven als eerste criteria, Lage maatschappelijke kosten</t>
  </si>
  <si>
    <t>Integraal beleid maken t.b.v. de warmtetransitie d.m.v. samenwerking met stakeholders</t>
  </si>
  <si>
    <t>https://www.hellendoorn.nl/data/publicatie-websiteransitievisie-warmte/WEB_Transitievisie%20Warmte_Gemeente%20Hellendoorn_def%20feb%2BBijlage.pdf?_dc=1617974294526</t>
  </si>
  <si>
    <t>PL0163010001</t>
  </si>
  <si>
    <t>PL0163010002</t>
  </si>
  <si>
    <t>Gemeentebrede isolatieaanpak</t>
  </si>
  <si>
    <t>Opstellen twee wijkuitvoeringsplannen</t>
  </si>
  <si>
    <t>Het nemen van isolatie- en energiebesparende maatregelen is essentieel.</t>
  </si>
  <si>
    <t>Het tempo van uitvoerbaarheid en het realiseren van WUPs wordt bepaald door de beschikbaarheid van een haalbare alternatieve warmtebron en ten tweede door de mate waarin lokale initiatieven c.q. motivatie aanwezig zijn in een wijk.</t>
  </si>
  <si>
    <t>Samen met partners, gebouweigenaren en inwoners een zorgvuldig proces doorlopen en nadere afweging maken hoe en wanneer een wijk van het aardgas af gaat</t>
  </si>
  <si>
    <t>Transitiegereed maken van woningen en ervoor zorgen dat woningen in de toekomst op een lagere temperatuur verwarmd kunnen worden.</t>
  </si>
  <si>
    <t>Vloerisolatie, Dakisolatie, Gevelisolatie, HR++ glas, Kierdichting, Mechanische ventilatie met WTW</t>
  </si>
  <si>
    <t>BU01630102</t>
  </si>
  <si>
    <t>De Höfte</t>
  </si>
  <si>
    <t>2021BU01630102</t>
  </si>
  <si>
    <t>buurten.a8bb9172-838b-4bfc-b90e-6ff847edf7f7</t>
  </si>
  <si>
    <t>BU01630103</t>
  </si>
  <si>
    <t>Den Dam</t>
  </si>
  <si>
    <t>2021BU01630103</t>
  </si>
  <si>
    <t>buurten.73b98a23-d810-441d-9bd9-d360225693ac</t>
  </si>
  <si>
    <t>BU01630104</t>
  </si>
  <si>
    <t>De Blenke</t>
  </si>
  <si>
    <t>2021BU01630104</t>
  </si>
  <si>
    <t>buurten.95a4174f-7a5e-4dda-b09e-718bbae9a95f</t>
  </si>
  <si>
    <t>BU01630105</t>
  </si>
  <si>
    <t>De Zuid Es</t>
  </si>
  <si>
    <t>2021BU01630105</t>
  </si>
  <si>
    <t>buurten.039831be-a3ea-4633-864f-02c191e537b2</t>
  </si>
  <si>
    <t>BU01630106</t>
  </si>
  <si>
    <t>De Noord Es</t>
  </si>
  <si>
    <t>2021BU01630106</t>
  </si>
  <si>
    <t>buurten.4bac09ce-2133-4f73-9ead-655bbe4a9aac</t>
  </si>
  <si>
    <t>BU01630201</t>
  </si>
  <si>
    <t>Zeeheldenwijk</t>
  </si>
  <si>
    <t>WK016302</t>
  </si>
  <si>
    <t>2021BU01630201</t>
  </si>
  <si>
    <t>buurten.6693c122-027b-4cfd-86a2-d1d616e1adc2</t>
  </si>
  <si>
    <t>BU01630202</t>
  </si>
  <si>
    <t>Wilhelminawijk</t>
  </si>
  <si>
    <t>2021BU01630202</t>
  </si>
  <si>
    <t>buurten.7f0105c6-d843-4a42-b09e-0659c64dfc78</t>
  </si>
  <si>
    <t>BU01630203</t>
  </si>
  <si>
    <t>Gagelman Industrieterrein-Noord</t>
  </si>
  <si>
    <t>2021BU01630203</t>
  </si>
  <si>
    <t>buurten.da5aaf26-da82-4456-ac13-9aa1afd21f30</t>
  </si>
  <si>
    <t>BU01630301</t>
  </si>
  <si>
    <t>Nijverdal-Centrum</t>
  </si>
  <si>
    <t>WK016303</t>
  </si>
  <si>
    <t>2021BU01630301</t>
  </si>
  <si>
    <t>buurten.d01d303c-b594-4476-ae58-43ccc27efde6</t>
  </si>
  <si>
    <t>BU01630302</t>
  </si>
  <si>
    <t>Bloemen-Schilderswijk</t>
  </si>
  <si>
    <t>2021BU01630302</t>
  </si>
  <si>
    <t>buurten.f78b0358-89e7-4cc2-9927-87e4f0c2ce71</t>
  </si>
  <si>
    <t>BU01630303</t>
  </si>
  <si>
    <t>Noetsele I</t>
  </si>
  <si>
    <t>2021BU01630303</t>
  </si>
  <si>
    <t>buurten.a67d6291-8eea-4a49-86a5-fabc4d0402e6</t>
  </si>
  <si>
    <t>BU01630304</t>
  </si>
  <si>
    <t>Noetsele II en III</t>
  </si>
  <si>
    <t>2021BU01630304</t>
  </si>
  <si>
    <t>buurten.cdafb64e-177e-47a0-a0e2-997646d2f843</t>
  </si>
  <si>
    <t>BU01630401</t>
  </si>
  <si>
    <t>Prinsessenwijk</t>
  </si>
  <si>
    <t>WK016304</t>
  </si>
  <si>
    <t>2021BU01630401</t>
  </si>
  <si>
    <t>buurten.f350441f-f3e8-4c9f-bcfe-c5ac2df5c42b</t>
  </si>
  <si>
    <t>BU01630402</t>
  </si>
  <si>
    <t>De Brake</t>
  </si>
  <si>
    <t>2021BU01630402</t>
  </si>
  <si>
    <t>buurten.d1c082ac-931f-4e5b-bc6e-130e6a81ec1d</t>
  </si>
  <si>
    <t>BU01630403</t>
  </si>
  <si>
    <t>Konijnenberg</t>
  </si>
  <si>
    <t>2021BU01630403</t>
  </si>
  <si>
    <t>buurten.ce3461eb-c6b6-4a50-8ab1-76e3f3ed4b1d</t>
  </si>
  <si>
    <t>BU01630404</t>
  </si>
  <si>
    <t>Nijverdal Oost</t>
  </si>
  <si>
    <t>2021BU01630404</t>
  </si>
  <si>
    <t>buurten.a58361c3-6cea-4e54-a8b7-3460b0e79c93</t>
  </si>
  <si>
    <t>BU01630405</t>
  </si>
  <si>
    <t>De Blokken</t>
  </si>
  <si>
    <t>2021BU01630405</t>
  </si>
  <si>
    <t>buurten.d553c1d2-6153-4e7b-90bf-abc70fd45165</t>
  </si>
  <si>
    <t>BU01630406</t>
  </si>
  <si>
    <t>Groot Lochter</t>
  </si>
  <si>
    <t>2021BU01630406</t>
  </si>
  <si>
    <t>buurten.6e415902-64eb-4c7c-a180-7e5bcdd899e5</t>
  </si>
  <si>
    <t>BU01630407</t>
  </si>
  <si>
    <t>'t Lochter</t>
  </si>
  <si>
    <t>2021BU01630407</t>
  </si>
  <si>
    <t>buurten.804bfd23-1846-424c-9c30-7001f7fb5ae1</t>
  </si>
  <si>
    <t>BU01630408</t>
  </si>
  <si>
    <t>'n Oaln Diek</t>
  </si>
  <si>
    <t>2021BU01630408</t>
  </si>
  <si>
    <t>buurten.57a2914f-4011-4260-baea-1897268d8736</t>
  </si>
  <si>
    <t>BU01630501</t>
  </si>
  <si>
    <t>WK016305</t>
  </si>
  <si>
    <t>2021BU01630501</t>
  </si>
  <si>
    <t>buurten.ea603657-05b2-4211-bcfb-456f9a88698b</t>
  </si>
  <si>
    <t>BU01630503</t>
  </si>
  <si>
    <t>'t Hexel</t>
  </si>
  <si>
    <t>2021BU01630503</t>
  </si>
  <si>
    <t>buurten.6213d88a-c295-43d6-a5bc-bbc105c56895</t>
  </si>
  <si>
    <t>BU01630504</t>
  </si>
  <si>
    <t>Boersingel</t>
  </si>
  <si>
    <t>2021BU01630504</t>
  </si>
  <si>
    <t>buurten.2d576d23-2bb1-4f49-8eb7-833a1422eb1b</t>
  </si>
  <si>
    <t>BU01630505</t>
  </si>
  <si>
    <t>Egede, Elen en Rhaan</t>
  </si>
  <si>
    <t>2021BU01630505</t>
  </si>
  <si>
    <t>buurten.e467f8ea-e98d-4d01-b8c2-763eeca73d0b</t>
  </si>
  <si>
    <t>BU01630506</t>
  </si>
  <si>
    <t>Hulsen</t>
  </si>
  <si>
    <t>2021BU01630506</t>
  </si>
  <si>
    <t>buurten.3cf12796-b98b-4719-8206-70516f0fa4fb</t>
  </si>
  <si>
    <t>BU01630507</t>
  </si>
  <si>
    <t>Haarle</t>
  </si>
  <si>
    <t>2021BU01630507</t>
  </si>
  <si>
    <t>buurten.e1b3368f-fb67-4c62-8b54-6afaa5eaa224</t>
  </si>
  <si>
    <t>BU01630508</t>
  </si>
  <si>
    <t>Daarle</t>
  </si>
  <si>
    <t>2021BU01630508</t>
  </si>
  <si>
    <t>buurten.aedbf8cb-aa34-4572-ae90-c0104be0ca13</t>
  </si>
  <si>
    <t>BU01630509</t>
  </si>
  <si>
    <t>Daarlerveen</t>
  </si>
  <si>
    <t>2021BU01630509</t>
  </si>
  <si>
    <t>buurten.4b63efce-6eaa-4773-bcff-3e6106138431</t>
  </si>
  <si>
    <t>BU01630510</t>
  </si>
  <si>
    <t>Marle</t>
  </si>
  <si>
    <t>2021BU01630510</t>
  </si>
  <si>
    <t>buurten.89edd20f-40ee-4623-b8f9-1a8122d99b55</t>
  </si>
  <si>
    <t>BU01630601</t>
  </si>
  <si>
    <t>Hulsen dorp</t>
  </si>
  <si>
    <t>WK016306</t>
  </si>
  <si>
    <t>2021BU01630601</t>
  </si>
  <si>
    <t>buurten.583ede33-eb05-478e-ab54-d3600aa891f3</t>
  </si>
  <si>
    <t>BU01630602</t>
  </si>
  <si>
    <t>Kruidenwijk Oost</t>
  </si>
  <si>
    <t>2021BU01630602</t>
  </si>
  <si>
    <t>buurten.1b589f55-042e-4164-b3ca-25bbe1df91d7</t>
  </si>
  <si>
    <t>BU01630603</t>
  </si>
  <si>
    <t>Kruidenwijk Centrum</t>
  </si>
  <si>
    <t>2021BU01630603</t>
  </si>
  <si>
    <t>buurten.e8a10cf4-1725-42f0-8732-ddd51fa6d876</t>
  </si>
  <si>
    <t>BU01630604</t>
  </si>
  <si>
    <t>Kruidenwijk Noord</t>
  </si>
  <si>
    <t>2021BU01630604</t>
  </si>
  <si>
    <t>buurten.ea287025-4f5c-45f7-bf65-13c3111ee4f8</t>
  </si>
  <si>
    <t>BU01630605</t>
  </si>
  <si>
    <t>Kruidenwijk West</t>
  </si>
  <si>
    <t>2021BU01630605</t>
  </si>
  <si>
    <t>buurten.c364c7ae-a87d-4814-bd01-f4095dd52056</t>
  </si>
  <si>
    <t>BU01630606</t>
  </si>
  <si>
    <t>Kruidenwijk Zuid</t>
  </si>
  <si>
    <t>2021BU01630606</t>
  </si>
  <si>
    <t>buurten.a9898f51-4c7c-4049-b862-021d70567766</t>
  </si>
  <si>
    <t>BU01630700</t>
  </si>
  <si>
    <t>Dorp Haarle</t>
  </si>
  <si>
    <t>WK016307</t>
  </si>
  <si>
    <t>2021BU01630700</t>
  </si>
  <si>
    <t>buurten.b54efc9a-0880-478d-9bd3-846067bfde59</t>
  </si>
  <si>
    <t>BU01630800</t>
  </si>
  <si>
    <t>Dorp Daarle</t>
  </si>
  <si>
    <t>WK016308</t>
  </si>
  <si>
    <t>2021BU01630800</t>
  </si>
  <si>
    <t>buurten.0f595ff0-73d4-4376-82c1-00a7f77da0dd</t>
  </si>
  <si>
    <t>BU01630900</t>
  </si>
  <si>
    <t>Dorp Daarlerveen</t>
  </si>
  <si>
    <t>WK016309</t>
  </si>
  <si>
    <t>2021BU01630900</t>
  </si>
  <si>
    <t>buurten.2e628fd0-33a1-4281-bce0-9af94468e724</t>
  </si>
  <si>
    <t>BU01640000</t>
  </si>
  <si>
    <t>Binnenstad-Centrum</t>
  </si>
  <si>
    <t>WK016400</t>
  </si>
  <si>
    <t>2021BU01640000</t>
  </si>
  <si>
    <t>buurten.3fdca16d-1ee5-43c3-baf6-54c5e6ae9ba5</t>
  </si>
  <si>
    <t>BU01640001</t>
  </si>
  <si>
    <t>2021BU01640001</t>
  </si>
  <si>
    <t>buurten.2e9fdccc-aa0f-4ce6-860e-5ac8a4bad304</t>
  </si>
  <si>
    <t>BU01640002</t>
  </si>
  <si>
    <t>2021BU01640002</t>
  </si>
  <si>
    <t>buurten.2cd33ccc-0d93-40cc-8356-a3f2c9b9fd7a</t>
  </si>
  <si>
    <t>BU01640100</t>
  </si>
  <si>
    <t>Hengelose Es-Noord</t>
  </si>
  <si>
    <t>WK016401</t>
  </si>
  <si>
    <t>2021BU01640100</t>
  </si>
  <si>
    <t>buurten.f047e109-0b55-4ef4-b9c1-244d3f79c2c2</t>
  </si>
  <si>
    <t>BU01640101</t>
  </si>
  <si>
    <t>Tichelwerk</t>
  </si>
  <si>
    <t>2021BU01640101</t>
  </si>
  <si>
    <t>buurten.096fdcd8-6e67-4e34-bf8b-8a5447eddf01</t>
  </si>
  <si>
    <t>BU01640102</t>
  </si>
  <si>
    <t>'t Wilbert</t>
  </si>
  <si>
    <t>2021BU01640102</t>
  </si>
  <si>
    <t>buurten.f44c9f1b-b62c-4ead-999f-30e9ea8a299b</t>
  </si>
  <si>
    <t>BU01640103</t>
  </si>
  <si>
    <t>Bedrijventerrein Timmersveld</t>
  </si>
  <si>
    <t>2021BU01640103</t>
  </si>
  <si>
    <t>buurten.afe3d409-d8b6-4318-bff1-88f03f422667</t>
  </si>
  <si>
    <t>BU01640200</t>
  </si>
  <si>
    <t>WK016402</t>
  </si>
  <si>
    <t>2021BU01640200</t>
  </si>
  <si>
    <t>buurten.bb7c6060-d8bb-43f6-b462-ee507bd8d7e0</t>
  </si>
  <si>
    <t>BU01640201</t>
  </si>
  <si>
    <t>Elsbeek</t>
  </si>
  <si>
    <t>2021BU01640201</t>
  </si>
  <si>
    <t>buurten.627e6890-4afe-4686-a6f0-9e385e76bd67</t>
  </si>
  <si>
    <t>BU01640202</t>
  </si>
  <si>
    <t>De Noork</t>
  </si>
  <si>
    <t>2021BU01640202</t>
  </si>
  <si>
    <t>buurten.c0255824-fa4d-4a9c-83b1-6ba6b7e5dcf3</t>
  </si>
  <si>
    <t>BU01640203</t>
  </si>
  <si>
    <t>Klein Driene</t>
  </si>
  <si>
    <t>2021BU01640203</t>
  </si>
  <si>
    <t>buurten.4940d75f-1399-4a04-92f7-bfd55f7ba608</t>
  </si>
  <si>
    <t>BU01640204</t>
  </si>
  <si>
    <t>'t Rot</t>
  </si>
  <si>
    <t>2021BU01640204</t>
  </si>
  <si>
    <t>buurten.263ba782-1ad0-435a-b221-ca868faf6afe</t>
  </si>
  <si>
    <t>Buitengebied goed geisoleerd</t>
  </si>
  <si>
    <t>BU01640300</t>
  </si>
  <si>
    <t>Bovenhoek</t>
  </si>
  <si>
    <t>WK016403</t>
  </si>
  <si>
    <t>2021BU01640300</t>
  </si>
  <si>
    <t>buurten.e0555b62-5101-46d6-a36d-317e550a2b81</t>
  </si>
  <si>
    <t>PL1774010010</t>
  </si>
  <si>
    <t>Buitengebied slecht geisoleerd</t>
  </si>
  <si>
    <t>BU01640301</t>
  </si>
  <si>
    <t>Schothorsthoek</t>
  </si>
  <si>
    <t>2021BU01640301</t>
  </si>
  <si>
    <t>buurten.9d27a951-c5f9-4ab3-8fe3-5efd3de95546</t>
  </si>
  <si>
    <t>BU01640302</t>
  </si>
  <si>
    <t>Bartelinkshoek</t>
  </si>
  <si>
    <t>2021BU01640302</t>
  </si>
  <si>
    <t>buurten.9f45f77c-fbbe-4e6b-8dff-d531d62abe4f</t>
  </si>
  <si>
    <t>BU01640303</t>
  </si>
  <si>
    <t>Tijertshoek</t>
  </si>
  <si>
    <t>2021BU01640303</t>
  </si>
  <si>
    <t>buurten.724eae17-9a63-4d19-b299-d5c979d738de</t>
  </si>
  <si>
    <t>BU01640304</t>
  </si>
  <si>
    <t>Sogtoenhoek</t>
  </si>
  <si>
    <t>2021BU01640304</t>
  </si>
  <si>
    <t>buurten.d30479fd-0a19-47b2-b88b-6cf16cab21ea</t>
  </si>
  <si>
    <t>BU01640305</t>
  </si>
  <si>
    <t>Bruninkshoek</t>
  </si>
  <si>
    <t>2021BU01640305</t>
  </si>
  <si>
    <t>buurten.5338223e-ca96-4e82-8f75-3d56e41e4f23</t>
  </si>
  <si>
    <t>BU01640306</t>
  </si>
  <si>
    <t>Middelhoek</t>
  </si>
  <si>
    <t>2021BU01640306</t>
  </si>
  <si>
    <t>buurten.3970a7b7-0d7e-4e69-b411-2bb7a7282352</t>
  </si>
  <si>
    <t>BU01640307</t>
  </si>
  <si>
    <t>Molendijkhoek</t>
  </si>
  <si>
    <t>2021BU01640307</t>
  </si>
  <si>
    <t>buurten.37bd7d79-457f-4cc3-9201-9b5954bfbd63</t>
  </si>
  <si>
    <t>BU01640308</t>
  </si>
  <si>
    <t>Weijinkshoek</t>
  </si>
  <si>
    <t>2021BU01640308</t>
  </si>
  <si>
    <t>buurten.b11da698-73a7-4688-b231-b9fbeab82a1e</t>
  </si>
  <si>
    <t>BU01640309</t>
  </si>
  <si>
    <t>Oosterveld</t>
  </si>
  <si>
    <t>2021BU01640309</t>
  </si>
  <si>
    <t>buurten.a09e12e0-d923-4b9c-b780-8a2693a92bcf</t>
  </si>
  <si>
    <t>BU01640400</t>
  </si>
  <si>
    <t>Zwavertshoek</t>
  </si>
  <si>
    <t>WK016404</t>
  </si>
  <si>
    <t>2021BU01640400</t>
  </si>
  <si>
    <t>buurten.f2c84e9e-68b4-4521-8529-31835ee6b759</t>
  </si>
  <si>
    <t>BU01640401</t>
  </si>
  <si>
    <t>Anninks-/Nijhofshoek</t>
  </si>
  <si>
    <t>2021BU01640401</t>
  </si>
  <si>
    <t>buurten.987673b3-ae65-4248-8200-550b95637182</t>
  </si>
  <si>
    <t>BU01640402</t>
  </si>
  <si>
    <t>Groot Driene-Zuid</t>
  </si>
  <si>
    <t>2021BU01640402</t>
  </si>
  <si>
    <t>buurten.b8644be7-132a-4663-b7ab-89102def0f8d</t>
  </si>
  <si>
    <t>BU01640403</t>
  </si>
  <si>
    <t>Groot Driene-Noord</t>
  </si>
  <si>
    <t>2021BU01640403</t>
  </si>
  <si>
    <t>buurten.68f383fe-243b-4561-a090-e2b28e0d09f9</t>
  </si>
  <si>
    <t>BU01640500</t>
  </si>
  <si>
    <t>Bedrijventerrein Twentekanaal-Zuid II</t>
  </si>
  <si>
    <t>WK016405</t>
  </si>
  <si>
    <t>2021BU01640500</t>
  </si>
  <si>
    <t>buurten.d90f1641-e468-46dd-857e-92cd83e4c113</t>
  </si>
  <si>
    <t>Het Twentekanaal</t>
  </si>
  <si>
    <t>BU01640501</t>
  </si>
  <si>
    <t>Berflo Es Noord</t>
  </si>
  <si>
    <t>2021BU01640501</t>
  </si>
  <si>
    <t>buurten.f0c54b7b-5e70-476c-82eb-0d57ccbfdb8f</t>
  </si>
  <si>
    <t>BU01640502</t>
  </si>
  <si>
    <t>Berflo Es Zuid</t>
  </si>
  <si>
    <t>2021BU01640502</t>
  </si>
  <si>
    <t>buurten.33bc78ca-1d87-4d68-8eed-10ad56b690d8</t>
  </si>
  <si>
    <t>BU01640503</t>
  </si>
  <si>
    <t>Bedrijventerrein Twentekanaal-Noord II</t>
  </si>
  <si>
    <t>2021BU01640503</t>
  </si>
  <si>
    <t>buurten.8b7d965d-4a3c-45ac-8dbf-a773af3ec2d1</t>
  </si>
  <si>
    <t>BU01640504</t>
  </si>
  <si>
    <t>Veldwijk-Noord</t>
  </si>
  <si>
    <t>2021BU01640504</t>
  </si>
  <si>
    <t>buurten.b6e94e9c-f0b9-4607-be69-f2034c10588c</t>
  </si>
  <si>
    <t>BU01640505</t>
  </si>
  <si>
    <t>Veldwijk-Zuid</t>
  </si>
  <si>
    <t>2021BU01640505</t>
  </si>
  <si>
    <t>buurten.5b50daf4-bd72-42af-8a56-a1168d628281</t>
  </si>
  <si>
    <t>BU01640506</t>
  </si>
  <si>
    <t>Boeldershoek</t>
  </si>
  <si>
    <t>2021BU01640506</t>
  </si>
  <si>
    <t>buurten.abb696db-bc6c-4362-85f4-6ab6c7b29208</t>
  </si>
  <si>
    <t>BU01640600</t>
  </si>
  <si>
    <t>Bedrijventerrein Twentekanaal-Zuid I</t>
  </si>
  <si>
    <t>WK016406</t>
  </si>
  <si>
    <t>2021BU01640600</t>
  </si>
  <si>
    <t>buurten.0f5b6fac-3bff-4eae-b902-a0ccb9fd83da</t>
  </si>
  <si>
    <t>BU01640601</t>
  </si>
  <si>
    <t>Tuindorp 't Lansink</t>
  </si>
  <si>
    <t>2021BU01640601</t>
  </si>
  <si>
    <t>buurten.f8fa503d-091f-43f2-ac0a-8c6998c33dc2</t>
  </si>
  <si>
    <t>PL0164010001</t>
  </si>
  <si>
    <t>Nijverheid</t>
  </si>
  <si>
    <t>BU01640602</t>
  </si>
  <si>
    <t>Tuindorp-Zuid</t>
  </si>
  <si>
    <t>2021BU01640602</t>
  </si>
  <si>
    <t>buurten.74fcd20c-6c0d-4999-9b9a-d999fa0bdce4</t>
  </si>
  <si>
    <t>BU01640603</t>
  </si>
  <si>
    <t>Bedrijventerrein Twentekanaal-Noord I</t>
  </si>
  <si>
    <t>2021BU01640603</t>
  </si>
  <si>
    <t>buurten.8f254cbc-e545-4352-ab41-2132c551a352</t>
  </si>
  <si>
    <t>BU01640604</t>
  </si>
  <si>
    <t>2021BU01640604</t>
  </si>
  <si>
    <t>buurten.cadbb2bb-6479-43bc-9471-1c7ec859a93d</t>
  </si>
  <si>
    <t>Bungalow-wijk, Waterhoek, De Meene, De Whee II-Zuid, Verspreide huizen Markelerbroek, Verspreide huizen Stokkum, Verspreide huizen Herike, Verspreide huizen Markelo, Verspreide huizen Kerspel en Goor, Verspreide huizen Elsen, Verspreide huizen Elsenerbro</t>
  </si>
  <si>
    <t>BU01640605</t>
  </si>
  <si>
    <t>Vikkerhoek</t>
  </si>
  <si>
    <t>2021BU01640605</t>
  </si>
  <si>
    <t>buurten.0efa4228-0a10-4c48-8f5e-48e67fdf220e</t>
  </si>
  <si>
    <t>BU01640606</t>
  </si>
  <si>
    <t>Bedrijventerrein Zeggershoek</t>
  </si>
  <si>
    <t>2021BU01640606</t>
  </si>
  <si>
    <t>buurten.a1fbb0ad-4a12-4877-883a-95c81718e3b9</t>
  </si>
  <si>
    <t>BU01640700</t>
  </si>
  <si>
    <t>Bedrijventerrein Westermaat-Zuidwest</t>
  </si>
  <si>
    <t>WK016407</t>
  </si>
  <si>
    <t>2021BU01640700</t>
  </si>
  <si>
    <t>buurten.39c5337e-7e8e-48fb-ab56-ec47c57e60ec</t>
  </si>
  <si>
    <t>BU01640701</t>
  </si>
  <si>
    <t>Woolde</t>
  </si>
  <si>
    <t>2021BU01640701</t>
  </si>
  <si>
    <t>buurten.87405cbb-00f0-4c79-a16c-732a9ed23a94</t>
  </si>
  <si>
    <t>BU01640702</t>
  </si>
  <si>
    <t>Woolder Es</t>
  </si>
  <si>
    <t>2021BU01640702</t>
  </si>
  <si>
    <t>buurten.0142689b-7d98-4736-aeba-30108043961d</t>
  </si>
  <si>
    <t>BU01640703</t>
  </si>
  <si>
    <t>Weidedorp</t>
  </si>
  <si>
    <t>2021BU01640703</t>
  </si>
  <si>
    <t>buurten.b75312cf-5ed7-4947-b998-0a0f171496c7</t>
  </si>
  <si>
    <t>BU01640704</t>
  </si>
  <si>
    <t>Bedrijvenpark Westermaat-Zuidoost</t>
  </si>
  <si>
    <t>2021BU01640704</t>
  </si>
  <si>
    <t>buurten.7f7f81b3-af6a-43d1-a918-772fdd3587c2</t>
  </si>
  <si>
    <t>BU01640705</t>
  </si>
  <si>
    <t>Bedrijventerrein Westermaat-Noordoost</t>
  </si>
  <si>
    <t>2021BU01640705</t>
  </si>
  <si>
    <t>buurten.d635bfab-0723-4b9a-99c0-756818c05da8</t>
  </si>
  <si>
    <t>BU01640706</t>
  </si>
  <si>
    <t>Bedrijventerrein Westermaat-Noordwest</t>
  </si>
  <si>
    <t>2021BU01640706</t>
  </si>
  <si>
    <t>buurten.042928cb-7a38-4734-aeba-78dcad8744f9</t>
  </si>
  <si>
    <t>BU01640800</t>
  </si>
  <si>
    <t>Roershoek</t>
  </si>
  <si>
    <t>WK016408</t>
  </si>
  <si>
    <t>2021BU01640800</t>
  </si>
  <si>
    <t>buurten.77bbc729-43a4-4240-8d8b-afd75cf8c36c</t>
  </si>
  <si>
    <t>BU01640801</t>
  </si>
  <si>
    <t>Vossenbelt-Zuid</t>
  </si>
  <si>
    <t>2021BU01640801</t>
  </si>
  <si>
    <t>buurten.c92bdeff-b1cc-42d0-af07-25f9e87f9161</t>
  </si>
  <si>
    <t>BU01640802</t>
  </si>
  <si>
    <t>Vossenbelt-Noord</t>
  </si>
  <si>
    <t>2021BU01640802</t>
  </si>
  <si>
    <t>buurten.a4ad0232-252f-48c7-b760-576af00c2ad4</t>
  </si>
  <si>
    <t>BU01640803</t>
  </si>
  <si>
    <t>Het Broek</t>
  </si>
  <si>
    <t>2021BU01640803</t>
  </si>
  <si>
    <t>buurten.4f0b1c60-5dd6-46af-8df9-cd38e2256cf2</t>
  </si>
  <si>
    <t>BU01640804</t>
  </si>
  <si>
    <t>Kristenbos</t>
  </si>
  <si>
    <t>2021BU01640804</t>
  </si>
  <si>
    <t>buurten.f0fbd47d-e995-4fcb-a2d1-c9cf9f640ba0</t>
  </si>
  <si>
    <t>BU01640805</t>
  </si>
  <si>
    <t>Dalmeden</t>
  </si>
  <si>
    <t>2021BU01640805</t>
  </si>
  <si>
    <t>buurten.180f192c-83e5-4246-bca9-a037870b3a28</t>
  </si>
  <si>
    <t>BU01640900</t>
  </si>
  <si>
    <t>Beckum kern</t>
  </si>
  <si>
    <t>WK016409</t>
  </si>
  <si>
    <t>2021BU01640900</t>
  </si>
  <si>
    <t>buurten.83809112-a854-42d4-b6a8-f3b203283aeb</t>
  </si>
  <si>
    <t>BU01640901</t>
  </si>
  <si>
    <t>Verspreide huizen Slangenbeek</t>
  </si>
  <si>
    <t>2021BU01640901</t>
  </si>
  <si>
    <t>buurten.96ab1e37-6286-4adb-ad57-788159f89f21</t>
  </si>
  <si>
    <t>BU01640902</t>
  </si>
  <si>
    <t>Stadspark Weusthag-Noord</t>
  </si>
  <si>
    <t>2021BU01640902</t>
  </si>
  <si>
    <t>buurten.01674b2f-0ada-4e39-af28-b3b511c17f1c</t>
  </si>
  <si>
    <t>BU01640903</t>
  </si>
  <si>
    <t>Stadspark Weusthag-Zuid</t>
  </si>
  <si>
    <t>2021BU01640903</t>
  </si>
  <si>
    <t>buurten.9335a203-254b-4c59-87e8-785a9289a199</t>
  </si>
  <si>
    <t>BU01640904</t>
  </si>
  <si>
    <t>Verspreide huizen Driene</t>
  </si>
  <si>
    <t>2021BU01640904</t>
  </si>
  <si>
    <t>buurten.218df960-2e63-46c2-9377-ffd9c25c7fcf</t>
  </si>
  <si>
    <t>BU01640905</t>
  </si>
  <si>
    <t>Verspreide huizen Twekkelo</t>
  </si>
  <si>
    <t>2021BU01640905</t>
  </si>
  <si>
    <t>buurten.64de99fa-3a1e-48b4-aee5-ec949fec9cda</t>
  </si>
  <si>
    <t>BU01640906</t>
  </si>
  <si>
    <t>Verspreide huizen Oele</t>
  </si>
  <si>
    <t>2021BU01640906</t>
  </si>
  <si>
    <t>buurten.c69954a9-0368-4e5d-8605-2004e959f071</t>
  </si>
  <si>
    <t>BU01640907</t>
  </si>
  <si>
    <t>Verspreide huizen Woolde</t>
  </si>
  <si>
    <t>2021BU01640907</t>
  </si>
  <si>
    <t>buurten.34fca2a1-f9da-4860-8f1c-51705acd9f73</t>
  </si>
  <si>
    <t>BU01640909</t>
  </si>
  <si>
    <t>Verspreide huizen Beckum</t>
  </si>
  <si>
    <t>2021BU01640909</t>
  </si>
  <si>
    <t>buurten.41844fb6-075f-428a-92c5-fd9711da6e7c</t>
  </si>
  <si>
    <t>BU01660000</t>
  </si>
  <si>
    <t>Binnenstad Kampen</t>
  </si>
  <si>
    <t>WK016600</t>
  </si>
  <si>
    <t>2021BU01660000</t>
  </si>
  <si>
    <t>buurten.b9ea578a-1863-4dd9-8702-2213322470ab</t>
  </si>
  <si>
    <t>Generieke aanpak verduurzaming</t>
  </si>
  <si>
    <t>BU01660001</t>
  </si>
  <si>
    <t>Brunnepe</t>
  </si>
  <si>
    <t>2021BU01660001</t>
  </si>
  <si>
    <t>buurten.47458ff3-b5a7-4422-9967-06f69bd58d60</t>
  </si>
  <si>
    <t>BU01660002</t>
  </si>
  <si>
    <t>Groene Hart</t>
  </si>
  <si>
    <t>2021BU01660002</t>
  </si>
  <si>
    <t>buurten.ca740316-af64-4813-802e-e7f4d67722d6</t>
  </si>
  <si>
    <t>BU01660003</t>
  </si>
  <si>
    <t>Hanzewijk en Greente</t>
  </si>
  <si>
    <t>2021BU01660003</t>
  </si>
  <si>
    <t>buurten.ef388686-8f33-4eb7-b7eb-8e7d14613665</t>
  </si>
  <si>
    <t>BU01660004</t>
  </si>
  <si>
    <t>Kampen-Zuid</t>
  </si>
  <si>
    <t>2021BU01660004</t>
  </si>
  <si>
    <t>buurten.b2f37d93-4b93-443b-a45e-7ba787f8f064</t>
  </si>
  <si>
    <t>BU01660005</t>
  </si>
  <si>
    <t>Flevowijk</t>
  </si>
  <si>
    <t>2021BU01660005</t>
  </si>
  <si>
    <t>buurten.27befcca-4f37-4b42-9ca6-b391e028c056</t>
  </si>
  <si>
    <t>PL0166010001</t>
  </si>
  <si>
    <t>De Maten en Het Onderdijks</t>
  </si>
  <si>
    <t>Voorwaarden:- samen met bewoners- veel uniformiteit in de wijk</t>
  </si>
  <si>
    <t>om met wie dat wil, mogelijk per woning, de mogelijkheden om aardgasvrij te worden in beeld te brengen</t>
  </si>
  <si>
    <t>BU01660006</t>
  </si>
  <si>
    <t>Industrieterrein Kampen</t>
  </si>
  <si>
    <t>2021BU01660006</t>
  </si>
  <si>
    <t>buurten.7cb2668f-dc52-4750-9689-cf4c6a8489e2</t>
  </si>
  <si>
    <t>BU01660007</t>
  </si>
  <si>
    <t>Bovenbroek</t>
  </si>
  <si>
    <t>2021BU01660007</t>
  </si>
  <si>
    <t>buurten.9dc7c0bd-37c8-4800-a8c4-c5261cedca79</t>
  </si>
  <si>
    <t>BU01660008</t>
  </si>
  <si>
    <t>Cellesbroek</t>
  </si>
  <si>
    <t>2021BU01660008</t>
  </si>
  <si>
    <t>buurten.9769e796-4069-4e0a-972e-9bfb5f1ae9a6</t>
  </si>
  <si>
    <t>BU01660009</t>
  </si>
  <si>
    <t>Hagenbroek</t>
  </si>
  <si>
    <t>2021BU01660009</t>
  </si>
  <si>
    <t>buurten.40ed2f28-1850-445c-a2eb-87ed24a3e726</t>
  </si>
  <si>
    <t>BU01660010</t>
  </si>
  <si>
    <t>2021BU01660010</t>
  </si>
  <si>
    <t>buurten.25413c6b-c659-41fe-a7e5-9840d5522407</t>
  </si>
  <si>
    <t>BU01660011</t>
  </si>
  <si>
    <t>2021BU01660011</t>
  </si>
  <si>
    <t>buurten.3a0f2558-7213-44f7-b15f-7748e4c3ab13</t>
  </si>
  <si>
    <t>BU01660012</t>
  </si>
  <si>
    <t>Stationsplein</t>
  </si>
  <si>
    <t>2021BU01660012</t>
  </si>
  <si>
    <t>buurten.2c7c5394-82dd-4696-aee2-457474a494c4</t>
  </si>
  <si>
    <t>BU01660013</t>
  </si>
  <si>
    <t>2021BU01660013</t>
  </si>
  <si>
    <t>buurten.2fb6eb26-497a-4897-8980-07add1528146</t>
  </si>
  <si>
    <t>BU01660015</t>
  </si>
  <si>
    <t>Het Onderdijks</t>
  </si>
  <si>
    <t>2021BU01660015</t>
  </si>
  <si>
    <t>buurten.9fe60207-e03b-476e-8f0b-69e954a650f5</t>
  </si>
  <si>
    <t>BU01660016</t>
  </si>
  <si>
    <t>Polder Dronthen</t>
  </si>
  <si>
    <t>2021BU01660016</t>
  </si>
  <si>
    <t>buurten.cf6cd343-dab0-4502-86a1-5052d2207c3b</t>
  </si>
  <si>
    <t>BU01660017</t>
  </si>
  <si>
    <t>De Melm</t>
  </si>
  <si>
    <t>2021BU01660017</t>
  </si>
  <si>
    <t>buurten.b7fe756c-5f4b-4a6a-be10-e59fcb6d0218</t>
  </si>
  <si>
    <t>BU01660018</t>
  </si>
  <si>
    <t>Kampereiland</t>
  </si>
  <si>
    <t>2021BU01660018</t>
  </si>
  <si>
    <t>buurten.77c12f6a-9ad1-4843-8099-4399caafb84b</t>
  </si>
  <si>
    <t>https://raad.noordoostpolder.nl/documenten/besluitenlijsten-raad/Besluitenlijst-raadsvergadering-13-september-2021.pdf</t>
  </si>
  <si>
    <t>BU01660019</t>
  </si>
  <si>
    <t>Mandjeswaard</t>
  </si>
  <si>
    <t>2021BU01660019</t>
  </si>
  <si>
    <t>buurten.53e93e09-0a44-45c8-94fb-fbfb464aa096</t>
  </si>
  <si>
    <t>BU01660300</t>
  </si>
  <si>
    <t>IJsselmuiden-Centrum</t>
  </si>
  <si>
    <t>WK016603</t>
  </si>
  <si>
    <t>2021BU01660300</t>
  </si>
  <si>
    <t>buurten.d28e8a7a-3847-4d87-b227-de8fa21d639f</t>
  </si>
  <si>
    <t>BU01660301</t>
  </si>
  <si>
    <t>Losselanden</t>
  </si>
  <si>
    <t>2021BU01660301</t>
  </si>
  <si>
    <t>buurten.665cfd1c-a4c9-4aed-9769-32aee194f4da</t>
  </si>
  <si>
    <t>BU01660302</t>
  </si>
  <si>
    <t>Industrieterrein IJsselmuiden</t>
  </si>
  <si>
    <t>2021BU01660302</t>
  </si>
  <si>
    <t>buurten.5f12c5f3-048b-4455-b74d-be6d84f58895</t>
  </si>
  <si>
    <t>BU01660303</t>
  </si>
  <si>
    <t>De Waard</t>
  </si>
  <si>
    <t>2021BU01660303</t>
  </si>
  <si>
    <t>buurten.dd323f64-856e-4ca2-bdf2-e65f77f0d3b7</t>
  </si>
  <si>
    <t>BU01660304</t>
  </si>
  <si>
    <t>De Koekoek</t>
  </si>
  <si>
    <t>2021BU01660304</t>
  </si>
  <si>
    <t>buurten.c002fc87-72cf-40d1-8baf-73a11ce97de6</t>
  </si>
  <si>
    <t>BU01660305</t>
  </si>
  <si>
    <t>Oosterholt</t>
  </si>
  <si>
    <t>2021BU01660305</t>
  </si>
  <si>
    <t>buurten.0b6dba3a-a75c-4c89-89fa-1bb7f6a4662e</t>
  </si>
  <si>
    <t>BU01660306</t>
  </si>
  <si>
    <t>Sonnenberg</t>
  </si>
  <si>
    <t>2021BU01660306</t>
  </si>
  <si>
    <t>buurten.6fa512d4-915b-44d7-b3d9-7412182b2094</t>
  </si>
  <si>
    <t>BU01660307</t>
  </si>
  <si>
    <t>Trekvaart</t>
  </si>
  <si>
    <t>2021BU01660307</t>
  </si>
  <si>
    <t>buurten.b89905d0-6b7d-4a8d-9080-dc9bc4b759bb</t>
  </si>
  <si>
    <t>BU01660400</t>
  </si>
  <si>
    <t>Zalk</t>
  </si>
  <si>
    <t>WK016604</t>
  </si>
  <si>
    <t>2021BU01660400</t>
  </si>
  <si>
    <t>buurten.e4e084d4-6e5b-43d3-b1a1-db100c2792c3</t>
  </si>
  <si>
    <t>PL0166010002</t>
  </si>
  <si>
    <t>Dorpskernen Wilsum en Zalk</t>
  </si>
  <si>
    <t>Voorwaarden:- samen met bewoners- veel diversiteit in de wijk- maatwerk vereist</t>
  </si>
  <si>
    <t>BU01660401</t>
  </si>
  <si>
    <t>Verspreide huizen Zalk</t>
  </si>
  <si>
    <t>2021BU01660401</t>
  </si>
  <si>
    <t>buurten.ce82dc9a-2d47-45b0-a7cf-4d82419e8e22</t>
  </si>
  <si>
    <t>BU01660500</t>
  </si>
  <si>
    <t>Wilsum</t>
  </si>
  <si>
    <t>WK016605</t>
  </si>
  <si>
    <t>2021BU01660500</t>
  </si>
  <si>
    <t>buurten.889a70a0-6ed6-4370-9841-0794c5203440</t>
  </si>
  <si>
    <t>BU01660501</t>
  </si>
  <si>
    <t>Verspreide huizen Wilsum</t>
  </si>
  <si>
    <t>2021BU01660501</t>
  </si>
  <si>
    <t>buurten.d9b95cd3-8806-4325-95b1-41cdfd6edb5a</t>
  </si>
  <si>
    <t>BU01660600</t>
  </si>
  <si>
    <t>Grafhorst</t>
  </si>
  <si>
    <t>WK016606</t>
  </si>
  <si>
    <t>2021BU01660600</t>
  </si>
  <si>
    <t>buurten.e49c655c-dc8e-4017-be86-a5c1ae451dc1</t>
  </si>
  <si>
    <t>BU01660700</t>
  </si>
  <si>
    <t>Kamperveen</t>
  </si>
  <si>
    <t>WK016607</t>
  </si>
  <si>
    <t>2021BU01660700</t>
  </si>
  <si>
    <t>buurten.5fc660ec-01aa-4599-8bb8-797653ec1282</t>
  </si>
  <si>
    <t>BU01660800</t>
  </si>
  <si>
    <t>'s-Heerenbroek</t>
  </si>
  <si>
    <t>WK016608</t>
  </si>
  <si>
    <t>2021BU01660800</t>
  </si>
  <si>
    <t>buurten.0cad017b-8a1b-4df7-8a85-9852e7d61ea9</t>
  </si>
  <si>
    <t>BU01660900</t>
  </si>
  <si>
    <t>Verspreide huizen polder Mastenbroek</t>
  </si>
  <si>
    <t>WK016609</t>
  </si>
  <si>
    <t>2021BU01660900</t>
  </si>
  <si>
    <t>buurten.14b8e0b0-bd86-4e42-b1b2-1e6b5d793830</t>
  </si>
  <si>
    <t>BU01680001</t>
  </si>
  <si>
    <t>Losser-West</t>
  </si>
  <si>
    <t>WK016800</t>
  </si>
  <si>
    <t>GM0168</t>
  </si>
  <si>
    <t>Losser</t>
  </si>
  <si>
    <t>2021BU01680001</t>
  </si>
  <si>
    <t>buurten.a53d5a60-d159-41e6-932c-2b664cee8820</t>
  </si>
  <si>
    <t>PL0168010005</t>
  </si>
  <si>
    <t>doorlopend</t>
  </si>
  <si>
    <t>LT warmte, riothermie (mogelijkheid)</t>
  </si>
  <si>
    <t>groen gas en/of groen waterstofgas</t>
  </si>
  <si>
    <t>LT warmte: aquathermie (riool)</t>
  </si>
  <si>
    <t>BU01680002</t>
  </si>
  <si>
    <t>Bedrijfsterrein Losser</t>
  </si>
  <si>
    <t>2021BU01680002</t>
  </si>
  <si>
    <t>buurten.6a74bd1b-fa1f-44f3-b686-f5eca24a3c6b</t>
  </si>
  <si>
    <t>BU01680003</t>
  </si>
  <si>
    <t>Losser-Oost</t>
  </si>
  <si>
    <t>2021BU01680003</t>
  </si>
  <si>
    <t>buurten.d168949b-d7cf-40b7-89d1-229e3dcc6be7</t>
  </si>
  <si>
    <t>BU01680009</t>
  </si>
  <si>
    <t>Verspreide huizen Losser</t>
  </si>
  <si>
    <t>2021BU01680009</t>
  </si>
  <si>
    <t>buurten.3d252386-75bb-4c90-953c-c7d9dc91f24a</t>
  </si>
  <si>
    <t>BU01680101</t>
  </si>
  <si>
    <t>Glane kern</t>
  </si>
  <si>
    <t>WK016801</t>
  </si>
  <si>
    <t>2021BU01680101</t>
  </si>
  <si>
    <t>buurten.05b355ae-06f9-4d24-9b2c-4ca1438cfc6c</t>
  </si>
  <si>
    <t>PL0168010006</t>
  </si>
  <si>
    <t>Glane en Glane-Beekhoek</t>
  </si>
  <si>
    <t>BU01680102</t>
  </si>
  <si>
    <t>Glane-beekhoek</t>
  </si>
  <si>
    <t>2021BU01680102</t>
  </si>
  <si>
    <t>buurten.1e6b9145-9c00-47e5-892c-f2dbc38a5885</t>
  </si>
  <si>
    <t>BU01680109</t>
  </si>
  <si>
    <t>Verspreide huizen Glane</t>
  </si>
  <si>
    <t>2021BU01680109</t>
  </si>
  <si>
    <t>buurten.80630efb-6b1d-483b-a15c-e1c97bc15c80</t>
  </si>
  <si>
    <t>BU01680201</t>
  </si>
  <si>
    <t>Overdinkel kern</t>
  </si>
  <si>
    <t>WK016802</t>
  </si>
  <si>
    <t>2021BU01680201</t>
  </si>
  <si>
    <t>buurten.4aeac0f2-97b4-4751-b15c-6e174632d913</t>
  </si>
  <si>
    <t>PL0168010007</t>
  </si>
  <si>
    <t>Overdinkel</t>
  </si>
  <si>
    <t>duurzaam gas</t>
  </si>
  <si>
    <t>BU01680209</t>
  </si>
  <si>
    <t>Verspreide huizen Overdinkel</t>
  </si>
  <si>
    <t>2021BU01680209</t>
  </si>
  <si>
    <t>buurten.8ce0a29e-9028-4a43-8b2c-6dab4d9af919</t>
  </si>
  <si>
    <t>BU01680301</t>
  </si>
  <si>
    <t>De Lutte kern</t>
  </si>
  <si>
    <t>WK016803</t>
  </si>
  <si>
    <t>2021BU01680301</t>
  </si>
  <si>
    <t>buurten.bf31b800-75f9-47df-85fd-ccb9b44e1cfd</t>
  </si>
  <si>
    <t>PL0168010003</t>
  </si>
  <si>
    <t>De Lutte dorpskern en Luttermolen</t>
  </si>
  <si>
    <t>Label C (gemiddeld)</t>
  </si>
  <si>
    <t>BU01680309</t>
  </si>
  <si>
    <t>Verspreide huizen De Lutte</t>
  </si>
  <si>
    <t>2021BU01680309</t>
  </si>
  <si>
    <t>buurten.78cd37f4-4b52-434a-9868-a5d2ac84d373</t>
  </si>
  <si>
    <t>Zuid-Berghuizen</t>
  </si>
  <si>
    <t>BU01680401</t>
  </si>
  <si>
    <t>Beuningen kern</t>
  </si>
  <si>
    <t>WK016804</t>
  </si>
  <si>
    <t>2021BU01680401</t>
  </si>
  <si>
    <t>buurten.42af5c97-eaaa-4159-b9f6-aa647d094233</t>
  </si>
  <si>
    <t>PL0168010008</t>
  </si>
  <si>
    <t>Beuningen</t>
  </si>
  <si>
    <t>BU01680409</t>
  </si>
  <si>
    <t>Verspreide huizen Beuningen</t>
  </si>
  <si>
    <t>2021BU01680409</t>
  </si>
  <si>
    <t>buurten.a76d3b47-550e-49d3-a5dd-52e27084afc1</t>
  </si>
  <si>
    <t>BU01710101</t>
  </si>
  <si>
    <t>Emmeloord-Centrum-Tussen Gracht en Vaart</t>
  </si>
  <si>
    <t>WK017101</t>
  </si>
  <si>
    <t>2021BU01710101</t>
  </si>
  <si>
    <t>buurten.32abe7c7-80e2-4a48-9973-ab3889f00be8</t>
  </si>
  <si>
    <t>PL0171010007</t>
  </si>
  <si>
    <t>Bedrijventerreinen Noordoostpolder</t>
  </si>
  <si>
    <t>Verkenning aquathermie warmtenet</t>
  </si>
  <si>
    <t>techniekstatus hangt af van onderzoek</t>
  </si>
  <si>
    <t>vrijwillige deelname aan warmtenet</t>
  </si>
  <si>
    <t>verkennen kansen aquathermie</t>
  </si>
  <si>
    <t>BU01710102</t>
  </si>
  <si>
    <t>Emmeloord-Centrum-Centrum West</t>
  </si>
  <si>
    <t>2021BU01710102</t>
  </si>
  <si>
    <t>buurten.e9685c3e-4af0-4b84-9303-97402b9d3705</t>
  </si>
  <si>
    <t>PL0171010004</t>
  </si>
  <si>
    <t>Besparingsbuurten</t>
  </si>
  <si>
    <t>BU01710103</t>
  </si>
  <si>
    <t>Emmeloord-Centrum-Bos en Gaard</t>
  </si>
  <si>
    <t>2021BU01710103</t>
  </si>
  <si>
    <t>buurten.82f18915-fe81-45d1-9252-d67c7205afcd</t>
  </si>
  <si>
    <t>BU01710104</t>
  </si>
  <si>
    <t>Emmeloord-Centrum-Centrum Oost</t>
  </si>
  <si>
    <t>2021BU01710104</t>
  </si>
  <si>
    <t>buurten.4b15636a-df3a-4692-9b03-cbf66ce19cb4</t>
  </si>
  <si>
    <t>PL0171010002</t>
  </si>
  <si>
    <t>BU01710105</t>
  </si>
  <si>
    <t>Emmeloord-Revelsant-Noord</t>
  </si>
  <si>
    <t>2021BU01710105</t>
  </si>
  <si>
    <t>buurten.73700769-f36e-45ab-97ec-7c0c51e41159</t>
  </si>
  <si>
    <t>BU01710106</t>
  </si>
  <si>
    <t>Emmeloord-Revelsant-Zuid</t>
  </si>
  <si>
    <t>2021BU01710106</t>
  </si>
  <si>
    <t>buurten.bd414cef-6e5a-4f60-94be-a91ae254e38e</t>
  </si>
  <si>
    <t>BU01710107</t>
  </si>
  <si>
    <t>Emmeloord-Espelervaart-Bergenbuurt</t>
  </si>
  <si>
    <t>2021BU01710107</t>
  </si>
  <si>
    <t>buurten.3daac836-9f3f-4377-b42c-58851df8dc30</t>
  </si>
  <si>
    <t>BU01710108</t>
  </si>
  <si>
    <t>Emmeloord-Espelervaart-Rivierenbuurt</t>
  </si>
  <si>
    <t>2021BU01710108</t>
  </si>
  <si>
    <t>buurten.3221b2d9-a7bb-4a4a-ae7b-12e6c0eca2aa</t>
  </si>
  <si>
    <t>Besparingsbuurten (voorbereidend op warmtenet)</t>
  </si>
  <si>
    <t>BU01710109</t>
  </si>
  <si>
    <t>Emmeloord-Espelervaart-Espelervaart West</t>
  </si>
  <si>
    <t>2021BU01710109</t>
  </si>
  <si>
    <t>buurten.bfa24208-b2b4-4206-bde3-451de0a2bfc8</t>
  </si>
  <si>
    <t>BU01710110</t>
  </si>
  <si>
    <t>Emmeloord-de Zuidert</t>
  </si>
  <si>
    <t>2021BU01710110</t>
  </si>
  <si>
    <t>buurten.f8e7ed9f-a4b1-4102-afdf-c0b61bb1cf0f</t>
  </si>
  <si>
    <t>in onderzoek</t>
  </si>
  <si>
    <t>volgen het tempo van de gebouweigenaren</t>
  </si>
  <si>
    <t>BU01710111</t>
  </si>
  <si>
    <t>Emmeloord-de Erven</t>
  </si>
  <si>
    <t>2021BU01710111</t>
  </si>
  <si>
    <t>buurten.5b66a596-072a-456d-889e-4d91f2cc4440</t>
  </si>
  <si>
    <t>BU01710112</t>
  </si>
  <si>
    <t>Emmeloord-Waterland</t>
  </si>
  <si>
    <t>2021BU01710112</t>
  </si>
  <si>
    <t>buurten.9ae81b49-d548-4263-925c-cef87b5b6e22</t>
  </si>
  <si>
    <t>PL0171010006</t>
  </si>
  <si>
    <t>All electric buurten Noordoostpolder</t>
  </si>
  <si>
    <t>BU01710113</t>
  </si>
  <si>
    <t>Emmeloord-Emmelhage-Boswonen</t>
  </si>
  <si>
    <t>2021BU01710113</t>
  </si>
  <si>
    <t>buurten.798e4263-eba5-47f6-a836-339097c5a9ce</t>
  </si>
  <si>
    <t>BU01710114</t>
  </si>
  <si>
    <t>Emmeloord-Emmelhage-Waterwonen/Polderwonen</t>
  </si>
  <si>
    <t>2021BU01710114</t>
  </si>
  <si>
    <t>buurten.11079908-d02e-4370-a4c7-b3efef21de1d</t>
  </si>
  <si>
    <t>BU01710115</t>
  </si>
  <si>
    <t>Emmeloord-Bedrijventerrein de Munt</t>
  </si>
  <si>
    <t>2021BU01710115</t>
  </si>
  <si>
    <t>buurten.c882e8db-63d0-4764-9105-8eff91a34989</t>
  </si>
  <si>
    <t>BU01710116</t>
  </si>
  <si>
    <t>Emmeloord-Bedrijventerrein Nagelerweg</t>
  </si>
  <si>
    <t>2021BU01710116</t>
  </si>
  <si>
    <t>buurten.fa52be68-ed55-431c-bc02-bf64efcea0f8</t>
  </si>
  <si>
    <t>BU01710117</t>
  </si>
  <si>
    <t>Emmeloord-Bedrijventerrein A6</t>
  </si>
  <si>
    <t>2021BU01710117</t>
  </si>
  <si>
    <t>buurten.c321f1ae-c660-4be2-83d7-a073c71ece91</t>
  </si>
  <si>
    <t>BU01710118</t>
  </si>
  <si>
    <t>Emmeloord-landelijk gebied</t>
  </si>
  <si>
    <t>2021BU01710118</t>
  </si>
  <si>
    <t>buurten.0fc09fba-c4be-456b-bd08-28326ad3e3d1</t>
  </si>
  <si>
    <t>BU01710219</t>
  </si>
  <si>
    <t>Bant-woonkern</t>
  </si>
  <si>
    <t>WK017102</t>
  </si>
  <si>
    <t>2021BU01710219</t>
  </si>
  <si>
    <t>buurten.5b5bedf6-e507-4849-b66e-e9bac435986b</t>
  </si>
  <si>
    <t>BU01710220</t>
  </si>
  <si>
    <t>Bant-bedrijventerrein</t>
  </si>
  <si>
    <t>2021BU01710220</t>
  </si>
  <si>
    <t>buurten.0709ac56-99e5-4cf2-bd2d-9baa7e409c45</t>
  </si>
  <si>
    <t>BU01710221</t>
  </si>
  <si>
    <t>Bant-landelijk gebied</t>
  </si>
  <si>
    <t>2021BU01710221</t>
  </si>
  <si>
    <t>buurten.48d00a55-a756-4032-956a-94cb9ba464ad</t>
  </si>
  <si>
    <t>BU01710322</t>
  </si>
  <si>
    <t>Luttelgeest-woonkern</t>
  </si>
  <si>
    <t>WK017103</t>
  </si>
  <si>
    <t>2021BU01710322</t>
  </si>
  <si>
    <t>buurten.d21cf372-e1c7-4340-82bc-eb91fe9b7e85</t>
  </si>
  <si>
    <t>Onderzoek geothermie Luttelgeest, Marknesse</t>
  </si>
  <si>
    <t>geothermie nabijgelegen kassengebied</t>
  </si>
  <si>
    <t>BU01710323</t>
  </si>
  <si>
    <t>Luttelgeest-landelijk gebied</t>
  </si>
  <si>
    <t>2021BU01710323</t>
  </si>
  <si>
    <t>buurten.159fef76-f88d-41c9-a915-82569e380e80</t>
  </si>
  <si>
    <t>Loke initiatieven stimuleren</t>
  </si>
  <si>
    <t>BU01710424</t>
  </si>
  <si>
    <t>Marknesse-woonkern</t>
  </si>
  <si>
    <t>WK017104</t>
  </si>
  <si>
    <t>2021BU01710424</t>
  </si>
  <si>
    <t>buurten.8c41593f-8dbe-4d4b-a1d2-d4115fb7ae40</t>
  </si>
  <si>
    <t>BU01710425</t>
  </si>
  <si>
    <t>Marknesse-bedrijventerrein</t>
  </si>
  <si>
    <t>2021BU01710425</t>
  </si>
  <si>
    <t>buurten.210daa25-4c85-4891-9971-b0644f369fd7</t>
  </si>
  <si>
    <t>BU01710426</t>
  </si>
  <si>
    <t>Marknesse-landelijk gebied</t>
  </si>
  <si>
    <t>2021BU01710426</t>
  </si>
  <si>
    <t>buurten.bf131674-cc5f-4613-add7-12e82096c58d</t>
  </si>
  <si>
    <t>BU01710527</t>
  </si>
  <si>
    <t>Kraggenburg-woonkern</t>
  </si>
  <si>
    <t>WK017105</t>
  </si>
  <si>
    <t>2021BU01710527</t>
  </si>
  <si>
    <t>buurten.005e7272-9eba-4919-b1b6-7171b72db5dc</t>
  </si>
  <si>
    <t>BU01710528</t>
  </si>
  <si>
    <t>Kraggenburg-bedrijventerrein</t>
  </si>
  <si>
    <t>2021BU01710528</t>
  </si>
  <si>
    <t>buurten.d4cbc0c7-8497-4eb0-97a0-b8bf65218a22</t>
  </si>
  <si>
    <t>BU01710529</t>
  </si>
  <si>
    <t>2021BU01710529</t>
  </si>
  <si>
    <t>buurten.65828d56-8cb9-4bc4-98f1-9209ced204f5</t>
  </si>
  <si>
    <t>BU01710530</t>
  </si>
  <si>
    <t>Kraggenburg-landelijk gebied</t>
  </si>
  <si>
    <t>2021BU01710530</t>
  </si>
  <si>
    <t>buurten.ba93be86-7106-4044-b2a9-4c48faba5036</t>
  </si>
  <si>
    <t>BU01710631</t>
  </si>
  <si>
    <t>Ens-woonkern</t>
  </si>
  <si>
    <t>WK017106</t>
  </si>
  <si>
    <t>2021BU01710631</t>
  </si>
  <si>
    <t>buurten.62b88688-b2f2-4120-a05c-fee2a533626f</t>
  </si>
  <si>
    <t>BU01710632</t>
  </si>
  <si>
    <t>Ens-bedrijventerrein</t>
  </si>
  <si>
    <t>2021BU01710632</t>
  </si>
  <si>
    <t>buurten.b6ab591b-cab7-47e2-935e-7b01ba4e9a36</t>
  </si>
  <si>
    <t>BU01710633</t>
  </si>
  <si>
    <t>Ens-landelijk gebied</t>
  </si>
  <si>
    <t>2021BU01710633</t>
  </si>
  <si>
    <t>buurten.8d128128-3df9-41a7-a6c4-f2fb2c980801</t>
  </si>
  <si>
    <t>BU01710734</t>
  </si>
  <si>
    <t>Nagele-woonkern</t>
  </si>
  <si>
    <t>WK017107</t>
  </si>
  <si>
    <t>2021BU01710734</t>
  </si>
  <si>
    <t>buurten.93180830-56ec-4bfe-be4b-8bdd18373c1d</t>
  </si>
  <si>
    <t>BU01710735</t>
  </si>
  <si>
    <t>Nagele-bedrijventerrein</t>
  </si>
  <si>
    <t>2021BU01710735</t>
  </si>
  <si>
    <t>buurten.35aab28e-9920-45df-a539-b46382dc79ad</t>
  </si>
  <si>
    <t>BU01710736</t>
  </si>
  <si>
    <t>Nagele-landelijk gebied</t>
  </si>
  <si>
    <t>2021BU01710736</t>
  </si>
  <si>
    <t>buurten.cca2be6b-9a41-4fc4-918e-8e8734b366d3</t>
  </si>
  <si>
    <t>BU01710837</t>
  </si>
  <si>
    <t>Tollebeek-woonkern</t>
  </si>
  <si>
    <t>WK017108</t>
  </si>
  <si>
    <t>2021BU01710837</t>
  </si>
  <si>
    <t>buurten.15809644-aa55-419e-a1b1-f352d8a633b0</t>
  </si>
  <si>
    <t>BU01710838</t>
  </si>
  <si>
    <t>Tollebeek-bedrijventerrein</t>
  </si>
  <si>
    <t>2021BU01710838</t>
  </si>
  <si>
    <t>buurten.63d0e3fa-8b9f-42e3-8e89-5681d19a6f37</t>
  </si>
  <si>
    <t>BU01710839</t>
  </si>
  <si>
    <t>Tollebeek-landelijk gebied</t>
  </si>
  <si>
    <t>2021BU01710839</t>
  </si>
  <si>
    <t>buurten.4e24b8ec-6860-471f-9f7b-40805f481306</t>
  </si>
  <si>
    <t>vrijwilligheid &amp; voldoende capaciteit op e-net</t>
  </si>
  <si>
    <t>Warmtepomp (hybride als tussenstap)</t>
  </si>
  <si>
    <t>BU01710941</t>
  </si>
  <si>
    <t>Espel-woonkern</t>
  </si>
  <si>
    <t>WK017109</t>
  </si>
  <si>
    <t>2021BU01710941</t>
  </si>
  <si>
    <t>buurten.8471fc95-f4d7-43a4-a023-2522cb0dd8fb</t>
  </si>
  <si>
    <t>BU01710942</t>
  </si>
  <si>
    <t>Espel-bedrijventerrein</t>
  </si>
  <si>
    <t>2021BU01710942</t>
  </si>
  <si>
    <t>buurten.8954e861-b4b8-4404-ad57-c5ffeab5d85d</t>
  </si>
  <si>
    <t>BU01710943</t>
  </si>
  <si>
    <t>Espel-landelijk gebied</t>
  </si>
  <si>
    <t>2021BU01710943</t>
  </si>
  <si>
    <t>buurten.5f66ce91-75f6-48c3-8cbe-7e748243bf82</t>
  </si>
  <si>
    <t>BU01711045</t>
  </si>
  <si>
    <t>Creil-woonkern</t>
  </si>
  <si>
    <t>WK017110</t>
  </si>
  <si>
    <t>2021BU01711045</t>
  </si>
  <si>
    <t>buurten.ffd61ea0-464d-4ca3-b750-7196f5969b19</t>
  </si>
  <si>
    <t>BU01711046</t>
  </si>
  <si>
    <t>Creil-bedrijventerrein</t>
  </si>
  <si>
    <t>2021BU01711046</t>
  </si>
  <si>
    <t>buurten.51057410-55f4-4c4e-90c8-484d57662bee</t>
  </si>
  <si>
    <t>BU01711047</t>
  </si>
  <si>
    <t>Creil-landelijk gebied</t>
  </si>
  <si>
    <t>2021BU01711047</t>
  </si>
  <si>
    <t>buurten.74871b52-cb40-4d9e-b8e4-dc57cb546824</t>
  </si>
  <si>
    <t>BU01711149</t>
  </si>
  <si>
    <t>Rutten-woonkern</t>
  </si>
  <si>
    <t>WK017111</t>
  </si>
  <si>
    <t>2021BU01711149</t>
  </si>
  <si>
    <t>buurten.12a443db-bfcd-4f53-8a2c-50fd00dd7bdc</t>
  </si>
  <si>
    <t>BU01711150</t>
  </si>
  <si>
    <t>Rutten-bedrijventerrein</t>
  </si>
  <si>
    <t>2021BU01711150</t>
  </si>
  <si>
    <t>buurten.6288eba7-251e-4cad-a10a-bb2fa96b755d</t>
  </si>
  <si>
    <t>BU01711151</t>
  </si>
  <si>
    <t>Rutten-landelijk gebied</t>
  </si>
  <si>
    <t>2021BU01711151</t>
  </si>
  <si>
    <t>buurten.fee3456d-18fc-4c49-b98e-2988f912f6aa</t>
  </si>
  <si>
    <t>BU01711252</t>
  </si>
  <si>
    <t>Schokland-woonkern</t>
  </si>
  <si>
    <t>WK017112</t>
  </si>
  <si>
    <t>2021BU01711252</t>
  </si>
  <si>
    <t>buurten.ef3c56a6-a1ab-4b0c-b544-f6cd69cbdb19</t>
  </si>
  <si>
    <t>BU01730100</t>
  </si>
  <si>
    <t>WK017301</t>
  </si>
  <si>
    <t>GM0173</t>
  </si>
  <si>
    <t>Oldenzaal</t>
  </si>
  <si>
    <t>2021BU01730100</t>
  </si>
  <si>
    <t>buurten.d1c2a221-250f-4477-8c6d-47438357cbbf</t>
  </si>
  <si>
    <t>PL0173010003</t>
  </si>
  <si>
    <t>PL0173010005</t>
  </si>
  <si>
    <t>Centrum: Binnenstad, Het inslag- de Kleies, de Meijbree, Haerbroek-Scholtenhoek</t>
  </si>
  <si>
    <t>Glinde-Hooiland</t>
  </si>
  <si>
    <t>2030-2050</t>
  </si>
  <si>
    <t>BU01730200</t>
  </si>
  <si>
    <t>Het Inslag-De Kleies</t>
  </si>
  <si>
    <t>WK017302</t>
  </si>
  <si>
    <t>2021BU01730200</t>
  </si>
  <si>
    <t>buurten.241d377b-4e27-4950-bb3e-16f353fa2626</t>
  </si>
  <si>
    <t>PL0173010007</t>
  </si>
  <si>
    <t>BU01730300</t>
  </si>
  <si>
    <t>WK017303</t>
  </si>
  <si>
    <t>2021BU01730300</t>
  </si>
  <si>
    <t>buurten.0211b42b-294a-44d1-87b8-537ef792bf4c</t>
  </si>
  <si>
    <t>PL0173010002</t>
  </si>
  <si>
    <t>ondiepe geothermie  en/of  retwarmte RWZI en/of restwarmte bedrijventerrein en/of restwarmte Twence(onderzoek naar)</t>
  </si>
  <si>
    <t>BU01730400</t>
  </si>
  <si>
    <t>De Meijbree</t>
  </si>
  <si>
    <t>WK017304</t>
  </si>
  <si>
    <t>2021BU01730400</t>
  </si>
  <si>
    <t>buurten.12ddd273-dfd1-446b-9a79-29f17eabd177</t>
  </si>
  <si>
    <t>BU01730500</t>
  </si>
  <si>
    <t>Haerbroek-Scholtenhoek</t>
  </si>
  <si>
    <t>WK017305</t>
  </si>
  <si>
    <t>2021BU01730500</t>
  </si>
  <si>
    <t>buurten.e82ebc63-5be0-4402-960a-38c9485bf6fa</t>
  </si>
  <si>
    <t>BU01730600</t>
  </si>
  <si>
    <t>WK017306</t>
  </si>
  <si>
    <t>2021BU01730600</t>
  </si>
  <si>
    <t>buurten.a00f9eac-6c26-437a-b7a3-a55f5417c46c</t>
  </si>
  <si>
    <t>duurzaam gas (uiteindelijk)</t>
  </si>
  <si>
    <t>BU01730700</t>
  </si>
  <si>
    <t>Hanzepoort</t>
  </si>
  <si>
    <t>WK017307</t>
  </si>
  <si>
    <t>2021BU01730700</t>
  </si>
  <si>
    <t>buurten.4b0a1f09-2041-4443-b123-ede9f72da676</t>
  </si>
  <si>
    <t>BU01730800</t>
  </si>
  <si>
    <t>Eekte-Hazewinkel</t>
  </si>
  <si>
    <t>WK017308</t>
  </si>
  <si>
    <t>2021BU01730800</t>
  </si>
  <si>
    <t>buurten.48ea1935-ace4-44f2-9d10-5bb2c1cb7407</t>
  </si>
  <si>
    <t>PL0173010004</t>
  </si>
  <si>
    <t>BU01730900</t>
  </si>
  <si>
    <t>Jufferbeek</t>
  </si>
  <si>
    <t>WK017309</t>
  </si>
  <si>
    <t>2021BU01730900</t>
  </si>
  <si>
    <t>buurten.9c510474-c5c0-4870-a762-c6e9939a258c</t>
  </si>
  <si>
    <t>PL0173010006</t>
  </si>
  <si>
    <t>BU01731000</t>
  </si>
  <si>
    <t>Het Hulsbeek</t>
  </si>
  <si>
    <t>WK017310</t>
  </si>
  <si>
    <t>2021BU01731000</t>
  </si>
  <si>
    <t>buurten.97ac10fc-2c34-4d39-a093-15b9436d08c2</t>
  </si>
  <si>
    <t>De Thij, De Essen, De Graven Es (Oost)</t>
  </si>
  <si>
    <t>BU01731100</t>
  </si>
  <si>
    <t>De Thij</t>
  </si>
  <si>
    <t>WK017311</t>
  </si>
  <si>
    <t>2021BU01731100</t>
  </si>
  <si>
    <t>buurten.9a383113-ae77-419b-8ded-0fa3c6dc2824</t>
  </si>
  <si>
    <t>PL0173010001</t>
  </si>
  <si>
    <t>BU01731200</t>
  </si>
  <si>
    <t>De Graven Es</t>
  </si>
  <si>
    <t>WK017312</t>
  </si>
  <si>
    <t>2021BU01731200</t>
  </si>
  <si>
    <t>buurten.7d94f6ab-3d03-4614-9d83-66291b6bb9ec</t>
  </si>
  <si>
    <t>BU01731300</t>
  </si>
  <si>
    <t>De Essen</t>
  </si>
  <si>
    <t>WK017313</t>
  </si>
  <si>
    <t>2021BU01731300</t>
  </si>
  <si>
    <t>buurten.30e7a02f-d109-4ff1-9d1c-24257cb33c1f</t>
  </si>
  <si>
    <t>BU01731400</t>
  </si>
  <si>
    <t>Bekspring</t>
  </si>
  <si>
    <t>WK017314</t>
  </si>
  <si>
    <t>2021BU01731400</t>
  </si>
  <si>
    <t>buurten.a2808b18-584f-4596-b364-01c524239d57</t>
  </si>
  <si>
    <t>BU01750101</t>
  </si>
  <si>
    <t>Kern Ommen - Centrum</t>
  </si>
  <si>
    <t>WK017501</t>
  </si>
  <si>
    <t>2021BU01750101</t>
  </si>
  <si>
    <t>buurten.c098fdac-7a76-438e-9e39-36edb91e82ec</t>
  </si>
  <si>
    <t>PL0175010001</t>
  </si>
  <si>
    <t>aardgasvrij-ready alle woningen/gebouwen</t>
  </si>
  <si>
    <t>TEO en RWZI</t>
  </si>
  <si>
    <t>BU01750102</t>
  </si>
  <si>
    <t>Buurtschap Ommeres</t>
  </si>
  <si>
    <t>2021BU01750102</t>
  </si>
  <si>
    <t>buurten.b8638964-7754-47a7-ae7b-bb9e0f708534</t>
  </si>
  <si>
    <t>BU01750103</t>
  </si>
  <si>
    <t>Kern Ommen - Laarakkers</t>
  </si>
  <si>
    <t>2021BU01750103</t>
  </si>
  <si>
    <t>buurten.3e2aca55-73b7-4af1-84bf-c49c2a3a20dc</t>
  </si>
  <si>
    <t>BU01750104</t>
  </si>
  <si>
    <t>Buurtschap Ommen ten zuiden van de Vecht</t>
  </si>
  <si>
    <t>2021BU01750104</t>
  </si>
  <si>
    <t>buurten.858c1b11-94eb-4274-a925-1ca1567f991e</t>
  </si>
  <si>
    <t>BU01750105</t>
  </si>
  <si>
    <t>Kern Ommen - Industrieterrein</t>
  </si>
  <si>
    <t>2021BU01750105</t>
  </si>
  <si>
    <t>buurten.34021362-0e17-466b-97e4-4a41dc36ae41</t>
  </si>
  <si>
    <t>BU01750106</t>
  </si>
  <si>
    <t>Buurtschap Junne</t>
  </si>
  <si>
    <t>2021BU01750106</t>
  </si>
  <si>
    <t>buurten.d540d7b6-2f3d-46d3-8b0b-dc31e20ce1b4</t>
  </si>
  <si>
    <t>BU01750107</t>
  </si>
  <si>
    <t>Buurtschap Eerde</t>
  </si>
  <si>
    <t>2021BU01750107</t>
  </si>
  <si>
    <t>buurten.a8aca28d-0918-482a-aa20-8702806be220</t>
  </si>
  <si>
    <t>BU01750108</t>
  </si>
  <si>
    <t>Buurtschap Besthmen</t>
  </si>
  <si>
    <t>2021BU01750108</t>
  </si>
  <si>
    <t>buurten.22c2be90-653f-46e5-861b-ae4f584a15ce</t>
  </si>
  <si>
    <t>BU01750109</t>
  </si>
  <si>
    <t>Buurtschap Varsen</t>
  </si>
  <si>
    <t>2021BU01750109</t>
  </si>
  <si>
    <t>buurten.d5b279bc-93c7-46f2-8623-6f279721b454</t>
  </si>
  <si>
    <t>BU01750110</t>
  </si>
  <si>
    <t>Buurtschap Ommerbos-Ommerkanaal</t>
  </si>
  <si>
    <t>2021BU01750110</t>
  </si>
  <si>
    <t>buurten.0f9e2818-c947-49e2-aec6-130eee068d88</t>
  </si>
  <si>
    <t>BU01750111</t>
  </si>
  <si>
    <t>Buurtschap Emsland</t>
  </si>
  <si>
    <t>2021BU01750111</t>
  </si>
  <si>
    <t>buurten.365918d2-bd66-4df1-be0a-62fd2b190efc</t>
  </si>
  <si>
    <t>BU01750112</t>
  </si>
  <si>
    <t>Buurtschap Zeesse</t>
  </si>
  <si>
    <t>2021BU01750112</t>
  </si>
  <si>
    <t>buurten.075bc00a-248b-4744-aa83-bb22858cf31b</t>
  </si>
  <si>
    <t>BU01750113</t>
  </si>
  <si>
    <t>Kern Ommen - Zuid - ten noorden v spoor</t>
  </si>
  <si>
    <t>2021BU01750113</t>
  </si>
  <si>
    <t>buurten.18778de2-876a-4b37-8264-8c0d8351cb10</t>
  </si>
  <si>
    <t>BU01750114</t>
  </si>
  <si>
    <t>Kern Ommen - Zuid - ten zuiden v spoor</t>
  </si>
  <si>
    <t>2021BU01750114</t>
  </si>
  <si>
    <t>buurten.0d1f9b75-fc52-4a95-b213-5b730930694d</t>
  </si>
  <si>
    <t>BU01750115</t>
  </si>
  <si>
    <t>Kern Ommen - Dante noord</t>
  </si>
  <si>
    <t>2021BU01750115</t>
  </si>
  <si>
    <t>buurten.3732c6fe-35f9-468e-87df-f0f98842747e</t>
  </si>
  <si>
    <t>BU01750116</t>
  </si>
  <si>
    <t>Kern Ommen - Dante zuid</t>
  </si>
  <si>
    <t>2021BU01750116</t>
  </si>
  <si>
    <t>buurten.0356fcd9-e7ee-4244-8337-a45bababdbd7</t>
  </si>
  <si>
    <t>BU01750117</t>
  </si>
  <si>
    <t>Kern Ommen - Zeeheldenbuurt - Lodderholt</t>
  </si>
  <si>
    <t>2021BU01750117</t>
  </si>
  <si>
    <t>buurten.691397c6-6aeb-4f22-8259-8389b2f0bcb0</t>
  </si>
  <si>
    <t>BU01750118</t>
  </si>
  <si>
    <t>Kern Ommen - Strangen</t>
  </si>
  <si>
    <t>2021BU01750118</t>
  </si>
  <si>
    <t>buurten.8fc979cc-565f-4e2a-a40b-46d8241dabc8</t>
  </si>
  <si>
    <t>BU01750119</t>
  </si>
  <si>
    <t>Kern Ommen - Alteveer Wonen 5-6</t>
  </si>
  <si>
    <t>2021BU01750119</t>
  </si>
  <si>
    <t>buurten.6291fe22-af79-45dc-a970-0e2141e6887a</t>
  </si>
  <si>
    <t>BU01750120</t>
  </si>
  <si>
    <t>Kern Ommen - Rotbrink</t>
  </si>
  <si>
    <t>2021BU01750120</t>
  </si>
  <si>
    <t>buurten.49620ab6-7bd3-49c2-8c05-57b8f7dd2166</t>
  </si>
  <si>
    <t>BU01750121</t>
  </si>
  <si>
    <t>Kern Ommen - Alteveer wonen 1-4</t>
  </si>
  <si>
    <t>2021BU01750121</t>
  </si>
  <si>
    <t>buurten.26e4aeb0-7a84-4986-9c2e-7023fcb4cb09</t>
  </si>
  <si>
    <t>BU01750122</t>
  </si>
  <si>
    <t>Kern Ommen - Alteveer Bedrijven</t>
  </si>
  <si>
    <t>2021BU01750122</t>
  </si>
  <si>
    <t>buurten.d6b28437-075a-4977-8e20-c4b64ddd6def</t>
  </si>
  <si>
    <t>BU01750123</t>
  </si>
  <si>
    <t>Kern Ommen - Alteveer Voorzieningen</t>
  </si>
  <si>
    <t>2021BU01750123</t>
  </si>
  <si>
    <t>buurten.5b3fc8c5-42ab-49bc-b6ba-60390d880809</t>
  </si>
  <si>
    <t>BU01750124</t>
  </si>
  <si>
    <t>Kern Ommen - Havengebied</t>
  </si>
  <si>
    <t>2021BU01750124</t>
  </si>
  <si>
    <t>buurten.b057272d-2136-4bd8-80a7-6837f978ee1f</t>
  </si>
  <si>
    <t>BU01750125</t>
  </si>
  <si>
    <t>Kern Ommen - Vlierlanden</t>
  </si>
  <si>
    <t>2021BU01750125</t>
  </si>
  <si>
    <t>buurten.15d46d9e-4dac-435f-946e-caa29a175e49</t>
  </si>
  <si>
    <t>BU01750126</t>
  </si>
  <si>
    <t>Kern Ommen - sportpark Westbroek</t>
  </si>
  <si>
    <t>2021BU01750126</t>
  </si>
  <si>
    <t>buurten.b8b50654-4881-42b0-af34-de10b96dea1e</t>
  </si>
  <si>
    <t>BU01750201</t>
  </si>
  <si>
    <t>Buurtschap Arrien</t>
  </si>
  <si>
    <t>WK017502</t>
  </si>
  <si>
    <t>2021BU01750201</t>
  </si>
  <si>
    <t>buurten.e03b0270-9486-42d4-9d46-d65dfadfe423</t>
  </si>
  <si>
    <t>BU01750202</t>
  </si>
  <si>
    <t>Buurtschap Arrienveld</t>
  </si>
  <si>
    <t>2021BU01750202</t>
  </si>
  <si>
    <t>buurten.230d8741-86d1-4751-8613-0c22420c9db5</t>
  </si>
  <si>
    <t>BU01750301</t>
  </si>
  <si>
    <t>Buurtschap Beerze</t>
  </si>
  <si>
    <t>WK017503</t>
  </si>
  <si>
    <t>2021BU01750301</t>
  </si>
  <si>
    <t>buurten.c64f662d-4c55-4c9e-ae18-56afd357e5a2</t>
  </si>
  <si>
    <t>BU01750401</t>
  </si>
  <si>
    <t>Kern Beerzerveld</t>
  </si>
  <si>
    <t>WK017504</t>
  </si>
  <si>
    <t>2021BU01750401</t>
  </si>
  <si>
    <t>buurten.65c62579-3e4b-4b3e-a90a-56e063214da9</t>
  </si>
  <si>
    <t>BU01750402</t>
  </si>
  <si>
    <t>Kern Kloosterdijk</t>
  </si>
  <si>
    <t>2021BU01750402</t>
  </si>
  <si>
    <t>buurten.47779a83-c4ad-41ca-8434-d09adc5431b8</t>
  </si>
  <si>
    <t>BU01750403</t>
  </si>
  <si>
    <t>Buurtschap Beerzerveld</t>
  </si>
  <si>
    <t>2021BU01750403</t>
  </si>
  <si>
    <t>buurten.12bd2693-fe2f-42d1-832b-cc65a1ef34e3</t>
  </si>
  <si>
    <t>BU01750501</t>
  </si>
  <si>
    <t>Buurtschap Dalmsholte</t>
  </si>
  <si>
    <t>WK017505</t>
  </si>
  <si>
    <t>2021BU01750501</t>
  </si>
  <si>
    <t>buurten.bf928762-abd3-4cb4-8ccf-f8027dedf920</t>
  </si>
  <si>
    <t>BU01750601</t>
  </si>
  <si>
    <t>Buurtschap Giethmen</t>
  </si>
  <si>
    <t>WK017506</t>
  </si>
  <si>
    <t>2021BU01750601</t>
  </si>
  <si>
    <t>buurten.afd58793-7433-4453-97fa-a0067752a247</t>
  </si>
  <si>
    <t>BU01750701</t>
  </si>
  <si>
    <t>Kern Lemele</t>
  </si>
  <si>
    <t>WK017507</t>
  </si>
  <si>
    <t>2021BU01750701</t>
  </si>
  <si>
    <t>buurten.9dc52989-d8b7-41a5-8e5f-44c895146eea</t>
  </si>
  <si>
    <t>BU01750702</t>
  </si>
  <si>
    <t>Buurtschap Lemele</t>
  </si>
  <si>
    <t>2021BU01750702</t>
  </si>
  <si>
    <t>buurten.108402ac-16cc-403d-806d-b5c666b12434</t>
  </si>
  <si>
    <t>BU01750703</t>
  </si>
  <si>
    <t>Buurtschap Archem</t>
  </si>
  <si>
    <t>2021BU01750703</t>
  </si>
  <si>
    <t>buurten.da5a3ee2-2732-4882-9d89-f1c47f5358cf</t>
  </si>
  <si>
    <t>BU01750801</t>
  </si>
  <si>
    <t>Buurtschap Stegeren</t>
  </si>
  <si>
    <t>WK017508</t>
  </si>
  <si>
    <t>2021BU01750801</t>
  </si>
  <si>
    <t>buurten.f7b5e98c-b3aa-4d37-8072-43865d2f694e</t>
  </si>
  <si>
    <t>BU01750802</t>
  </si>
  <si>
    <t>Buurtschap Stegerveld</t>
  </si>
  <si>
    <t>2021BU01750802</t>
  </si>
  <si>
    <t>buurten.74490fa2-a690-476d-97b2-7fb6dac41b45</t>
  </si>
  <si>
    <t>BU01750901</t>
  </si>
  <si>
    <t>Kern Vilsteren</t>
  </si>
  <si>
    <t>WK017509</t>
  </si>
  <si>
    <t>2021BU01750901</t>
  </si>
  <si>
    <t>buurten.c8260033-2c24-4352-bb1a-1ebcc5236690</t>
  </si>
  <si>
    <t>BU01750902</t>
  </si>
  <si>
    <t>Buurtschap Vilsteren</t>
  </si>
  <si>
    <t>2021BU01750902</t>
  </si>
  <si>
    <t>buurten.7e21742d-1825-400b-8a0a-66ea0700db77</t>
  </si>
  <si>
    <t>BU01751001</t>
  </si>
  <si>
    <t>Buurtschap Vinkenbuurt</t>
  </si>
  <si>
    <t>WK017510</t>
  </si>
  <si>
    <t>2021BU01751001</t>
  </si>
  <si>
    <t>buurten.d94025fc-0e5a-4a36-8fce-3140698845fe</t>
  </si>
  <si>
    <t>BU01751002</t>
  </si>
  <si>
    <t>Buurtschap Ommerschans</t>
  </si>
  <si>
    <t>2021BU01751002</t>
  </si>
  <si>
    <t>buurten.4b7bb1a6-da55-4632-abbf-007259862bce</t>
  </si>
  <si>
    <t>BU01751101</t>
  </si>
  <si>
    <t>Kern Witharen</t>
  </si>
  <si>
    <t>WK017511</t>
  </si>
  <si>
    <t>2021BU01751101</t>
  </si>
  <si>
    <t>buurten.26b333c0-d84b-42dd-8bd7-1f7e43c22819</t>
  </si>
  <si>
    <t>BU01751102</t>
  </si>
  <si>
    <t>Buurtschap Witharen</t>
  </si>
  <si>
    <t>2021BU01751102</t>
  </si>
  <si>
    <t>buurten.ad1c2ff7-c492-4e5a-9658-62b58d2cb4ff</t>
  </si>
  <si>
    <t>BU01751103</t>
  </si>
  <si>
    <t>Buurtschap Ommerveld</t>
  </si>
  <si>
    <t>2021BU01751103</t>
  </si>
  <si>
    <t>buurten.5b005607-365e-4a6d-9454-c38a37a22a19</t>
  </si>
  <si>
    <t>BU01770101</t>
  </si>
  <si>
    <t>Raalte Centrum</t>
  </si>
  <si>
    <t>WK017701</t>
  </si>
  <si>
    <t>2021BU01770101</t>
  </si>
  <si>
    <t>buurten.a084fa77-dac9-421e-abf8-5605372f11df</t>
  </si>
  <si>
    <t>BU01770102</t>
  </si>
  <si>
    <t>Blekkerhoek</t>
  </si>
  <si>
    <t>2021BU01770102</t>
  </si>
  <si>
    <t>buurten.4ff5022f-0059-4052-8ce0-d2a0544af4ed</t>
  </si>
  <si>
    <t>PL0177020002</t>
  </si>
  <si>
    <t>Blankenfoort, Tijenraan, De Zegge, De Hees</t>
  </si>
  <si>
    <t>Het is onduidelijk welke oplossing het meest kansrijk is door onvoldoende gegevens of voornamelijk industrie. De duurzame oplossingen voor deze gebieden vereisen nader onderzoek.</t>
  </si>
  <si>
    <t>BU01770103</t>
  </si>
  <si>
    <t>Drostenkamp</t>
  </si>
  <si>
    <t>2021BU01770103</t>
  </si>
  <si>
    <t>buurten.457b8c2a-76a4-43fa-a234-7552c33e489f</t>
  </si>
  <si>
    <t>BU01770104</t>
  </si>
  <si>
    <t>Westdorp</t>
  </si>
  <si>
    <t>2021BU01770104</t>
  </si>
  <si>
    <t>buurten.b522fb9f-3ae5-47f7-acab-051ff2600d90</t>
  </si>
  <si>
    <t>BU01770105</t>
  </si>
  <si>
    <t>De Olykampen</t>
  </si>
  <si>
    <t>2021BU01770105</t>
  </si>
  <si>
    <t>buurten.21902ae8-ac37-4c3c-a7ad-3cb9211fed7a</t>
  </si>
  <si>
    <t>BU01770106</t>
  </si>
  <si>
    <t>Hartkamp</t>
  </si>
  <si>
    <t>2021BU01770106</t>
  </si>
  <si>
    <t>buurten.f6e21e42-a39b-40ed-944d-faf1ca648c0a</t>
  </si>
  <si>
    <t>BU01770107</t>
  </si>
  <si>
    <t>Langkamp</t>
  </si>
  <si>
    <t>2021BU01770107</t>
  </si>
  <si>
    <t>buurten.29c9987b-34ca-4c45-8f51-6dad0c3e0732</t>
  </si>
  <si>
    <t>BU01770108</t>
  </si>
  <si>
    <t>De Vloedkampen</t>
  </si>
  <si>
    <t>2021BU01770108</t>
  </si>
  <si>
    <t>buurten.af9b5e0b-aa4e-4a3e-a8d6-2996f2db0d8b</t>
  </si>
  <si>
    <t>BU01770109</t>
  </si>
  <si>
    <t>Tijenraan</t>
  </si>
  <si>
    <t>2021BU01770109</t>
  </si>
  <si>
    <t>buurten.6da82706-8898-43d3-80d4-e696e4ab15d5</t>
  </si>
  <si>
    <t>BU01770110</t>
  </si>
  <si>
    <t>De Enk</t>
  </si>
  <si>
    <t>2021BU01770110</t>
  </si>
  <si>
    <t>buurten.fc91bed9-fdf5-4dca-b1a1-02865e12d979</t>
  </si>
  <si>
    <t>BU01770111</t>
  </si>
  <si>
    <t>Het Raan Oost</t>
  </si>
  <si>
    <t>2021BU01770111</t>
  </si>
  <si>
    <t>buurten.2b4305d7-652f-4628-923e-6d6be88bb96c</t>
  </si>
  <si>
    <t>BU01770112</t>
  </si>
  <si>
    <t>Het Raan West</t>
  </si>
  <si>
    <t>2021BU01770112</t>
  </si>
  <si>
    <t>buurten.2bcd4ad9-7bc5-43eb-96c0-fc184426f7d7</t>
  </si>
  <si>
    <t>BU01770113</t>
  </si>
  <si>
    <t>Het Overstigt</t>
  </si>
  <si>
    <t>2021BU01770113</t>
  </si>
  <si>
    <t>buurten.f0210804-d8ad-4a00-9dff-16d672e87c12</t>
  </si>
  <si>
    <t>BU01770114</t>
  </si>
  <si>
    <t>Salland</t>
  </si>
  <si>
    <t>2021BU01770114</t>
  </si>
  <si>
    <t>buurten.bada5e58-e603-433d-b206-90af8e3501e4</t>
  </si>
  <si>
    <t>BU01770115</t>
  </si>
  <si>
    <t>Franciscushof</t>
  </si>
  <si>
    <t>2021BU01770115</t>
  </si>
  <si>
    <t>buurten.404918b3-e7d8-49b8-86f0-5dfd0ffe1699</t>
  </si>
  <si>
    <t>BU01770116</t>
  </si>
  <si>
    <t>De Zegge</t>
  </si>
  <si>
    <t>2021BU01770116</t>
  </si>
  <si>
    <t>buurten.6ef4f43e-428c-4feb-a644-e6f706aae9f3</t>
  </si>
  <si>
    <t>BU01770117</t>
  </si>
  <si>
    <t>De Hees</t>
  </si>
  <si>
    <t>2021BU01770117</t>
  </si>
  <si>
    <t>buurten.ca75b1c1-ab75-4a08-b398-d0cbe29119f9</t>
  </si>
  <si>
    <t>BU01770119</t>
  </si>
  <si>
    <t>Buitengebied Raalte</t>
  </si>
  <si>
    <t>2021BU01770119</t>
  </si>
  <si>
    <t>buurten.b4d6f6d4-5020-4783-9dd2-8cef4ea38c3f</t>
  </si>
  <si>
    <t>Monumenten, woningen voor 40: belemmering, nog geen alternatief.</t>
  </si>
  <si>
    <t>Woningen gebouwd voor 92: hybride ketel installeren (aardgasvraag tot wel 70% verminderen), en/of all-electric na maximaal isoleren.Woningen gebouwd na 1992: voldoende isoleren, verwarmingssysteem aanpassen, ruimte maken voor buffervat warm tapwater.</t>
  </si>
  <si>
    <t>nvt</t>
  </si>
  <si>
    <t>BU01770201</t>
  </si>
  <si>
    <t>Luttenberg Kern</t>
  </si>
  <si>
    <t>WK017702</t>
  </si>
  <si>
    <t>2021BU01770201</t>
  </si>
  <si>
    <t>buurten.29fff5be-d9be-4f65-b8e0-295a76c2b88a</t>
  </si>
  <si>
    <t>BU01770209</t>
  </si>
  <si>
    <t>Buitengebied Luttenberg</t>
  </si>
  <si>
    <t>2021BU01770209</t>
  </si>
  <si>
    <t>buurten.681c2858-0792-4999-9cb6-8491135c4331</t>
  </si>
  <si>
    <t>BU01770301</t>
  </si>
  <si>
    <t>Mariënheem Kern</t>
  </si>
  <si>
    <t>WK017703</t>
  </si>
  <si>
    <t>2021BU01770301</t>
  </si>
  <si>
    <t>buurten.c7ab17b0-8d45-4472-94f4-c26001cf172c</t>
  </si>
  <si>
    <t>BU01770309</t>
  </si>
  <si>
    <t>Buitengebied Mariënheem</t>
  </si>
  <si>
    <t>2021BU01770309</t>
  </si>
  <si>
    <t>buurten.c02a6080-c1ba-4cfe-850d-a8c831b0083e</t>
  </si>
  <si>
    <t>BU01770401</t>
  </si>
  <si>
    <t>Nieuw Heeten Kern</t>
  </si>
  <si>
    <t>WK017704</t>
  </si>
  <si>
    <t>2021BU01770401</t>
  </si>
  <si>
    <t>buurten.88d8b0c3-c91a-46a4-ba00-cc90c4bba921</t>
  </si>
  <si>
    <t>BU01770409</t>
  </si>
  <si>
    <t>Buitengebied Nieuw Heeten</t>
  </si>
  <si>
    <t>2021BU01770409</t>
  </si>
  <si>
    <t>buurten.26d05dff-890d-4253-8a09-4c407a87b7bd</t>
  </si>
  <si>
    <t>BU01770501</t>
  </si>
  <si>
    <t>Heeten Kern</t>
  </si>
  <si>
    <t>WK017705</t>
  </si>
  <si>
    <t>2021BU01770501</t>
  </si>
  <si>
    <t>buurten.bfb04c90-35ea-4879-80ee-625053627254</t>
  </si>
  <si>
    <t>BU01770509</t>
  </si>
  <si>
    <t>Buitengebied Heeten</t>
  </si>
  <si>
    <t>2021BU01770509</t>
  </si>
  <si>
    <t>buurten.2fc2c3d2-67e7-46ee-88c8-3fbb82fad80d</t>
  </si>
  <si>
    <t>BU01770601</t>
  </si>
  <si>
    <t>Broekland Kern</t>
  </si>
  <si>
    <t>WK017706</t>
  </si>
  <si>
    <t>2021BU01770601</t>
  </si>
  <si>
    <t>buurten.2e4fce73-f501-4104-ac33-4e00a85a64d7</t>
  </si>
  <si>
    <t>BU01770609</t>
  </si>
  <si>
    <t>Buitengebied Broekland</t>
  </si>
  <si>
    <t>2021BU01770609</t>
  </si>
  <si>
    <t>buurten.103bca97-9c52-4e7e-af40-160b5923d605</t>
  </si>
  <si>
    <t>Hele gemeente, afhankelijk van bouwjaar woning: individueel alternatief</t>
  </si>
  <si>
    <t>BU01770701</t>
  </si>
  <si>
    <t>Heino Centrum</t>
  </si>
  <si>
    <t>WK017707</t>
  </si>
  <si>
    <t>2021BU01770701</t>
  </si>
  <si>
    <t>buurten.97e0e988-4cff-4896-8fca-0660690e1e6b</t>
  </si>
  <si>
    <t>BU01770702</t>
  </si>
  <si>
    <t>De Kampen</t>
  </si>
  <si>
    <t>2021BU01770702</t>
  </si>
  <si>
    <t>buurten.e44f6a81-66ea-417e-86c3-d61cb5450eef</t>
  </si>
  <si>
    <t>BU01770703</t>
  </si>
  <si>
    <t>Heino Zuid</t>
  </si>
  <si>
    <t>2021BU01770703</t>
  </si>
  <si>
    <t>buurten.c902eec0-b8fa-4edb-b28c-1d5fce954646</t>
  </si>
  <si>
    <t>BU01770704</t>
  </si>
  <si>
    <t>Kiezebos</t>
  </si>
  <si>
    <t>2021BU01770704</t>
  </si>
  <si>
    <t>buurten.e9a7615f-4053-4954-9bea-778f9c551c1f</t>
  </si>
  <si>
    <t>BU01770705</t>
  </si>
  <si>
    <t>Blankenfoort</t>
  </si>
  <si>
    <t>2021BU01770705</t>
  </si>
  <si>
    <t>buurten.ae80c289-d1de-4d2a-8f6d-8e220f12be11</t>
  </si>
  <si>
    <t>BU01770709</t>
  </si>
  <si>
    <t>Buitengebied Heino</t>
  </si>
  <si>
    <t>2021BU01770709</t>
  </si>
  <si>
    <t>buurten.8582e622-35f5-4dd3-b51a-d02e407da3dd</t>
  </si>
  <si>
    <t>BU01770801</t>
  </si>
  <si>
    <t>Lierderholthuis Kern</t>
  </si>
  <si>
    <t>WK017708</t>
  </si>
  <si>
    <t>2021BU01770801</t>
  </si>
  <si>
    <t>buurten.46f06090-8310-4f81-80ad-b9acc84c1369</t>
  </si>
  <si>
    <t>BU01770809</t>
  </si>
  <si>
    <t>Buitengebied Lierderholthuis</t>
  </si>
  <si>
    <t>2021BU01770809</t>
  </si>
  <si>
    <t>buurten.0bccccd8-cf1b-4a04-90e8-a412985f5ab8</t>
  </si>
  <si>
    <t>BU01770901</t>
  </si>
  <si>
    <t>Laag Zuthem Kern</t>
  </si>
  <si>
    <t>WK017709</t>
  </si>
  <si>
    <t>2021BU01770901</t>
  </si>
  <si>
    <t>buurten.a3be5190-4a2b-407e-ba36-e6484e92c644</t>
  </si>
  <si>
    <t>BU01770909</t>
  </si>
  <si>
    <t>Buitengebied Laag Zuthem</t>
  </si>
  <si>
    <t>2021BU01770909</t>
  </si>
  <si>
    <t>buurten.aebedd6a-b95d-4789-bec6-17f373971b36</t>
  </si>
  <si>
    <t>BU01800000</t>
  </si>
  <si>
    <t>Staphorst plan-Oost</t>
  </si>
  <si>
    <t>WK018000</t>
  </si>
  <si>
    <t>2021BU01800000</t>
  </si>
  <si>
    <t>buurten.9fba4aeb-4334-453e-946d-90e3859fd1a9</t>
  </si>
  <si>
    <t>PL0180010004</t>
  </si>
  <si>
    <t>Industrieterrein Staphorst</t>
  </si>
  <si>
    <t>Voorkeursoptie: warmtenet/individueel, terugvaloptie: individueel</t>
  </si>
  <si>
    <t>Elektriciteit, hernieuwbaar gas, niet gespecificeerde warmtebron</t>
  </si>
  <si>
    <t>BU01800001</t>
  </si>
  <si>
    <t>Staphorst plan-West</t>
  </si>
  <si>
    <t>2021BU01800001</t>
  </si>
  <si>
    <t>buurten.542f10b6-8747-45fc-95a2-8a2dcf7be572</t>
  </si>
  <si>
    <t>PL0180010006</t>
  </si>
  <si>
    <t>Staphorst streek-Oost, Staphorst streek-West, Staphorst plan-West, Staphorst plan-Oost, Rouveen Streek-Noord</t>
  </si>
  <si>
    <t>Voorkeursoptie: hernieuwbaar gas, terugvaloptie: warmtenet/individueel</t>
  </si>
  <si>
    <t>BU01800002</t>
  </si>
  <si>
    <t>Staphorst streek-West</t>
  </si>
  <si>
    <t>2021BU01800002</t>
  </si>
  <si>
    <t>buurten.6d915dfd-07d1-40e2-b331-03c84f04a763</t>
  </si>
  <si>
    <t>BU01800003</t>
  </si>
  <si>
    <t>Staphorst streek-Oost</t>
  </si>
  <si>
    <t>2021BU01800003</t>
  </si>
  <si>
    <t>buurten.6a89c35b-8c03-434d-a1f8-93ef833af2dd</t>
  </si>
  <si>
    <t>BU01800004</t>
  </si>
  <si>
    <t>2021BU01800004</t>
  </si>
  <si>
    <t>buurten.4dcb416c-6c0b-4bf2-8a22-a6c7aa15db4c</t>
  </si>
  <si>
    <t>BU01800005</t>
  </si>
  <si>
    <t>Staphorst-Zuid</t>
  </si>
  <si>
    <t>2021BU01800005</t>
  </si>
  <si>
    <t>buurten.778abd28-910b-4604-8a17-e57dfaa90449</t>
  </si>
  <si>
    <t>BU01800006</t>
  </si>
  <si>
    <t>Staphorst-Noord</t>
  </si>
  <si>
    <t>2021BU01800006</t>
  </si>
  <si>
    <t>buurten.2f00147e-015b-427f-a64c-c430a48d1724</t>
  </si>
  <si>
    <t>BU01800007</t>
  </si>
  <si>
    <t>De Slagen</t>
  </si>
  <si>
    <t>2021BU01800007</t>
  </si>
  <si>
    <t>buurten.4ad5a847-ce27-46b9-ae52-a20aab03bd0f</t>
  </si>
  <si>
    <t>PL0180010003</t>
  </si>
  <si>
    <t>Dienen als voorbeeldwijk, een zo groot mogelijke energiebesparing teweeg brengen</t>
  </si>
  <si>
    <t>BU01800100</t>
  </si>
  <si>
    <t>Rouveen kern</t>
  </si>
  <si>
    <t>WK018001</t>
  </si>
  <si>
    <t>2021BU01800100</t>
  </si>
  <si>
    <t>buurten.360fd7a6-ee6c-4cbd-86a0-db4795ca7f8a</t>
  </si>
  <si>
    <t>PL0180010002</t>
  </si>
  <si>
    <t>Rouveen Kern</t>
  </si>
  <si>
    <t>Dienen als voorbeeldwijk</t>
  </si>
  <si>
    <t>BU01800101</t>
  </si>
  <si>
    <t>Rouveen Streek-Zuid</t>
  </si>
  <si>
    <t>2021BU01800101</t>
  </si>
  <si>
    <t>buurten.7463358c-7b22-4496-ae89-5689c3feb8dd</t>
  </si>
  <si>
    <t>BU01800102</t>
  </si>
  <si>
    <t>Rouveen Streek-Noord</t>
  </si>
  <si>
    <t>2021BU01800102</t>
  </si>
  <si>
    <t>buurten.4721adaa-d06c-477b-911d-dbcd20618c70</t>
  </si>
  <si>
    <t>PL0180010005</t>
  </si>
  <si>
    <t>BU01800206</t>
  </si>
  <si>
    <t>WK018002</t>
  </si>
  <si>
    <t>2021BU01800206</t>
  </si>
  <si>
    <t>buurten.33f8ca3f-1202-4ffb-a978-3abc476eafc2</t>
  </si>
  <si>
    <t>BU01800207</t>
  </si>
  <si>
    <t>Verspreide huizen Bisschops- en Munnikenslag</t>
  </si>
  <si>
    <t>2021BU01800207</t>
  </si>
  <si>
    <t>buurten.227a433f-5769-4faa-9fc1-22be386a1647</t>
  </si>
  <si>
    <t>BU01800208</t>
  </si>
  <si>
    <t>Verspreide huizen Geerenland</t>
  </si>
  <si>
    <t>2021BU01800208</t>
  </si>
  <si>
    <t>buurten.ac9106dc-2c73-48b7-b5c7-97048b663465</t>
  </si>
  <si>
    <t>BU01800209</t>
  </si>
  <si>
    <t>Verspreide huizen Oldmaten</t>
  </si>
  <si>
    <t>2021BU01800209</t>
  </si>
  <si>
    <t>buurten.379e256e-5767-4a59-8ecd-de2585ee5cda</t>
  </si>
  <si>
    <t>Buurten verkennen, gesprek aangaan met bewoners</t>
  </si>
  <si>
    <t>BU01800305</t>
  </si>
  <si>
    <t>Verspreide huizen Lankhorst</t>
  </si>
  <si>
    <t>WK018003</t>
  </si>
  <si>
    <t>2021BU01800305</t>
  </si>
  <si>
    <t>buurten.5390a6a1-5074-46c4-a427-7c602bdfb2be</t>
  </si>
  <si>
    <t>BU01800306</t>
  </si>
  <si>
    <t>Verspreide huizen Leyen</t>
  </si>
  <si>
    <t>2021BU01800306</t>
  </si>
  <si>
    <t>buurten.4421f258-7198-458d-81f3-07bd2628dac4</t>
  </si>
  <si>
    <t>BU01800307</t>
  </si>
  <si>
    <t>Verspreide huizen Berger Achthoven en omgeving</t>
  </si>
  <si>
    <t>2021BU01800307</t>
  </si>
  <si>
    <t>buurten.63549518-e53c-4f46-92cd-ecba3c365383</t>
  </si>
  <si>
    <t>BU01800308</t>
  </si>
  <si>
    <t>Verspreide huizen Heidehoogten</t>
  </si>
  <si>
    <t>2021BU01800308</t>
  </si>
  <si>
    <t>buurten.e256a86d-4891-459f-b2cc-a27a328fb27e</t>
  </si>
  <si>
    <t>BU01800309</t>
  </si>
  <si>
    <t>Verspreide huizen Rechterensweg en omgeving</t>
  </si>
  <si>
    <t>2021BU01800309</t>
  </si>
  <si>
    <t>buurten.99b9baab-e7d1-4000-9d87-43c42b0c01d6</t>
  </si>
  <si>
    <t>BU01800400</t>
  </si>
  <si>
    <t>IJhorst</t>
  </si>
  <si>
    <t>WK018004</t>
  </si>
  <si>
    <t>2021BU01800400</t>
  </si>
  <si>
    <t>buurten.49e58232-be44-4625-a476-a9db81736d4d</t>
  </si>
  <si>
    <t>PL0180010001</t>
  </si>
  <si>
    <t>BU01800409</t>
  </si>
  <si>
    <t>Verspreide huizen IJhorst</t>
  </si>
  <si>
    <t>2021BU01800409</t>
  </si>
  <si>
    <t>buurten.0217d431-2b11-4a0f-8c4c-66acf2f4e357</t>
  </si>
  <si>
    <t>BU01800509</t>
  </si>
  <si>
    <t>Verspreide huizen Punthorst</t>
  </si>
  <si>
    <t>WK018005</t>
  </si>
  <si>
    <t>2021BU01800509</t>
  </si>
  <si>
    <t>buurten.35514263-5c1b-4e1e-89de-61bc544bbff7</t>
  </si>
  <si>
    <t>BU01800609</t>
  </si>
  <si>
    <t>WK018006</t>
  </si>
  <si>
    <t>2021BU01800609</t>
  </si>
  <si>
    <t>buurten.16a90552-20fc-43b2-be46-c185d00177fd</t>
  </si>
  <si>
    <t>BU01800709</t>
  </si>
  <si>
    <t>Verspreide huizen Zwartewatersklooster en Holtrust</t>
  </si>
  <si>
    <t>WK018007</t>
  </si>
  <si>
    <t>2021BU01800709</t>
  </si>
  <si>
    <t>buurten.f4da2e0e-6937-414d-bace-ba792f00a252</t>
  </si>
  <si>
    <t>BU01830000</t>
  </si>
  <si>
    <t>Tubbergen-Dorp</t>
  </si>
  <si>
    <t>WK018300</t>
  </si>
  <si>
    <t>2021BU01830000</t>
  </si>
  <si>
    <t>buurten.92b47607-e9cf-4500-ae57-d7297ed5cdae</t>
  </si>
  <si>
    <t>PL0183010003</t>
  </si>
  <si>
    <t>Albergen, Tubbergen, Geesteren - nieuwere woningen</t>
  </si>
  <si>
    <t>Tubbergen woningen gebouwd voor 1992</t>
  </si>
  <si>
    <t>haalbaarheid warmtenet</t>
  </si>
  <si>
    <t>HT-warmtenet gevoed door RWZI Slib</t>
  </si>
  <si>
    <t>riothermie (eventueel) en/of restwarmte bedrijven, collectieve warmtepomp</t>
  </si>
  <si>
    <t>HT warmte: aquathermie (TEO)</t>
  </si>
  <si>
    <t>BU01830008</t>
  </si>
  <si>
    <t>Verspreide huizen Manderveen</t>
  </si>
  <si>
    <t>2021BU01830008</t>
  </si>
  <si>
    <t>buurten.120ddd0b-1dcf-4683-bf88-098383201960</t>
  </si>
  <si>
    <t>PL0183010001</t>
  </si>
  <si>
    <t>Manderveen</t>
  </si>
  <si>
    <t>Label B waar mogelijk</t>
  </si>
  <si>
    <t>BU01830009</t>
  </si>
  <si>
    <t>Verspreide huizen Tubbergen</t>
  </si>
  <si>
    <t>2021BU01830009</t>
  </si>
  <si>
    <t>buurten.bebc6b8c-f8e2-44c6-bb97-e99876f8f021</t>
  </si>
  <si>
    <t>BU01830100</t>
  </si>
  <si>
    <t>Albergen kern</t>
  </si>
  <si>
    <t>WK018301</t>
  </si>
  <si>
    <t>2021BU01830100</t>
  </si>
  <si>
    <t>buurten.e6deb597-410f-4782-8f34-e6adaac65952</t>
  </si>
  <si>
    <t>BU01830109</t>
  </si>
  <si>
    <t>Verspreide huizen Albergen</t>
  </si>
  <si>
    <t>2021BU01830109</t>
  </si>
  <si>
    <t>buurten.60c2ca32-9ab8-4339-8cca-6f073b0f3003</t>
  </si>
  <si>
    <t>BU01830200</t>
  </si>
  <si>
    <t>Harbrinkhoek kern</t>
  </si>
  <si>
    <t>WK018302</t>
  </si>
  <si>
    <t>2021BU01830200</t>
  </si>
  <si>
    <t>buurten.951c2581-d90d-4aba-8231-feaaf94c03a3</t>
  </si>
  <si>
    <t>PL0183010002</t>
  </si>
  <si>
    <t>Harbrinkhoek &amp; Mariaparochie</t>
  </si>
  <si>
    <t>HT-Warmtenet: biomassa-reststromen van houtzagerij, op termijn groen gas of groen waterstofgas</t>
  </si>
  <si>
    <t>HT warmte: biomassa en/of groengas en/of waterstof</t>
  </si>
  <si>
    <t>hernieuwbaar gas, biomassa</t>
  </si>
  <si>
    <t>BU01830201</t>
  </si>
  <si>
    <t>Mariaparochie</t>
  </si>
  <si>
    <t>2021BU01830201</t>
  </si>
  <si>
    <t>buurten.62b11429-3b2a-4fba-b4fd-9d588b1cae99</t>
  </si>
  <si>
    <t>BU01830209</t>
  </si>
  <si>
    <t>Verspreide huizen Harbrinkhoek</t>
  </si>
  <si>
    <t>2021BU01830209</t>
  </si>
  <si>
    <t>buurten.528b6a7c-18d7-4cdd-99b3-ecd541fc351d</t>
  </si>
  <si>
    <t>BU01830300</t>
  </si>
  <si>
    <t>Geesteren kern</t>
  </si>
  <si>
    <t>WK018303</t>
  </si>
  <si>
    <t>2021BU01830300</t>
  </si>
  <si>
    <t>buurten.036962bf-ec50-4bf8-b84f-312fa6e4ecf0</t>
  </si>
  <si>
    <t>BU01830309</t>
  </si>
  <si>
    <t>Verspreide huizen Geesteren</t>
  </si>
  <si>
    <t>2021BU01830309</t>
  </si>
  <si>
    <t>buurten.4837b62a-e8aa-44f3-9323-f8958726459c</t>
  </si>
  <si>
    <t>BU01830400</t>
  </si>
  <si>
    <t>Langeveen kern</t>
  </si>
  <si>
    <t>WK018304</t>
  </si>
  <si>
    <t>2021BU01830400</t>
  </si>
  <si>
    <t>buurten.aa44366f-b7ef-47fc-bf9e-634f9e98be42</t>
  </si>
  <si>
    <t>PL0183010005</t>
  </si>
  <si>
    <t>Vasse, Fleringen, Langeveen, Reutum</t>
  </si>
  <si>
    <t>BU01830409</t>
  </si>
  <si>
    <t>Verspreide huizen Langeveen</t>
  </si>
  <si>
    <t>2021BU01830409</t>
  </si>
  <si>
    <t>buurten.2705f52d-aaa7-4ca3-ad8a-d16686a1d42b</t>
  </si>
  <si>
    <t>BU01830500</t>
  </si>
  <si>
    <t>Vasse kern</t>
  </si>
  <si>
    <t>WK018305</t>
  </si>
  <si>
    <t>2021BU01830500</t>
  </si>
  <si>
    <t>buurten.f2c48388-2d2f-4b55-859c-fb51b8de14cc</t>
  </si>
  <si>
    <t>BU01830507</t>
  </si>
  <si>
    <t>Verspreide huizen Hezingen</t>
  </si>
  <si>
    <t>2021BU01830507</t>
  </si>
  <si>
    <t>buurten.e0b9362a-6890-4839-b797-9189136d9866</t>
  </si>
  <si>
    <t>BU01830508</t>
  </si>
  <si>
    <t>Verspreide huizen Vasse</t>
  </si>
  <si>
    <t>2021BU01830508</t>
  </si>
  <si>
    <t>buurten.576efaf8-55c6-483b-9060-162237d1537e</t>
  </si>
  <si>
    <t>BU01830509</t>
  </si>
  <si>
    <t>Verspreide huizen Mander</t>
  </si>
  <si>
    <t>2021BU01830509</t>
  </si>
  <si>
    <t>buurten.fe1d3bba-6150-473c-9a23-c695ef979d91</t>
  </si>
  <si>
    <t>BU01830600</t>
  </si>
  <si>
    <t>Reutum kern</t>
  </si>
  <si>
    <t>WK018306</t>
  </si>
  <si>
    <t>2021BU01830600</t>
  </si>
  <si>
    <t>buurten.f40804d3-c8ee-4ae9-b603-3cfce8fad3da</t>
  </si>
  <si>
    <t>BU01830608</t>
  </si>
  <si>
    <t>Verspreide huizen Haarle</t>
  </si>
  <si>
    <t>2021BU01830608</t>
  </si>
  <si>
    <t>buurten.a77c8847-4612-4349-bc94-5600ff65a439</t>
  </si>
  <si>
    <t>BU01830609</t>
  </si>
  <si>
    <t>Verspreide huizen Reutum</t>
  </si>
  <si>
    <t>2021BU01830609</t>
  </si>
  <si>
    <t>buurten.f9509995-d055-4704-a068-7d62ea1d4924</t>
  </si>
  <si>
    <t>BU01830700</t>
  </si>
  <si>
    <t>Fleringen kern</t>
  </si>
  <si>
    <t>WK018307</t>
  </si>
  <si>
    <t>2021BU01830700</t>
  </si>
  <si>
    <t>buurten.6b03f1b0-fb36-48d3-b364-005432929a3a</t>
  </si>
  <si>
    <t>BU01830709</t>
  </si>
  <si>
    <t>Verspreide huizen Fleringen</t>
  </si>
  <si>
    <t>2021BU01830709</t>
  </si>
  <si>
    <t>buurten.3d59dbd9-66a4-4d31-a092-dfb6e7f96f90</t>
  </si>
  <si>
    <t>BU01840000</t>
  </si>
  <si>
    <t>Urk-Kom</t>
  </si>
  <si>
    <t>WK018400</t>
  </si>
  <si>
    <t>2021BU01840000</t>
  </si>
  <si>
    <t>buurten.fcfb6723-c214-49ca-91a9-e329ae397a8c</t>
  </si>
  <si>
    <t>BU01840002</t>
  </si>
  <si>
    <t>Toppad</t>
  </si>
  <si>
    <t>2021BU01840002</t>
  </si>
  <si>
    <t>buurten.9badc9e0-f9b9-4771-ab49-7cf868634ae6</t>
  </si>
  <si>
    <t>PL0184010002</t>
  </si>
  <si>
    <t>Bedrijventerrein en Zeeheldenbuurt</t>
  </si>
  <si>
    <t>mogelijk 2030</t>
  </si>
  <si>
    <t>beschikbaarheid warmtebron</t>
  </si>
  <si>
    <t>BU01840003</t>
  </si>
  <si>
    <t>Urk-Noord</t>
  </si>
  <si>
    <t>2021BU01840003</t>
  </si>
  <si>
    <t>buurten.ec130889-bde9-4417-a54f-99742e97b021</t>
  </si>
  <si>
    <t>BU01840004</t>
  </si>
  <si>
    <t>Havens en industrieterrein</t>
  </si>
  <si>
    <t>2021BU01840004</t>
  </si>
  <si>
    <t>buurten.7a2b6627-1a70-497d-a581-9cc4dcfaa19e</t>
  </si>
  <si>
    <t>BU01840006</t>
  </si>
  <si>
    <t>De Reede</t>
  </si>
  <si>
    <t>2021BU01840006</t>
  </si>
  <si>
    <t>buurten.51acb78f-619e-4266-aea4-d7e08a2686b2</t>
  </si>
  <si>
    <t>BU01840007</t>
  </si>
  <si>
    <t>Urkerhard</t>
  </si>
  <si>
    <t>2021BU01840007</t>
  </si>
  <si>
    <t>buurten.5de8148d-09e6-4ec8-ae7f-a05cb16b8549</t>
  </si>
  <si>
    <t>PL0184010001</t>
  </si>
  <si>
    <t>Buitengebied en Urkerland</t>
  </si>
  <si>
    <t>BU01840008</t>
  </si>
  <si>
    <t>De Top</t>
  </si>
  <si>
    <t>2021BU01840008</t>
  </si>
  <si>
    <t>buurten.92b0a37d-bdda-4c8b-ac0b-30829024b619</t>
  </si>
  <si>
    <t>BU01840009</t>
  </si>
  <si>
    <t>2021BU01840009</t>
  </si>
  <si>
    <t>buurten.b97ccc00-4897-4615-b742-424f4c2404c2</t>
  </si>
  <si>
    <t>BU01840010</t>
  </si>
  <si>
    <t>De Staart</t>
  </si>
  <si>
    <t>2021BU01840010</t>
  </si>
  <si>
    <t>buurten.bb1193f5-1793-4868-a754-7d7a1fd67e19</t>
  </si>
  <si>
    <t>BU01840011</t>
  </si>
  <si>
    <t>Urkerland</t>
  </si>
  <si>
    <t>2021BU01840011</t>
  </si>
  <si>
    <t>buurten.a63b285d-ea99-48ff-a403-953f491ab6e2</t>
  </si>
  <si>
    <t>BU01840015</t>
  </si>
  <si>
    <t>Industrieterrein II</t>
  </si>
  <si>
    <t>2021BU01840015</t>
  </si>
  <si>
    <t>buurten.40cde8dc-1295-40e8-87b3-e8aaf4aed585</t>
  </si>
  <si>
    <t>BU01890000</t>
  </si>
  <si>
    <t>Wierden-Centrum</t>
  </si>
  <si>
    <t>WK018900</t>
  </si>
  <si>
    <t>2021BU01890000</t>
  </si>
  <si>
    <t>buurten.cf5ca07c-db89-488c-8c30-ff694aaf146a</t>
  </si>
  <si>
    <t>BU01890001</t>
  </si>
  <si>
    <t>Wierden-Noord</t>
  </si>
  <si>
    <t>2021BU01890001</t>
  </si>
  <si>
    <t>buurten.55807a23-3c6a-4a7d-a7ae-ad82e3674452</t>
  </si>
  <si>
    <t>BU01890002</t>
  </si>
  <si>
    <t>Wierden-West</t>
  </si>
  <si>
    <t>2021BU01890002</t>
  </si>
  <si>
    <t>buurten.277eeb26-2416-4efd-972f-832a670c4560</t>
  </si>
  <si>
    <t>BU01890003</t>
  </si>
  <si>
    <t>De Maaten</t>
  </si>
  <si>
    <t>2021BU01890003</t>
  </si>
  <si>
    <t>buurten.22498412-2449-43ad-9467-86c3c1a87c72</t>
  </si>
  <si>
    <t>BU01890004</t>
  </si>
  <si>
    <t>Wierden-Oost</t>
  </si>
  <si>
    <t>2021BU01890004</t>
  </si>
  <si>
    <t>buurten.bbe2e2f8-e4f3-48d5-bea1-c67bf46359fd</t>
  </si>
  <si>
    <t>BU01890005</t>
  </si>
  <si>
    <t>De Stouwe</t>
  </si>
  <si>
    <t>2021BU01890005</t>
  </si>
  <si>
    <t>buurten.c61189c6-09de-407d-bfe0-115e7a578814</t>
  </si>
  <si>
    <t>BU01890006</t>
  </si>
  <si>
    <t>'t Loo</t>
  </si>
  <si>
    <t>2021BU01890006</t>
  </si>
  <si>
    <t>buurten.78ef2f15-1515-4c7c-a0d1-beaddbf57f4d</t>
  </si>
  <si>
    <t>BU01890007</t>
  </si>
  <si>
    <t>De Hooilanden</t>
  </si>
  <si>
    <t>2021BU01890007</t>
  </si>
  <si>
    <t>buurten.027e16c2-9b81-4ec5-8e13-f7b36e3b68e5</t>
  </si>
  <si>
    <t>BU01890008</t>
  </si>
  <si>
    <t>Zuidbroek</t>
  </si>
  <si>
    <t>2021BU01890008</t>
  </si>
  <si>
    <t>buurten.98a1e89d-af03-44e4-b636-3deb02a1427e</t>
  </si>
  <si>
    <t>BU01890105</t>
  </si>
  <si>
    <t>Verspreide huizen Lage Egge en omgeving</t>
  </si>
  <si>
    <t>WK018901</t>
  </si>
  <si>
    <t>2021BU01890105</t>
  </si>
  <si>
    <t>buurten.f67e502b-b3c3-4b36-a315-c4785ff45727</t>
  </si>
  <si>
    <t>BU01890106</t>
  </si>
  <si>
    <t>Verspreide huizen Broeklanden</t>
  </si>
  <si>
    <t>2021BU01890106</t>
  </si>
  <si>
    <t>buurten.ca8cae3e-fa24-426f-87eb-620ea4c7a7e3</t>
  </si>
  <si>
    <t>BU01890107</t>
  </si>
  <si>
    <t>Verspreide huizen Huurne I</t>
  </si>
  <si>
    <t>2021BU01890107</t>
  </si>
  <si>
    <t>buurten.96c8e6eb-cb14-4baa-a8ee-a23e521e87db</t>
  </si>
  <si>
    <t>BU01890108</t>
  </si>
  <si>
    <t>Verspreide huizen Huurne II</t>
  </si>
  <si>
    <t>2021BU01890108</t>
  </si>
  <si>
    <t>buurten.ae4dddce-7738-4499-912e-8087aef49f84</t>
  </si>
  <si>
    <t>BU01890109</t>
  </si>
  <si>
    <t>Verspreide huizen Wierdenseveld</t>
  </si>
  <si>
    <t>2021BU01890109</t>
  </si>
  <si>
    <t>buurten.8b5b7669-74a5-4160-932e-ed7e4979831c</t>
  </si>
  <si>
    <t>BU01890200</t>
  </si>
  <si>
    <t>Hooge-Hexel kern</t>
  </si>
  <si>
    <t>WK018902</t>
  </si>
  <si>
    <t>2021BU01890200</t>
  </si>
  <si>
    <t>buurten.6be4a5bf-889c-49f7-be38-cbba152fd893</t>
  </si>
  <si>
    <t>BU01890209</t>
  </si>
  <si>
    <t>Verspreide huizen Hooge-Hexel</t>
  </si>
  <si>
    <t>2021BU01890209</t>
  </si>
  <si>
    <t>buurten.c04a6c3d-c10f-4b59-93b1-7fcbdf17e49c</t>
  </si>
  <si>
    <t>BU01890300</t>
  </si>
  <si>
    <t>Enter-Zuidwest</t>
  </si>
  <si>
    <t>WK018903</t>
  </si>
  <si>
    <t>2021BU01890300</t>
  </si>
  <si>
    <t>buurten.af890fdc-87b9-4141-bb1d-2e43db60afd4</t>
  </si>
  <si>
    <t>BU01890301</t>
  </si>
  <si>
    <t>Enter-Noordwest</t>
  </si>
  <si>
    <t>2021BU01890301</t>
  </si>
  <si>
    <t>buurten.185069e5-cd8a-4a11-b009-bcef95b94847</t>
  </si>
  <si>
    <t>BU01890302</t>
  </si>
  <si>
    <t>Enter-Oost</t>
  </si>
  <si>
    <t>2021BU01890302</t>
  </si>
  <si>
    <t>buurten.3627c45f-58ff-4ffb-b2e9-a97afe4c6c00</t>
  </si>
  <si>
    <t>BU01890303</t>
  </si>
  <si>
    <t>Enter-West</t>
  </si>
  <si>
    <t>2021BU01890303</t>
  </si>
  <si>
    <t>buurten.a9f705f0-002c-4381-845b-09082bccaaa0</t>
  </si>
  <si>
    <t>BU01890405</t>
  </si>
  <si>
    <t>Verspreide huizen IJpelo</t>
  </si>
  <si>
    <t>WK018904</t>
  </si>
  <si>
    <t>2021BU01890405</t>
  </si>
  <si>
    <t>buurten.5482fdd0-9d0a-40ce-a297-12c17530b4a7</t>
  </si>
  <si>
    <t>BU01890406</t>
  </si>
  <si>
    <t>Verspreide huizen Waterhoek</t>
  </si>
  <si>
    <t>2021BU01890406</t>
  </si>
  <si>
    <t>buurten.124f2c1c-7180-4799-9c85-2cf477633648</t>
  </si>
  <si>
    <t>GM1742</t>
  </si>
  <si>
    <t>Rijssen-Holten</t>
  </si>
  <si>
    <t>DC174201</t>
  </si>
  <si>
    <t>Transitievsie Warmte Rijssen-Holten: stapsgewijs naar een aardgasvrij Rijssen-Holten</t>
  </si>
  <si>
    <t>2021-07-28</t>
  </si>
  <si>
    <t>Voorwaarden:, De transitie moet betaalbaar zijn voor de inwoners, Participatief: samenwerking tussen inwoners en lokale ondernemers, Een aanpak die inclusief is en let op energiearmoede</t>
  </si>
  <si>
    <t>Procesdoelen TVW:, bij woningen die eenvoudig van het gas af kunnen het gasgebruik te beeindigen;, woningen waarbij dat lastiger is voor te bereiden op een toekomst zonder aardgas, met verschillende alternatieve mogelijkheden;, bij deze woningen al wel e</t>
  </si>
  <si>
    <t>Doelstellingen gemeente tot 2030:, 10% van de bestaande woningen van het aardgas af te koppelen (1.354 woningen);, 10% van de oude woningen te slopen en vervangen door verduurzaamde toekomstbestendige woningen (1.354 woningen);, 20% te besparen op gasver</t>
  </si>
  <si>
    <t>https://raad.rijssen-holten.nl/data/raadsvoorstel-raad/transitievisie-warmte-2/Transitievisie%20Warmte%20najaar%202021%20V2.pdf</t>
  </si>
  <si>
    <t>PL1742010003</t>
  </si>
  <si>
    <t>Opbroek</t>
  </si>
  <si>
    <t>Voorwaarden: bij CV-ketelvervanging overstappen op duurzaam alternatief</t>
  </si>
  <si>
    <t>BU01890407</t>
  </si>
  <si>
    <t>Verspreide huizen Enterveen en Elsslagen</t>
  </si>
  <si>
    <t>2021BU01890407</t>
  </si>
  <si>
    <t>buurten.513bf509-c4af-4b6c-adba-1ac974bf92bd</t>
  </si>
  <si>
    <t>BU01890408</t>
  </si>
  <si>
    <t>Verspreide huizen Zuiderveld</t>
  </si>
  <si>
    <t>2021BU01890408</t>
  </si>
  <si>
    <t>buurten.391b9f06-b210-43ae-9266-ce440a5f7abc</t>
  </si>
  <si>
    <t>BU01890409</t>
  </si>
  <si>
    <t>Verspreide huizen Enterbroek en omgeving</t>
  </si>
  <si>
    <t>2021BU01890409</t>
  </si>
  <si>
    <t>buurten.d9181ad6-fd08-41c7-88aa-d0690eb966eb</t>
  </si>
  <si>
    <t>BU01890507</t>
  </si>
  <si>
    <t>Verspreide huizen Rectum</t>
  </si>
  <si>
    <t>WK018905</t>
  </si>
  <si>
    <t>2021BU01890507</t>
  </si>
  <si>
    <t>buurten.9dcff06c-5a75-4759-b11b-796a6ddd0c2b</t>
  </si>
  <si>
    <t>BU01890508</t>
  </si>
  <si>
    <t>Verspreide huizen Notter</t>
  </si>
  <si>
    <t>2021BU01890508</t>
  </si>
  <si>
    <t>buurten.8cf4b91c-47cb-4ebc-aec3-2bb477766766</t>
  </si>
  <si>
    <t>PL1742010006</t>
  </si>
  <si>
    <t>Voorwaarden: energiewinst behalen, gebruik maken van woningrenovaties (natuurlijk moment), kosteneffectieve inkoop isolatiepakketten door seriematige bouw, starten in wijken met lagere- en middeninkomens (energiearmoede). Lessen trekken uit eerder opgest</t>
  </si>
  <si>
    <t>Behalen van energiewinst/energiebesparing</t>
  </si>
  <si>
    <t>BU01890509</t>
  </si>
  <si>
    <t>Verspreide huizen Zuna</t>
  </si>
  <si>
    <t>2021BU01890509</t>
  </si>
  <si>
    <t>buurten.58422259-a24d-421b-8045-33a51e3ee5c8</t>
  </si>
  <si>
    <t>BU01931000</t>
  </si>
  <si>
    <t>WK019310</t>
  </si>
  <si>
    <t>GM0193</t>
  </si>
  <si>
    <t>Zwolle</t>
  </si>
  <si>
    <t>2021BU01931000</t>
  </si>
  <si>
    <t>buurten.f206cc88-3fbe-4eae-8910-2f153c3ba934</t>
  </si>
  <si>
    <t>BU01931010</t>
  </si>
  <si>
    <t>2021BU01931010</t>
  </si>
  <si>
    <t>buurten.90909158-3aca-4597-a109-f5cce7eb0174</t>
  </si>
  <si>
    <t>BU01931020</t>
  </si>
  <si>
    <t>Noordereiland</t>
  </si>
  <si>
    <t>2021BU01931020</t>
  </si>
  <si>
    <t>buurten.a9964340-12d0-4ec1-886e-1f7a4c150ebd</t>
  </si>
  <si>
    <t>BU01931100</t>
  </si>
  <si>
    <t>Het Noorden</t>
  </si>
  <si>
    <t>WK019311</t>
  </si>
  <si>
    <t>2021BU01931100</t>
  </si>
  <si>
    <t>buurten.528cd28a-424d-4a21-9498-30c4a9aa864f</t>
  </si>
  <si>
    <t>BU01931110</t>
  </si>
  <si>
    <t>2021BU01931110</t>
  </si>
  <si>
    <t>buurten.df0599df-f85c-4926-ad2d-403e86970d47</t>
  </si>
  <si>
    <t>BU01931120</t>
  </si>
  <si>
    <t>Bollebieste</t>
  </si>
  <si>
    <t>2021BU01931120</t>
  </si>
  <si>
    <t>buurten.1892e7e6-6b4a-45d6-88db-5e575bab4cda</t>
  </si>
  <si>
    <t>BU01931130</t>
  </si>
  <si>
    <t>Dieze-Centrum</t>
  </si>
  <si>
    <t>2021BU01931130</t>
  </si>
  <si>
    <t>buurten.821b1571-b0f4-46d1-be2c-2b6d85433fa4</t>
  </si>
  <si>
    <t>BU01931140</t>
  </si>
  <si>
    <t>Bagijneweide</t>
  </si>
  <si>
    <t>2021BU01931140</t>
  </si>
  <si>
    <t>buurten.6b68a092-2533-4c6b-8226-63890b8b4156</t>
  </si>
  <si>
    <t>BU01931150</t>
  </si>
  <si>
    <t>Hogenkamp</t>
  </si>
  <si>
    <t>2021BU01931150</t>
  </si>
  <si>
    <t>buurten.15d226b9-fc79-4897-8ac1-c9c84dff3249</t>
  </si>
  <si>
    <t>BU01931160</t>
  </si>
  <si>
    <t>2021BU01931160</t>
  </si>
  <si>
    <t>buurten.298fb368-1a12-42c1-8f0d-2ec70b2113b4</t>
  </si>
  <si>
    <t>BU01931170</t>
  </si>
  <si>
    <t>Meppelerstraatweg-Zuid</t>
  </si>
  <si>
    <t>2021BU01931170</t>
  </si>
  <si>
    <t>buurten.3c058a5f-b11b-4ad3-84f6-2a8290d981bb</t>
  </si>
  <si>
    <t>BU01931180</t>
  </si>
  <si>
    <t>Bedrijventerrein Floresstraat</t>
  </si>
  <si>
    <t>2021BU01931180</t>
  </si>
  <si>
    <t>buurten.b4abbd88-70f4-4ebb-b90a-053d07da5f13</t>
  </si>
  <si>
    <t>BU01931200</t>
  </si>
  <si>
    <t>Wipstrik-Noord</t>
  </si>
  <si>
    <t>WK019312</t>
  </si>
  <si>
    <t>2021BU01931200</t>
  </si>
  <si>
    <t>buurten.e7dbeca5-4c33-4ce8-ae37-97d458ea52c1</t>
  </si>
  <si>
    <t>BU01931210</t>
  </si>
  <si>
    <t>Wipstrik-Zuid</t>
  </si>
  <si>
    <t>2021BU01931210</t>
  </si>
  <si>
    <t>buurten.bc6aafe7-c59c-4673-9150-f123370ebcf5</t>
  </si>
  <si>
    <t>BU01931300</t>
  </si>
  <si>
    <t>Stationsbuurt</t>
  </si>
  <si>
    <t>WK019313</t>
  </si>
  <si>
    <t>2021BU01931300</t>
  </si>
  <si>
    <t>buurten.f7f45c88-d1e2-4eb5-8373-6c856f92484d</t>
  </si>
  <si>
    <t>BU01931310</t>
  </si>
  <si>
    <t>Oud-Assendorp</t>
  </si>
  <si>
    <t>2021BU01931310</t>
  </si>
  <si>
    <t>buurten.dd8b01c4-0b9d-49d5-92e3-36fe19a2f279</t>
  </si>
  <si>
    <t>BU01931320</t>
  </si>
  <si>
    <t>Nieuw-Assendorp</t>
  </si>
  <si>
    <t>2021BU01931320</t>
  </si>
  <si>
    <t>buurten.89b198f8-ea53-47ba-9ba8-a444cc6bd8d5</t>
  </si>
  <si>
    <t>BU01931330</t>
  </si>
  <si>
    <t>Wezenlanden</t>
  </si>
  <si>
    <t>2021BU01931330</t>
  </si>
  <si>
    <t>buurten.0299a791-9b0c-4b47-9096-6bb3e12e17d9</t>
  </si>
  <si>
    <t>BU01931340</t>
  </si>
  <si>
    <t>Pierik</t>
  </si>
  <si>
    <t>2021BU01931340</t>
  </si>
  <si>
    <t>buurten.0e7a1eed-d87d-4169-bf30-fa4970c33617</t>
  </si>
  <si>
    <t>BU01931350</t>
  </si>
  <si>
    <t>Bedrijventerrein Marslanden-Noord</t>
  </si>
  <si>
    <t>2021BU01931350</t>
  </si>
  <si>
    <t>buurten.01dd49a1-0a01-495b-9b22-781044e734fc</t>
  </si>
  <si>
    <t>BU01931360</t>
  </si>
  <si>
    <t>Hanzeland</t>
  </si>
  <si>
    <t>2021BU01931360</t>
  </si>
  <si>
    <t>buurten.c39df524-288b-477b-b854-bc9e91ab0c1a</t>
  </si>
  <si>
    <t>BU01931400</t>
  </si>
  <si>
    <t>Kamperpoort</t>
  </si>
  <si>
    <t>WK019314</t>
  </si>
  <si>
    <t>2021BU01931400</t>
  </si>
  <si>
    <t>buurten.d4c8009a-29b9-4592-9085-cf25c486b6bb</t>
  </si>
  <si>
    <t>BU01931410</t>
  </si>
  <si>
    <t>Veerallee</t>
  </si>
  <si>
    <t>2021BU01931410</t>
  </si>
  <si>
    <t>buurten.bd40471b-3e0d-47bc-a5e3-901ff592cf66</t>
  </si>
  <si>
    <t>BU01932000</t>
  </si>
  <si>
    <t>Bedrijventerrein Voorst-A</t>
  </si>
  <si>
    <t>WK019320</t>
  </si>
  <si>
    <t>2021BU01932000</t>
  </si>
  <si>
    <t>buurten.7ec57d81-14c3-4d8f-86dd-daef80759b50</t>
  </si>
  <si>
    <t>BU01932010</t>
  </si>
  <si>
    <t>Bedrijventerrein Voorst-B</t>
  </si>
  <si>
    <t>2021BU01932010</t>
  </si>
  <si>
    <t>buurten.f1d2393f-d5ee-4092-8f3b-342c368bf136</t>
  </si>
  <si>
    <t>BU01932020</t>
  </si>
  <si>
    <t>Spoolde</t>
  </si>
  <si>
    <t>2021BU01932020</t>
  </si>
  <si>
    <t>buurten.e8ce154d-f991-4f0e-adc0-628a41f28f7c</t>
  </si>
  <si>
    <t>BU01932100</t>
  </si>
  <si>
    <t>Oud-Westenholte</t>
  </si>
  <si>
    <t>WK019321</t>
  </si>
  <si>
    <t>2021BU01932100</t>
  </si>
  <si>
    <t>buurten.069498cf-1fcc-4f0e-89b4-45ebc839218c</t>
  </si>
  <si>
    <t>BU01932110</t>
  </si>
  <si>
    <t>Westenholte-Stins</t>
  </si>
  <si>
    <t>2021BU01932110</t>
  </si>
  <si>
    <t>buurten.9ef7f9ab-dd93-4a5e-a23d-5411bf70092d</t>
  </si>
  <si>
    <t>BU01932120</t>
  </si>
  <si>
    <t>Vreugderijk</t>
  </si>
  <si>
    <t>2021BU01932120</t>
  </si>
  <si>
    <t>buurten.43a54f56-01d8-473e-9977-f02be16980b3</t>
  </si>
  <si>
    <t>BU01932130</t>
  </si>
  <si>
    <t>Bedrijventerrein Voorst-C</t>
  </si>
  <si>
    <t>2021BU01932130</t>
  </si>
  <si>
    <t>buurten.112a9d7b-39eb-4ad3-803c-057096c3210c</t>
  </si>
  <si>
    <t>BU01932140</t>
  </si>
  <si>
    <t>Bedrijventerrein Voorst-D</t>
  </si>
  <si>
    <t>2021BU01932140</t>
  </si>
  <si>
    <t>buurten.84f9a6a8-0c05-46d2-83a5-0dc20ef79c6f</t>
  </si>
  <si>
    <t>BU01932200</t>
  </si>
  <si>
    <t>Frankhuis</t>
  </si>
  <si>
    <t>WK019322</t>
  </si>
  <si>
    <t>2021BU01932200</t>
  </si>
  <si>
    <t>buurten.1d536269-1fec-4a12-92de-957455d48d08</t>
  </si>
  <si>
    <t>DC019301</t>
  </si>
  <si>
    <t>2020-08-01</t>
  </si>
  <si>
    <t>dat iedereen die dat wil actief mee kan doen in de planvorming en / of de uitvoering van de transitie naar aardgasvrij</t>
  </si>
  <si>
    <t>https://ibabsonline.eu/Agenda.aspx?site=Zwolle&amp;agendaid=73adae06-b153-4f3c-a3a1-98a150920082&amp;FoundIDs=</t>
  </si>
  <si>
    <t>PL0193010001</t>
  </si>
  <si>
    <t>Holtenbroek en Aa-landen</t>
  </si>
  <si>
    <t>geothermie en/of gasbackup</t>
  </si>
  <si>
    <t>geothermie en gas</t>
  </si>
  <si>
    <t>BU01932210</t>
  </si>
  <si>
    <t>Mastenbroek</t>
  </si>
  <si>
    <t>2021BU01932210</t>
  </si>
  <si>
    <t>buurten.8aa71ee1-dacc-4e17-bb52-6cb9a84cb2a1</t>
  </si>
  <si>
    <t>BU01932220</t>
  </si>
  <si>
    <t>Schoonhorst</t>
  </si>
  <si>
    <t>2021BU01932220</t>
  </si>
  <si>
    <t>buurten.8f2a175e-7306-4e7d-937f-b1201db987fe</t>
  </si>
  <si>
    <t>BU01932230</t>
  </si>
  <si>
    <t>Werkeren</t>
  </si>
  <si>
    <t>2021BU01932230</t>
  </si>
  <si>
    <t>buurten.3e917f4b-e9f5-4e48-ad22-67307a968d44</t>
  </si>
  <si>
    <t>BU01932240</t>
  </si>
  <si>
    <t>Milligen</t>
  </si>
  <si>
    <t>2021BU01932240</t>
  </si>
  <si>
    <t>buurten.61f89d33-34b2-444b-9915-c5a58e3b295c</t>
  </si>
  <si>
    <t>BU01932250</t>
  </si>
  <si>
    <t>Tippe bij de IJssel</t>
  </si>
  <si>
    <t>2021BU01932250</t>
  </si>
  <si>
    <t>buurten.c6368122-e890-4859-8892-39c66d2c81e2</t>
  </si>
  <si>
    <t>BU01932260</t>
  </si>
  <si>
    <t>Breecamp</t>
  </si>
  <si>
    <t>2021BU01932260</t>
  </si>
  <si>
    <t>buurten.a8a8ffa7-7556-4d61-9357-c016cf2ad421</t>
  </si>
  <si>
    <t>BU01932270</t>
  </si>
  <si>
    <t>Breezicht</t>
  </si>
  <si>
    <t>2021BU01932270</t>
  </si>
  <si>
    <t>buurten.4481b311-e440-4d5d-a9c3-933c24a57039</t>
  </si>
  <si>
    <t>PL1896010001</t>
  </si>
  <si>
    <t>BU01932280</t>
  </si>
  <si>
    <t>Stadsbroek</t>
  </si>
  <si>
    <t>2021BU01932280</t>
  </si>
  <si>
    <t>buurten.78cdca57-0ead-4dda-b9bf-f4ab88dd6eb0</t>
  </si>
  <si>
    <t>BU01933000</t>
  </si>
  <si>
    <t>Holtenbroek IV</t>
  </si>
  <si>
    <t>WK019330</t>
  </si>
  <si>
    <t>2021BU01933000</t>
  </si>
  <si>
    <t>buurten.6e6908f4-4ff7-4a09-b5c5-c44fc053cbe5</t>
  </si>
  <si>
    <t>BU01933010</t>
  </si>
  <si>
    <t>Holtenbroek I</t>
  </si>
  <si>
    <t>2021BU01933010</t>
  </si>
  <si>
    <t>buurten.c4ebbeba-0e63-42ea-9051-db1a3f8a9d4f</t>
  </si>
  <si>
    <t>BU01933020</t>
  </si>
  <si>
    <t>Holtenbroek II</t>
  </si>
  <si>
    <t>2021BU01933020</t>
  </si>
  <si>
    <t>buurten.6520a8f1-be1b-4ac5-88b3-d7aefbdfe0e0</t>
  </si>
  <si>
    <t>BU01933030</t>
  </si>
  <si>
    <t>Holtenbroek III</t>
  </si>
  <si>
    <t>2021BU01933030</t>
  </si>
  <si>
    <t>buurten.144f98d5-f024-47f7-9361-b7196de85121</t>
  </si>
  <si>
    <t>BU01933100</t>
  </si>
  <si>
    <t>Aa-landen-Zuid</t>
  </si>
  <si>
    <t>WK019331</t>
  </si>
  <si>
    <t>2021BU01933100</t>
  </si>
  <si>
    <t>buurten.02c3565b-e18c-4af1-974b-9aa91fbe688d</t>
  </si>
  <si>
    <t>BU01933110</t>
  </si>
  <si>
    <t>Aa-landen-Midden</t>
  </si>
  <si>
    <t>2021BU01933110</t>
  </si>
  <si>
    <t>buurten.504f3354-15e7-4377-ab2b-2e31869956f9</t>
  </si>
  <si>
    <t>BU01933120</t>
  </si>
  <si>
    <t>Aa-landen-Noord</t>
  </si>
  <si>
    <t>2021BU01933120</t>
  </si>
  <si>
    <t>buurten.2a7096d2-9ba3-44e8-8f0d-84cab32f3e54</t>
  </si>
  <si>
    <t>BU01933130</t>
  </si>
  <si>
    <t>Aa-landen-Oost</t>
  </si>
  <si>
    <t>2021BU01933130</t>
  </si>
  <si>
    <t>buurten.495cc0d6-8aba-4e4d-abe2-c30071bdcf39</t>
  </si>
  <si>
    <t>BU01933200</t>
  </si>
  <si>
    <t>Brinkhoek</t>
  </si>
  <si>
    <t>WK019332</t>
  </si>
  <si>
    <t>2021BU01933200</t>
  </si>
  <si>
    <t>buurten.29bd2479-4bb5-4a83-95f8-a124903ac3be</t>
  </si>
  <si>
    <t>PL0193010002</t>
  </si>
  <si>
    <t>Berkum</t>
  </si>
  <si>
    <t>BU01933210</t>
  </si>
  <si>
    <t>Langenholte</t>
  </si>
  <si>
    <t>2021BU01933210</t>
  </si>
  <si>
    <t>buurten.84b6ab16-2374-48d6-ac44-22e4733e7063</t>
  </si>
  <si>
    <t>BU01933220</t>
  </si>
  <si>
    <t>Haerst</t>
  </si>
  <si>
    <t>2021BU01933220</t>
  </si>
  <si>
    <t>buurten.9550f7da-70fb-409c-b6a0-d8447a548227</t>
  </si>
  <si>
    <t>BU01934000</t>
  </si>
  <si>
    <t>WK019340</t>
  </si>
  <si>
    <t>2021BU01934000</t>
  </si>
  <si>
    <t>buurten.57d14179-b32b-4e80-b231-f1a2f695a30b</t>
  </si>
  <si>
    <t>BU01934010</t>
  </si>
  <si>
    <t>Bedrijventerrein de Vrolijkheid</t>
  </si>
  <si>
    <t>2021BU01934010</t>
  </si>
  <si>
    <t>buurten.7c00c2b0-ca9d-400d-8c3e-123daf1643ea</t>
  </si>
  <si>
    <t>BU01934020</t>
  </si>
  <si>
    <t>Veldhoek</t>
  </si>
  <si>
    <t>2021BU01934020</t>
  </si>
  <si>
    <t>buurten.bcb26e24-31d0-4030-aec7-ca0249e62c11</t>
  </si>
  <si>
    <t>BU01934030</t>
  </si>
  <si>
    <t>Kantorenterrein Oosterenk</t>
  </si>
  <si>
    <t>2021BU01934030</t>
  </si>
  <si>
    <t>buurten.f6ad78c0-ac83-4dfc-879d-b243ef50e123</t>
  </si>
  <si>
    <t>BU01934040</t>
  </si>
  <si>
    <t>Bedrijventerrein Hessenpoort</t>
  </si>
  <si>
    <t>2021BU01934040</t>
  </si>
  <si>
    <t>buurten.5047473c-a731-45b4-8fea-f9badac8d8c4</t>
  </si>
  <si>
    <t>BU01934050</t>
  </si>
  <si>
    <t>Tolhuislanden</t>
  </si>
  <si>
    <t>2021BU01934050</t>
  </si>
  <si>
    <t>buurten.9309072d-7451-4495-8eb8-791964ec479f</t>
  </si>
  <si>
    <t>BU01934100</t>
  </si>
  <si>
    <t>Herfte</t>
  </si>
  <si>
    <t>WK019341</t>
  </si>
  <si>
    <t>2021BU01934100</t>
  </si>
  <si>
    <t>buurten.e90c3efe-1355-4fc1-be61-6e1e6e6aeaed</t>
  </si>
  <si>
    <t>BU01934110</t>
  </si>
  <si>
    <t>Bedrijventerrein Marslanden-Zuid</t>
  </si>
  <si>
    <t>2021BU01934110</t>
  </si>
  <si>
    <t>buurten.0a4204ea-791c-46c6-9eef-ee8445e4d031</t>
  </si>
  <si>
    <t>BU01934120</t>
  </si>
  <si>
    <t>Wijthmen</t>
  </si>
  <si>
    <t>2021BU01934120</t>
  </si>
  <si>
    <t>buurten.80b83a25-3f8c-45b9-b1d3-f33cd8663321</t>
  </si>
  <si>
    <t>BU01935000</t>
  </si>
  <si>
    <t>Oud-Schelle</t>
  </si>
  <si>
    <t>WK019350</t>
  </si>
  <si>
    <t>2021BU01935000</t>
  </si>
  <si>
    <t>buurten.f44838fa-cd2f-4d6d-8fdf-9da287a6a7e2</t>
  </si>
  <si>
    <t>BU01935010</t>
  </si>
  <si>
    <t>Schellerhoek</t>
  </si>
  <si>
    <t>2021BU01935010</t>
  </si>
  <si>
    <t>buurten.56436c97-7488-4d63-b400-976894b8afb8</t>
  </si>
  <si>
    <t>BU01935020</t>
  </si>
  <si>
    <t>Schellerbroek</t>
  </si>
  <si>
    <t>2021BU01935020</t>
  </si>
  <si>
    <t>buurten.487d8739-0446-4e4e-b55b-1d37e8804e05</t>
  </si>
  <si>
    <t>BU01935030</t>
  </si>
  <si>
    <t>Schellerlanden</t>
  </si>
  <si>
    <t>2021BU01935030</t>
  </si>
  <si>
    <t>buurten.1ae1f50b-0ae9-4886-befa-aaba4cd0a142</t>
  </si>
  <si>
    <t>BU01935040</t>
  </si>
  <si>
    <t>Oldenelerlanden-Oost</t>
  </si>
  <si>
    <t>2021BU01935040</t>
  </si>
  <si>
    <t>buurten.2f46f65a-2240-48d8-a848-75b24cfea6ee</t>
  </si>
  <si>
    <t>BU01935050</t>
  </si>
  <si>
    <t>Oldenelerlanden-West</t>
  </si>
  <si>
    <t>2021BU01935050</t>
  </si>
  <si>
    <t>buurten.128c86fb-5f7b-407e-ba1a-abe5414f8333</t>
  </si>
  <si>
    <t>BU01935060</t>
  </si>
  <si>
    <t>Oldenelerbroek</t>
  </si>
  <si>
    <t>2021BU01935060</t>
  </si>
  <si>
    <t>buurten.8f0f0719-1edb-409e-8fad-19235d5c57fa</t>
  </si>
  <si>
    <t>BU01935070</t>
  </si>
  <si>
    <t>Schelle-Zuid en Oldeneel</t>
  </si>
  <si>
    <t>2021BU01935070</t>
  </si>
  <si>
    <t>buurten.c960ce68-ed83-4614-be0b-50676f1cd4ee</t>
  </si>
  <si>
    <t>BU01935080</t>
  </si>
  <si>
    <t>Katerveer-Engelse werk</t>
  </si>
  <si>
    <t>2021BU01935080</t>
  </si>
  <si>
    <t>buurten.ca135cf5-7d76-4765-97f2-0cf30f8c2d4b</t>
  </si>
  <si>
    <t>BU01935100</t>
  </si>
  <si>
    <t>Oud-Ittersum</t>
  </si>
  <si>
    <t>WK019351</t>
  </si>
  <si>
    <t>2021BU01935100</t>
  </si>
  <si>
    <t>buurten.ee51cc6b-19b5-4783-b176-a279d3b64c31</t>
  </si>
  <si>
    <t>BU01935110</t>
  </si>
  <si>
    <t>Ittersumerlanden</t>
  </si>
  <si>
    <t>2021BU01935110</t>
  </si>
  <si>
    <t>buurten.cf129e3d-9d5f-4aa6-8a35-3faafeddfc1e</t>
  </si>
  <si>
    <t>BU01935120</t>
  </si>
  <si>
    <t>Ittersumerbroek</t>
  </si>
  <si>
    <t>2021BU01935120</t>
  </si>
  <si>
    <t>buurten.79c176c3-3578-4c2f-9e8e-e84d67e073c9</t>
  </si>
  <si>
    <t>BU01935130</t>
  </si>
  <si>
    <t>Geren</t>
  </si>
  <si>
    <t>2021BU01935130</t>
  </si>
  <si>
    <t>buurten.6f72d56b-ae51-451a-b11f-3d401546d7e2</t>
  </si>
  <si>
    <t>BU01935140</t>
  </si>
  <si>
    <t>Gerenlanden</t>
  </si>
  <si>
    <t>2021BU01935140</t>
  </si>
  <si>
    <t>buurten.ca560e35-903e-49f4-aafb-d2d7abea8fe5</t>
  </si>
  <si>
    <t>BU01935150</t>
  </si>
  <si>
    <t>Gerenbroek</t>
  </si>
  <si>
    <t>2021BU01935150</t>
  </si>
  <si>
    <t>buurten.6c7875b2-c81d-4b29-a14e-6eaea7c892cd</t>
  </si>
  <si>
    <t>BU01935160</t>
  </si>
  <si>
    <t>Oude Mars</t>
  </si>
  <si>
    <t>2021BU01935160</t>
  </si>
  <si>
    <t>buurten.d5146fdb-189e-43b7-9b9a-7fda13183db5</t>
  </si>
  <si>
    <t>BU01935200</t>
  </si>
  <si>
    <t>Windesheim</t>
  </si>
  <si>
    <t>WK019352</t>
  </si>
  <si>
    <t>2021BU01935200</t>
  </si>
  <si>
    <t>buurten.74465199-751a-46b1-8e04-6aba91fb3eb9</t>
  </si>
  <si>
    <t>PL1773010001</t>
  </si>
  <si>
    <t>BU01935210</t>
  </si>
  <si>
    <t>Harculo en Hoog-Zuthem</t>
  </si>
  <si>
    <t>2021BU01935210</t>
  </si>
  <si>
    <t>buurten.57588b98-e29b-4c6e-9580-0fe09e73c886</t>
  </si>
  <si>
    <t>Heerde</t>
  </si>
  <si>
    <t>Transitievisie Warmte gemeente Heerde, de route naar duurzame warmte in de gemeente Heerde</t>
  </si>
  <si>
    <t>2022-06-01</t>
  </si>
  <si>
    <t>Starten met isoleren en besparen, we gaan op zoek naar koppelkansen, we houden transitie betaalbaar en voorkomen energiearmoede, inwoner staat centraal</t>
  </si>
  <si>
    <t>https://heerde.bestuurlijkeinformatie.nl/Agenda/Document/e4b61d23-340b-45fb-9f97-1eb3ff0690a5?documentId=39e97f18-00f1-42d6-92f9-4ba8c848aa95&amp;agendaItemId=a9480f9f-7727-4496-b58c-2686e509003e</t>
  </si>
  <si>
    <t>TEO onderzoeken Apeldoorns kanaal, Heerderstrand en De Grote Wetering</t>
  </si>
  <si>
    <t>natuurlijke momenten: Individuele oplossingen; goed geïsoleerde of te isoleren woningen all electric warmtepomp, overige woningen hybride warmtepomp met groengas</t>
  </si>
  <si>
    <t>eWP,hWP</t>
  </si>
  <si>
    <t>BU01970101</t>
  </si>
  <si>
    <t>Barlo-Kern</t>
  </si>
  <si>
    <t>WK019701</t>
  </si>
  <si>
    <t>GM0197</t>
  </si>
  <si>
    <t>Aalten</t>
  </si>
  <si>
    <t>2021BU01970101</t>
  </si>
  <si>
    <t>buurten.698714c3-2e83-481b-936e-0a5f16ccb964</t>
  </si>
  <si>
    <t>BU01970102</t>
  </si>
  <si>
    <t>Verspreide huizen Barlo</t>
  </si>
  <si>
    <t>2021BU01970102</t>
  </si>
  <si>
    <t>buurten.afd3b51e-1c94-4a1f-a6de-ac17f4e3b517</t>
  </si>
  <si>
    <t>GM1586</t>
  </si>
  <si>
    <t>Oost Gelre</t>
  </si>
  <si>
    <t>DC158601</t>
  </si>
  <si>
    <t>Samen aan de slag voor een aardgasvrij Oost Gelre</t>
  </si>
  <si>
    <t>Onderzoek starten naar werkelijke potentie biogas uit mest, akkerbouwrestromen en slib; Er moet onderzocht worden of warmtenetten gevoed door TEO en TEA technisch en financieel mogelijk zijn voor Groenlo en Lichtenvoorde.</t>
  </si>
  <si>
    <t>Er wordt samengewerkt met woningbouwcoorperaties als belangrijke partner. We hebben aandacht voor de woonlasten en zijn extra alert op energiearmoede. Werkzaamheden in de warmtetransitie zullen uitgevoerd worden op logische momenten.</t>
  </si>
  <si>
    <t>We zetten vol in op isolatie. Aanwijzen startwijken. Omtrent precieze keuze installatie nog veel onzekerheid en extra onderzoek nodig.</t>
  </si>
  <si>
    <t>https://energieneutraaloostgelre.nl/wp-content/uploads/sites/5/2021/12ransitievisie-Warmte-Oost-Gelre-22-10-21_Def.pdf</t>
  </si>
  <si>
    <t>PL1586010003</t>
  </si>
  <si>
    <t>Buitengebied (Buitengebied  Lichtenvoorde,Buitengebied Harreveld,Buitengebied Zieuwent,Buitengebied Lievelde,Buitengebied Vragender,Buitengebied Groenlo, BuitengebiedMarienvelde, Noordrand)</t>
  </si>
  <si>
    <t>Vanwege de lage bouwdichtheid ligt een mix van individuele en klein collectieve oplossingen voor de hand. Hier valt veel besparing te halen. Daarom willen we inwoners actief ondersteunen bij verduurzamen op natuurlijke momenten.</t>
  </si>
  <si>
    <t>Extra isolatie nodig, einddoel niet gespecificeerd</t>
  </si>
  <si>
    <t>BU01970103</t>
  </si>
  <si>
    <t>Verspreide huizen Heurne</t>
  </si>
  <si>
    <t>2021BU01970103</t>
  </si>
  <si>
    <t>buurten.224d7e22-539d-499b-b88f-10fc41fa8066</t>
  </si>
  <si>
    <t>BU01970104</t>
  </si>
  <si>
    <t>Verspreide huizen IJzerlo</t>
  </si>
  <si>
    <t>2021BU01970104</t>
  </si>
  <si>
    <t>buurten.2b5d70d1-8b11-4a22-861d-4e2bc66108e4</t>
  </si>
  <si>
    <t>BU01970105</t>
  </si>
  <si>
    <t>IJzerlo-kern</t>
  </si>
  <si>
    <t>2021BU01970105</t>
  </si>
  <si>
    <t>buurten.14ea8cfd-1dac-4295-b521-845fefc3d9ca</t>
  </si>
  <si>
    <t>BU01970106</t>
  </si>
  <si>
    <t>Lintelo-kern</t>
  </si>
  <si>
    <t>2021BU01970106</t>
  </si>
  <si>
    <t>buurten.0329d6df-52ee-415a-8408-6750b3fc8b82</t>
  </si>
  <si>
    <t>BU01970107</t>
  </si>
  <si>
    <t>Verspreide huizen ten westen van Aalten</t>
  </si>
  <si>
    <t>2021BU01970107</t>
  </si>
  <si>
    <t>buurten.ee15ab05-0c64-4dd3-b7db-d33e0cdc7e8d</t>
  </si>
  <si>
    <t>DC019701</t>
  </si>
  <si>
    <t>Transitievisie Warmte gemeente Aalten: stap voor stap naar aardgasvrij</t>
  </si>
  <si>
    <t>Betaalbaarheid voorop, open en transparante communicatie, we doen het samen met onze inwoners, praktisch en meetbaar</t>
  </si>
  <si>
    <t>Gemeente wil bewoners de ruimte geven en stimuleren om op natuurlijke momenten de juiste investeringen in de woning te nemen wat betreft een aardgasvrije verwarming.</t>
  </si>
  <si>
    <t>https://aalten.bestuurlijkeinformatie.nl/Agenda/Document/cb7a65c1-be89-4a87-a174-cabcc5d7dcc1?documentId=369c9a1a-5beb-45f3-a19a-532e936a6fc6&amp;agendaItemId=499f2dfa-23a7-446e-b9c4-fadf3438946a</t>
  </si>
  <si>
    <t>PL0197010003</t>
  </si>
  <si>
    <t>Aalten Kobus</t>
  </si>
  <si>
    <t>voorbereidend/onderzoekend. Uitvoeringsplan pas opstellen na evaluatie uitvoeringsplan Aalten Planetenbuurt</t>
  </si>
  <si>
    <t>Voorwaarden voor keuze startwijk en daarmee uitvoering van het plan:- Er kan veel geleerd worden over de uitvoering en de ervaringen bij het aardgasvrij maken</t>
  </si>
  <si>
    <t>Opwekken van daadkracht en slagkracht binnen een buurt.</t>
  </si>
  <si>
    <t>BU01970108</t>
  </si>
  <si>
    <t>Verspreide huizen Lintelo</t>
  </si>
  <si>
    <t>2021BU01970108</t>
  </si>
  <si>
    <t>buurten.b84715db-0ec2-4d8f-8b08-f16b407e6504</t>
  </si>
  <si>
    <t>GM1509</t>
  </si>
  <si>
    <t>Oude IJsselstreek</t>
  </si>
  <si>
    <t>DC150901</t>
  </si>
  <si>
    <t>Transitievisie Warmte: Oude IJsselstreek, stap voor stap naar aardgasvrij</t>
  </si>
  <si>
    <t>2021-10-14</t>
  </si>
  <si>
    <t>Voorwaarden:, Regionaal samenwerken, Stapsgewijs werken met het oog op 2050, Onzekerheden accepteren, Duidelijke communicatie en participatie is belangrijk</t>
  </si>
  <si>
    <t>Versterken van de samenwerking met stakeholders om focus en richting aan te brengen in de warmtetransitie met een regierol voor de gemeente</t>
  </si>
  <si>
    <t>19.500 woningen en gebouwen aardgasvrij in 2050</t>
  </si>
  <si>
    <t>https://www.oude-ijsselstreek.nl/sites/default/files/2021-11ransitievisie%20Warmte%20Oude%20IJsselstreek.pdf</t>
  </si>
  <si>
    <t>PL1509010003</t>
  </si>
  <si>
    <t>PL1509010004</t>
  </si>
  <si>
    <t>Individuele aanpak</t>
  </si>
  <si>
    <t>Regionale aanpak per woningtype</t>
  </si>
  <si>
    <t>Informatie verstrekken over verduurzamingsmaatregelen en financieringsmogelijkheden</t>
  </si>
  <si>
    <t>Bewoners ondersteunen bij verduurzaming van hun woning</t>
  </si>
  <si>
    <t>Ontzorging bewoners middels een ontzorgconcept voor verduurzaming van woningen</t>
  </si>
  <si>
    <t>BU01970109</t>
  </si>
  <si>
    <t>Verspreide huizen Dalese Veld</t>
  </si>
  <si>
    <t>2021BU01970109</t>
  </si>
  <si>
    <t>buurten.24a45513-80e3-48fd-b96c-88f3b1f5ecc1</t>
  </si>
  <si>
    <t>BU01970110</t>
  </si>
  <si>
    <t>Verspreide huizen Dale</t>
  </si>
  <si>
    <t>2021BU01970110</t>
  </si>
  <si>
    <t>buurten.5fcb9818-6397-4b3a-ae91-a394a8683252</t>
  </si>
  <si>
    <t>BU01970111</t>
  </si>
  <si>
    <t>Verspreide huizen Haart</t>
  </si>
  <si>
    <t>2021BU01970111</t>
  </si>
  <si>
    <t>buurten.030a4298-77be-44c7-8a99-fc75422b5705</t>
  </si>
  <si>
    <t>GM0294</t>
  </si>
  <si>
    <t>Winterswijk</t>
  </si>
  <si>
    <t>transitiegereed, aardgasvrij dan CO2 neutraal</t>
  </si>
  <si>
    <t>DC029401</t>
  </si>
  <si>
    <t>Aardgasvrij wonen in Winterswijk transitievisie warmte Winterswijk</t>
  </si>
  <si>
    <t>2021-10-12</t>
  </si>
  <si>
    <t>betaalbaar, Lokaal, Flexibiliteit</t>
  </si>
  <si>
    <t>samen eigenaar van de visie, beperk overlast zoveel mogelijk, aandacht voor eindgebruiker</t>
  </si>
  <si>
    <t>een duurzame en aardgasvrije gebouwde omgeving</t>
  </si>
  <si>
    <t>https://winterswijk.raadsinformatie.nl/document/10777608/1/04_Transitievisie_warmte_Winterswijk</t>
  </si>
  <si>
    <t>PL0294010001</t>
  </si>
  <si>
    <t>De Winterswijkse aanpak</t>
  </si>
  <si>
    <t>CO2-neutraal</t>
  </si>
  <si>
    <t>Duurzaam gas, groen gas</t>
  </si>
  <si>
    <t>groengas</t>
  </si>
  <si>
    <t>BU01970112</t>
  </si>
  <si>
    <t>Haart-kern</t>
  </si>
  <si>
    <t>2021BU01970112</t>
  </si>
  <si>
    <t>buurten.593e02b4-6b40-4b86-b26a-3e7ebb4de37b</t>
  </si>
  <si>
    <t>BU01970201</t>
  </si>
  <si>
    <t>Verspreide huizen Bredevoort</t>
  </si>
  <si>
    <t>WK019702</t>
  </si>
  <si>
    <t>2021BU01970201</t>
  </si>
  <si>
    <t>buurten.0a445fbb-95e6-43c5-a32e-12cb6ef7358f</t>
  </si>
  <si>
    <t>BU01970202</t>
  </si>
  <si>
    <t>Verspreide huizen Hollenberg</t>
  </si>
  <si>
    <t>2021BU01970202</t>
  </si>
  <si>
    <t>buurten.7dae9702-b826-4a5d-8934-9d23f121beb1</t>
  </si>
  <si>
    <t>BU01970203</t>
  </si>
  <si>
    <t>Verspreide huizen Het Zwanenbroek</t>
  </si>
  <si>
    <t>2021BU01970203</t>
  </si>
  <si>
    <t>buurten.711bda90-a9f3-41cc-b4c6-3cb25e5deff4</t>
  </si>
  <si>
    <t>BU01970204</t>
  </si>
  <si>
    <t>Bredevoort</t>
  </si>
  <si>
    <t>2021BU01970204</t>
  </si>
  <si>
    <t>buurten.210b2d5d-d64e-4d7e-bab8-e954e6058f0d</t>
  </si>
  <si>
    <t>BU01970301</t>
  </si>
  <si>
    <t>Aalten-kern West</t>
  </si>
  <si>
    <t>WK019703</t>
  </si>
  <si>
    <t>2021BU01970301</t>
  </si>
  <si>
    <t>buurten.ad10eeb3-c966-447e-8543-af9ce59b140b</t>
  </si>
  <si>
    <t>PL0197010002</t>
  </si>
  <si>
    <t>Aalten Planetenbuurt</t>
  </si>
  <si>
    <t>voorbereidend/onderzoekend. Uitvoeringsplan pas opstellen na evaluatie uitvoeringsplan Dinxperlo Centrum oost</t>
  </si>
  <si>
    <t>Voorwaarden voor keuze startwijk en daarmee uitvoering van het plan:- Er is eenvoudig veel energiewinst te behalen- De buurt bestaat uit veel seriematige/homogene bouw- Er is veel corporatiebezit in de buurt</t>
  </si>
  <si>
    <t>BU01970302</t>
  </si>
  <si>
    <t>Aalten-kern Zuid 1</t>
  </si>
  <si>
    <t>2021BU01970302</t>
  </si>
  <si>
    <t>buurten.003a9995-d50f-4273-9f01-bbae01e38347</t>
  </si>
  <si>
    <t>BU01970303</t>
  </si>
  <si>
    <t>Aalten-kern Zuid 2</t>
  </si>
  <si>
    <t>2021BU01970303</t>
  </si>
  <si>
    <t>buurten.cf4e5897-427f-42ec-ab99-4a7fcdf05dd4</t>
  </si>
  <si>
    <t>BU01970304</t>
  </si>
  <si>
    <t>Aalten-kern Noord/Noordoost</t>
  </si>
  <si>
    <t>2021BU01970304</t>
  </si>
  <si>
    <t>buurten.0abac64b-5ada-4cbe-8750-ce85e41d3b76</t>
  </si>
  <si>
    <t>BU01970305</t>
  </si>
  <si>
    <t>Aalten Kern 't Kobus</t>
  </si>
  <si>
    <t>2021BU01970305</t>
  </si>
  <si>
    <t>buurten.3fda5dc0-821b-4b31-9a5a-ad09dce728b9</t>
  </si>
  <si>
    <t>BU01970306</t>
  </si>
  <si>
    <t>Aalten-kern Oost</t>
  </si>
  <si>
    <t>2021BU01970306</t>
  </si>
  <si>
    <t>buurten.d8212515-72be-4875-b358-ddb11e7ce449</t>
  </si>
  <si>
    <t>PL0197010004</t>
  </si>
  <si>
    <t>Aalten t Verzet en Bevrijding</t>
  </si>
  <si>
    <t>voorbereidend/onderzoekend. Uitvoeringsplan pas opstellen na evaluatie uitvoeringsplannen andere startwijken</t>
  </si>
  <si>
    <t>BU01970307</t>
  </si>
  <si>
    <t>Aalten-kern Centrum</t>
  </si>
  <si>
    <t>2021BU01970307</t>
  </si>
  <si>
    <t>buurten.75cfa7f7-d8e9-4879-9c5b-f00e2b95edc8</t>
  </si>
  <si>
    <t>BU01970400</t>
  </si>
  <si>
    <t>Dinxperlo Centrum/Oost</t>
  </si>
  <si>
    <t>WK019704</t>
  </si>
  <si>
    <t>2021BU01970400</t>
  </si>
  <si>
    <t>buurten.2b110a33-4c25-46d2-8251-64bef10037d1</t>
  </si>
  <si>
    <t>PL0197010001</t>
  </si>
  <si>
    <t>Dinxperlo Centrum oost</t>
  </si>
  <si>
    <t>BU01970401</t>
  </si>
  <si>
    <t>Dinxperlo Noord</t>
  </si>
  <si>
    <t>2021BU01970401</t>
  </si>
  <si>
    <t>buurten.9b664a54-2a3b-4aa1-9e78-97a04218956e</t>
  </si>
  <si>
    <t>BU01970402</t>
  </si>
  <si>
    <t>Dinxperlo West</t>
  </si>
  <si>
    <t>2021BU01970402</t>
  </si>
  <si>
    <t>buurten.cbcb97c9-1c44-4e48-a530-d98f11ba815a</t>
  </si>
  <si>
    <t>BU01970403</t>
  </si>
  <si>
    <t>De Heurne-kern</t>
  </si>
  <si>
    <t>2021BU01970403</t>
  </si>
  <si>
    <t>buurten.6cbf18cc-e4fb-4bf2-9121-d6002df74f2d</t>
  </si>
  <si>
    <t>BU01970408</t>
  </si>
  <si>
    <t>Verspreide huizen Dinxperlo</t>
  </si>
  <si>
    <t>2021BU01970408</t>
  </si>
  <si>
    <t>buurten.1e1927c8-d105-497d-bf7e-4a16b04c7943</t>
  </si>
  <si>
    <t>BU01970409</t>
  </si>
  <si>
    <t>Verspreide huizen De Heurne</t>
  </si>
  <si>
    <t>2021BU01970409</t>
  </si>
  <si>
    <t>buurten.f4be6bff-6aca-4513-9ff6-10cab4e2b2e9</t>
  </si>
  <si>
    <t>BU02000101</t>
  </si>
  <si>
    <t>WK020001</t>
  </si>
  <si>
    <t>GM0200</t>
  </si>
  <si>
    <t>Apeldoorn</t>
  </si>
  <si>
    <t>2021BU02000101</t>
  </si>
  <si>
    <t>buurten.e2366dc9-524e-4918-a4cd-ab89ae11c396</t>
  </si>
  <si>
    <t>voor 2050 energieneutraal (69.000 woningen en 9.200 gebouwen)</t>
  </si>
  <si>
    <t>DC020001</t>
  </si>
  <si>
    <t>2021-12-23</t>
  </si>
  <si>
    <t>We willen graag dat mensen de overgang naar een duurzaamverwarmde woning zo kunnen doen dat hun lastenniet hoger worden. Dat vraagt om een structureleoplossing vanuit het Rijk.</t>
  </si>
  <si>
    <t>Mensen willen weten welke ideeen er zijn, wat datvoor hen betekent, en hoe ze kunnen meedenkenen meebeslissen. Deze visie geeft antwoordop zulke vragen. 3 sporen aanpak: 1. Isoleren, ventileren en besparen 2. Starten met de uitvoeringsplannen 3. Beleid,</t>
  </si>
  <si>
    <t>v00r 2050 energieneutraal. vanaf2022 tot 2050 zullen nog 69.000 woningen en 9.200gebouwen overstappen op duurzame warmte. Besparing van 2,5% aardgasgebruik per jaar in de gebouwde omgeving</t>
  </si>
  <si>
    <t>https://www.apeldoorn.nl/fl-transitievisie-warmte-wcag</t>
  </si>
  <si>
    <t>PL0200010001</t>
  </si>
  <si>
    <t>PL0200010013</t>
  </si>
  <si>
    <t>Binnenstad; Haven; Park Berg en Bos; Ugchelen-Zuid; De Heeze; Winkewijert; Brouwersmolen-Noord; Dennenheuvel; Holthuizen; Wernem; Brummelhof; Componistenkwartier; Malkenschoten; Kaysersmolen-Noord; Kaysersmolen-Midden; Kaysersmolen-Zuid; Welgelegen, Osse</t>
  </si>
  <si>
    <t>Handelingsperspectief bewoners maatregelen op woningniveau</t>
  </si>
  <si>
    <t>definitief, voorbereidend (richting uitvoering in 2023)</t>
  </si>
  <si>
    <t>definitief, no-regretmaatregelen, maatregelen op woningniveau afgestemd op duurzame warmteopties in de betreffende buurt/wijk</t>
  </si>
  <si>
    <t>voorsorterend; verkennend op verschillende voorkeursopties: warmtenet of individele warmtepomp</t>
  </si>
  <si>
    <t>Handelingsperspectief, energiepunt, energiecoaches, themasessies</t>
  </si>
  <si>
    <t>Besparing van 2,5% aardgasgebruik per jaar in de gebouwde omgeving</t>
  </si>
  <si>
    <t>BU02000102</t>
  </si>
  <si>
    <t>2021BU02000102</t>
  </si>
  <si>
    <t>buurten.6aa3c0d8-e8b6-48f1-8e59-703006fb7073</t>
  </si>
  <si>
    <t>PL0200010012</t>
  </si>
  <si>
    <t>Onderzoek naar voorkeursopties</t>
  </si>
  <si>
    <t>divers</t>
  </si>
  <si>
    <t>BU02000201</t>
  </si>
  <si>
    <t>Brinkhorst</t>
  </si>
  <si>
    <t>WK020002</t>
  </si>
  <si>
    <t>2021BU02000201</t>
  </si>
  <si>
    <t>buurten.4417ce56-bed4-4d3a-835f-6e580c2ed697</t>
  </si>
  <si>
    <t>nog onduidelijk</t>
  </si>
  <si>
    <t>BU02000202</t>
  </si>
  <si>
    <t>Sprengenweg-Noord</t>
  </si>
  <si>
    <t>2021BU02000202</t>
  </si>
  <si>
    <t>buurten.6e3cc5b8-fc5f-468d-b6e8-480bd1556d70</t>
  </si>
  <si>
    <t>BU02000203</t>
  </si>
  <si>
    <t>Sprengenbos</t>
  </si>
  <si>
    <t>2021BU02000203</t>
  </si>
  <si>
    <t>buurten.f96b1a7b-38fa-4901-ab26-befdc580348a</t>
  </si>
  <si>
    <t>Brinkhorst; Sprengenweg-Noord; Sprengenbos; Berg en Bos; Driehuizen; Ugchelen; Westenenk; De Bouwhof; Osseveld-West; Zevenhuizen; De Mheen; Spainkbos; Loolaan-Noord; Het Loo; Hommelbrink; Uddel; Hoog Soeren; Bosgebied Hoog Buurlo; Hoenderloo; Miggelenber</t>
  </si>
  <si>
    <t>BU02000204</t>
  </si>
  <si>
    <t>Berg en Bos</t>
  </si>
  <si>
    <t>2021BU02000204</t>
  </si>
  <si>
    <t>buurten.b95c46d8-ad30-454f-8e72-a9e9542651ed</t>
  </si>
  <si>
    <t>Orden</t>
  </si>
  <si>
    <t>aquathermie en/of geothermie</t>
  </si>
  <si>
    <t>BU02000205</t>
  </si>
  <si>
    <t>Driehuizen</t>
  </si>
  <si>
    <t>2021BU02000205</t>
  </si>
  <si>
    <t>buurten.a782a43d-1025-491c-ba1b-10f21a2d4e36</t>
  </si>
  <si>
    <t>BU02000206</t>
  </si>
  <si>
    <t>2021BU02000206</t>
  </si>
  <si>
    <t>buurten.00483903-f111-4f40-8e72-00cd41a6996b</t>
  </si>
  <si>
    <t>BU02000207</t>
  </si>
  <si>
    <t>Park Berg en Bos</t>
  </si>
  <si>
    <t>2021BU02000207</t>
  </si>
  <si>
    <t>buurten.434fb516-1e53-4b63-8392-2813dd8c72a1</t>
  </si>
  <si>
    <t>BU02000301</t>
  </si>
  <si>
    <t>Ugchelen</t>
  </si>
  <si>
    <t>WK020003</t>
  </si>
  <si>
    <t>2021BU02000301</t>
  </si>
  <si>
    <t>buurten.6f7634db-6d01-4b81-9872-2bcc1b539910</t>
  </si>
  <si>
    <t>BU02000302</t>
  </si>
  <si>
    <t>Ugchelen-Zuid</t>
  </si>
  <si>
    <t>2021BU02000302</t>
  </si>
  <si>
    <t>buurten.1d9932eb-88eb-4a65-b8b5-c63a38572105</t>
  </si>
  <si>
    <t>BU02000303</t>
  </si>
  <si>
    <t>De Heeze</t>
  </si>
  <si>
    <t>2021BU02000303</t>
  </si>
  <si>
    <t>buurten.1f4f76b5-98a2-4952-a4a6-889c15d9a706</t>
  </si>
  <si>
    <t>BU02000304</t>
  </si>
  <si>
    <t>Westenenk</t>
  </si>
  <si>
    <t>2021BU02000304</t>
  </si>
  <si>
    <t>buurten.dd52a90e-8de0-45a6-9622-17285157cbfc</t>
  </si>
  <si>
    <t>BU02000305</t>
  </si>
  <si>
    <t>Winkewijert</t>
  </si>
  <si>
    <t>2021BU02000305</t>
  </si>
  <si>
    <t>buurten.1967937f-172f-40a3-9d1f-fe79870b8e49</t>
  </si>
  <si>
    <t>BU02000306</t>
  </si>
  <si>
    <t>De Bouwhof</t>
  </si>
  <si>
    <t>2021BU02000306</t>
  </si>
  <si>
    <t>buurten.169b41ab-d8cc-43e2-b061-8d1cc179dee3</t>
  </si>
  <si>
    <t>BU02000307</t>
  </si>
  <si>
    <t>Brouwersmolen-Noord</t>
  </si>
  <si>
    <t>2021BU02000307</t>
  </si>
  <si>
    <t>buurten.0850d34d-5647-47ad-aea6-88ad6ba33c1c</t>
  </si>
  <si>
    <t>BU02000308</t>
  </si>
  <si>
    <t>Dennenheuvel</t>
  </si>
  <si>
    <t>2021BU02000308</t>
  </si>
  <si>
    <t>buurten.4f4e98d2-d1d2-4f46-85dd-e9ab85e541e7</t>
  </si>
  <si>
    <t>BU02000309</t>
  </si>
  <si>
    <t>Holthuizen</t>
  </si>
  <si>
    <t>2021BU02000309</t>
  </si>
  <si>
    <t>buurten.369e1416-8201-4746-9c29-2140d42e2aa8</t>
  </si>
  <si>
    <t>BU02000310</t>
  </si>
  <si>
    <t>Brouwersmolen-Zuid</t>
  </si>
  <si>
    <t>2021BU02000310</t>
  </si>
  <si>
    <t>buurten.0f1d36b8-4149-4708-9c2e-54536ebadbcd</t>
  </si>
  <si>
    <t>BU02000311</t>
  </si>
  <si>
    <t>Wernem</t>
  </si>
  <si>
    <t>2021BU02000311</t>
  </si>
  <si>
    <t>buurten.67da8fee-4d3c-449d-907a-c03b45510afb</t>
  </si>
  <si>
    <t>BU02000401</t>
  </si>
  <si>
    <t>Brummelhof</t>
  </si>
  <si>
    <t>WK020004</t>
  </si>
  <si>
    <t>2021BU02000401</t>
  </si>
  <si>
    <t>buurten.4da51942-cf5e-40e5-bab0-ac2b69e5c172</t>
  </si>
  <si>
    <t>Vogelkwartier</t>
  </si>
  <si>
    <t>BU02000402</t>
  </si>
  <si>
    <t>2021BU02000402</t>
  </si>
  <si>
    <t>buurten.e7da44fa-d82b-435e-b1a4-24643c85599b</t>
  </si>
  <si>
    <t>BU02000403</t>
  </si>
  <si>
    <t>Staatsliedenkwartier</t>
  </si>
  <si>
    <t>2021BU02000403</t>
  </si>
  <si>
    <t>buurten.9afd276d-bca7-4139-8e8f-543b7f771113</t>
  </si>
  <si>
    <t>haalbaarheidsstudie: potentie en haalbaarheid positief dan WUP</t>
  </si>
  <si>
    <t>aquathermie en restwarmte</t>
  </si>
  <si>
    <t>BU02000404</t>
  </si>
  <si>
    <t>Componistenkwartier</t>
  </si>
  <si>
    <t>2021BU02000404</t>
  </si>
  <si>
    <t>buurten.43978646-11ec-41de-8327-815eadae8890</t>
  </si>
  <si>
    <t>BU02000405</t>
  </si>
  <si>
    <t>Rivierenkwartier</t>
  </si>
  <si>
    <t>2021BU02000405</t>
  </si>
  <si>
    <t>buurten.1f9ed220-e7ac-4d8c-8915-2dc3cbf40a39</t>
  </si>
  <si>
    <t>BU02000406</t>
  </si>
  <si>
    <t>Malkenschoten</t>
  </si>
  <si>
    <t>2021BU02000406</t>
  </si>
  <si>
    <t>buurten.295289d7-34ae-4d2d-8da6-f27db3039dab</t>
  </si>
  <si>
    <t>BU02000407</t>
  </si>
  <si>
    <t>Kayersmolen-Noord</t>
  </si>
  <si>
    <t>2021BU02000407</t>
  </si>
  <si>
    <t>buurten.58da2be9-674a-4df9-b18d-60e8dcdd30fe</t>
  </si>
  <si>
    <t>BU02000408</t>
  </si>
  <si>
    <t>Kayersmolen-Midden</t>
  </si>
  <si>
    <t>2021BU02000408</t>
  </si>
  <si>
    <t>buurten.6f44a776-b4a3-476e-985f-3d52fb93bb4f</t>
  </si>
  <si>
    <t>BU02000409</t>
  </si>
  <si>
    <t>Kayersmolen-Zuid</t>
  </si>
  <si>
    <t>2021BU02000409</t>
  </si>
  <si>
    <t>buurten.fe20087a-fa7c-4539-9ca6-dd8c0db28566</t>
  </si>
  <si>
    <t>BU02000501</t>
  </si>
  <si>
    <t>Matendreef</t>
  </si>
  <si>
    <t>WK020005</t>
  </si>
  <si>
    <t>2021BU02000501</t>
  </si>
  <si>
    <t>buurten.c7bec1eb-9ff6-4e35-b080-a651c73c8abe</t>
  </si>
  <si>
    <t>betaalbaar houden en belang gebouweigenaren voorop, daarom koersen we bij voorkeur op een open warmtenet en een publiek warmte-infrabedrijf</t>
  </si>
  <si>
    <t>TEO (oppervlaktewater) + restwarmte (industrie)</t>
  </si>
  <si>
    <t>aquathermie (TEO) + restwarmte (industrie)</t>
  </si>
  <si>
    <t>BU02000502</t>
  </si>
  <si>
    <t>Matenhorst</t>
  </si>
  <si>
    <t>2021BU02000502</t>
  </si>
  <si>
    <t>buurten.92f22fba-6e71-48ac-a1e0-607aa9464343</t>
  </si>
  <si>
    <t>BU02000503</t>
  </si>
  <si>
    <t>Matendonk</t>
  </si>
  <si>
    <t>2021BU02000503</t>
  </si>
  <si>
    <t>buurten.13d7bd65-b7f4-4d5c-a124-1ec7bb724806</t>
  </si>
  <si>
    <t>BU02000504</t>
  </si>
  <si>
    <t>Matenhoeve</t>
  </si>
  <si>
    <t>2021BU02000504</t>
  </si>
  <si>
    <t>buurten.6a659c2c-36b7-4781-b487-b88a0628e4de</t>
  </si>
  <si>
    <t>PL0200010003</t>
  </si>
  <si>
    <t>voorkeursoptie, verkenning hele wijk middels wijkkompas om te bepalen welk deel van de wijk (welke buurten) warmtenet beste optie is.</t>
  </si>
  <si>
    <t>WUP  opstellen</t>
  </si>
  <si>
    <t>BU02000505</t>
  </si>
  <si>
    <t>Matenveld</t>
  </si>
  <si>
    <t>2021BU02000505</t>
  </si>
  <si>
    <t>buurten.5d470cad-cbbf-484b-909b-288a0bd70760</t>
  </si>
  <si>
    <t>BU02000506</t>
  </si>
  <si>
    <t>Matengaarde</t>
  </si>
  <si>
    <t>2021BU02000506</t>
  </si>
  <si>
    <t>buurten.95c02410-a750-4e73-9aca-f8709f9cedb1</t>
  </si>
  <si>
    <t>BU02000507</t>
  </si>
  <si>
    <t>Matenhoek</t>
  </si>
  <si>
    <t>2021BU02000507</t>
  </si>
  <si>
    <t>buurten.d30ab66e-4ca4-42ff-8def-df5c7bc79f2e</t>
  </si>
  <si>
    <t>BU02000508</t>
  </si>
  <si>
    <t>Kuipersveld</t>
  </si>
  <si>
    <t>2021BU02000508</t>
  </si>
  <si>
    <t>buurten.dcec2076-d140-44b1-8430-f6fbadca9b2f</t>
  </si>
  <si>
    <t>BU02000601</t>
  </si>
  <si>
    <t>WK020006</t>
  </si>
  <si>
    <t>2021BU02000601</t>
  </si>
  <si>
    <t>buurten.88dd75a8-7e2f-4b2d-999d-e0a3a644f20f</t>
  </si>
  <si>
    <t>BU02000602</t>
  </si>
  <si>
    <t>Osseveld-West</t>
  </si>
  <si>
    <t>2021BU02000602</t>
  </si>
  <si>
    <t>buurten.029b1465-7cf8-4382-aa93-f0b8be0241d2</t>
  </si>
  <si>
    <t>BU02000603</t>
  </si>
  <si>
    <t>Osseveld-Oost</t>
  </si>
  <si>
    <t>2021BU02000603</t>
  </si>
  <si>
    <t>buurten.21a53e6e-8351-4f26-b434-27cb565e346b</t>
  </si>
  <si>
    <t>BU02000604</t>
  </si>
  <si>
    <t>Woudhuis</t>
  </si>
  <si>
    <t>2021BU02000604</t>
  </si>
  <si>
    <t>buurten.97e716c1-7186-4b39-b9e0-68149dc495bf</t>
  </si>
  <si>
    <t>BU02000605</t>
  </si>
  <si>
    <t>Groot Zonnehoeve</t>
  </si>
  <si>
    <t>2021BU02000605</t>
  </si>
  <si>
    <t>buurten.e04b7e3c-6780-419c-b5f5-ba0d09d64fc1</t>
  </si>
  <si>
    <t>BU02000606</t>
  </si>
  <si>
    <t>De Voorwaarts</t>
  </si>
  <si>
    <t>2021BU02000606</t>
  </si>
  <si>
    <t>buurten.f66a6154-d6aa-443f-b80e-6a2e5cdde1d5</t>
  </si>
  <si>
    <t>BU02000607</t>
  </si>
  <si>
    <t>Bedrijvenpark Ecofactorij</t>
  </si>
  <si>
    <t>2021BU02000607</t>
  </si>
  <si>
    <t>buurten.3995df18-b31d-47d1-9211-25ea659d8fc8</t>
  </si>
  <si>
    <t>BU02000608</t>
  </si>
  <si>
    <t>Bedrijvenpark Oost</t>
  </si>
  <si>
    <t>2021BU02000608</t>
  </si>
  <si>
    <t>buurten.a9e51cce-8da0-40c7-9696-51a78e144428</t>
  </si>
  <si>
    <t>BU02000701</t>
  </si>
  <si>
    <t>Zevenhuizen</t>
  </si>
  <si>
    <t>WK020007</t>
  </si>
  <si>
    <t>2021BU02000701</t>
  </si>
  <si>
    <t>buurten.2595c1c8-83e0-4013-ab7d-2380593ab062</t>
  </si>
  <si>
    <t>BU02000702</t>
  </si>
  <si>
    <t>Sluisoord</t>
  </si>
  <si>
    <t>2021BU02000702</t>
  </si>
  <si>
    <t>buurten.9ae57eb6-6590-43b2-9f68-b26c24cd2dc2</t>
  </si>
  <si>
    <t>BU02000703</t>
  </si>
  <si>
    <t>De Mheen</t>
  </si>
  <si>
    <t>2021BU02000703</t>
  </si>
  <si>
    <t>buurten.43912c4d-1641-40f1-b122-e589e0a9f8d2</t>
  </si>
  <si>
    <t>BU02000704</t>
  </si>
  <si>
    <t>Anklaar</t>
  </si>
  <si>
    <t>2021BU02000704</t>
  </si>
  <si>
    <t>buurten.c8d02cdc-1771-4ae6-b70a-4ab7801e7b9b</t>
  </si>
  <si>
    <t>Sprenkelaar</t>
  </si>
  <si>
    <t>BU02000705</t>
  </si>
  <si>
    <t>2021BU02000705</t>
  </si>
  <si>
    <t>buurten.336cb898-5435-428f-8325-47caefda17b6</t>
  </si>
  <si>
    <t>BU02000706</t>
  </si>
  <si>
    <t>Bedrijvenpark Apeldoorn Noord</t>
  </si>
  <si>
    <t>2021BU02000706</t>
  </si>
  <si>
    <t>buurten.ac8a876d-27b7-40b5-a2ce-d93a268389ad</t>
  </si>
  <si>
    <t>Kerschoten</t>
  </si>
  <si>
    <t>voor 2021</t>
  </si>
  <si>
    <t>BU02000707</t>
  </si>
  <si>
    <t>Sleutelbloem</t>
  </si>
  <si>
    <t>2021BU02000707</t>
  </si>
  <si>
    <t>buurten.98aa480d-2731-4527-8966-afa32532bee5</t>
  </si>
  <si>
    <t>BU02000708</t>
  </si>
  <si>
    <t>Zuidbroek - Mozaïek &amp; Rooster</t>
  </si>
  <si>
    <t>2021BU02000708</t>
  </si>
  <si>
    <t>buurten.cd21d007-d372-45eb-9f34-d6de0e77fb18</t>
  </si>
  <si>
    <t>BU02000709</t>
  </si>
  <si>
    <t>Zuidbroek - De Wellen</t>
  </si>
  <si>
    <t>2021BU02000709</t>
  </si>
  <si>
    <t>buurten.bee3aa45-b24c-4460-9335-5bf1e0d95945</t>
  </si>
  <si>
    <t>BU02000801</t>
  </si>
  <si>
    <t>De Parken</t>
  </si>
  <si>
    <t>WK020008</t>
  </si>
  <si>
    <t>2021BU02000801</t>
  </si>
  <si>
    <t>buurten.e17f3929-333f-48aa-8b1b-fbc8c48ed9e6</t>
  </si>
  <si>
    <t>BU02000802</t>
  </si>
  <si>
    <t>Spainkbos</t>
  </si>
  <si>
    <t>2021BU02000802</t>
  </si>
  <si>
    <t>buurten.9e3d21ec-b776-4a7a-8340-953f8e50b5f6</t>
  </si>
  <si>
    <t>BU02000803</t>
  </si>
  <si>
    <t>Loolaan-Noord</t>
  </si>
  <si>
    <t>2021BU02000803</t>
  </si>
  <si>
    <t>buurten.ee25041a-c185-4885-90ba-86af17e116ba</t>
  </si>
  <si>
    <t>BU02000804</t>
  </si>
  <si>
    <t>Het Loo</t>
  </si>
  <si>
    <t>2021BU02000804</t>
  </si>
  <si>
    <t>buurten.47a5c1bd-2eb2-4ab0-88db-6590f6ce7a40</t>
  </si>
  <si>
    <t>BU02000805</t>
  </si>
  <si>
    <t>Kerschoten-West</t>
  </si>
  <si>
    <t>2021BU02000805</t>
  </si>
  <si>
    <t>buurten.f1a6fa5e-8d08-468f-80f5-b1d4d04449b8</t>
  </si>
  <si>
    <t>voorkerusoptie</t>
  </si>
  <si>
    <t>BU02000806</t>
  </si>
  <si>
    <t>2021BU02000806</t>
  </si>
  <si>
    <t>buurten.b9544f12-d4f6-44d2-8c81-70dcd49575e5</t>
  </si>
  <si>
    <t>BU02000807</t>
  </si>
  <si>
    <t>Paleispark</t>
  </si>
  <si>
    <t>2021BU02000807</t>
  </si>
  <si>
    <t>buurten.12a37acb-bc3c-46f1-998d-e3c2e0b69be1</t>
  </si>
  <si>
    <t>BU02000808</t>
  </si>
  <si>
    <t>Stadhoudersmolen</t>
  </si>
  <si>
    <t>2021BU02000808</t>
  </si>
  <si>
    <t>buurten.b58382d6-26fb-4157-9ea4-9ccc5a0a483d</t>
  </si>
  <si>
    <t>BU02000809</t>
  </si>
  <si>
    <t>Hommelbrink</t>
  </si>
  <si>
    <t>2021BU02000809</t>
  </si>
  <si>
    <t>buurten.1f778393-e053-4d22-a614-fbb53703e4d0</t>
  </si>
  <si>
    <t>BU02001001</t>
  </si>
  <si>
    <t>Uddel</t>
  </si>
  <si>
    <t>WK020010</t>
  </si>
  <si>
    <t>2021BU02001001</t>
  </si>
  <si>
    <t>buurten.a4ab2a04-8a95-4618-be1b-6ba2d7331676</t>
  </si>
  <si>
    <t>BU02001002</t>
  </si>
  <si>
    <t>Agrarisch gebied Uddel</t>
  </si>
  <si>
    <t>2021BU02001002</t>
  </si>
  <si>
    <t>buurten.8584d2b7-caeb-44ec-b52d-fc47d49166c7</t>
  </si>
  <si>
    <t>BU02001003</t>
  </si>
  <si>
    <t>Bosgebied Meerveld</t>
  </si>
  <si>
    <t>2021BU02001003</t>
  </si>
  <si>
    <t>buurten.2f53d5cb-7e33-4ad4-8b18-53d3ec91e32a</t>
  </si>
  <si>
    <t>aardgasvrij in 2050, 20% aardgasvrij in 2030</t>
  </si>
  <si>
    <t>Warmtevisie Barneveld versie 1.0</t>
  </si>
  <si>
    <t>Streven naar de laagste totale kosten voor de warmteoplossing en daarmee ook de laagste kosten voor bewoners en bedrijven;Iedereen moet mee kunnen;Inspelen op logische momenten Energiebesparing Zorgen voor een zorgvuldig proces dat inclusief en transpara</t>
  </si>
  <si>
    <t>Het doel is om rond 2030 ongeveer 20% van de gebouwen in onze gemeente aardgasvrij te verwarmen</t>
  </si>
  <si>
    <t>https://barneveld.bestuurlijkeinformatie.nleports/Item/a1bff017-39d1-496c-987e-722b673aa5e1</t>
  </si>
  <si>
    <t>In concept (afwachtend). Natuurlijke momenten zoveel mogelijk benutten. De gemeente zoekt de komende jaren de samenwerking met lokale partners.</t>
  </si>
  <si>
    <t>BU02001004</t>
  </si>
  <si>
    <t>Bosgebied Nieuw Milligen</t>
  </si>
  <si>
    <t>2021BU02001004</t>
  </si>
  <si>
    <t>buurten.9b10a2c0-1da0-4750-8f03-f86fa44554a3</t>
  </si>
  <si>
    <t>GM0203</t>
  </si>
  <si>
    <t>Barneveld</t>
  </si>
  <si>
    <t>DC020301</t>
  </si>
  <si>
    <t>2021-11-28</t>
  </si>
  <si>
    <t>Om aan de klimaatdoelstelling te voldoen is energie besparen een belangrijke eerste stap. Daarom is het belangrijk om huizen en andere gebouwen beter te isoleren</t>
  </si>
  <si>
    <t>PL0203010045</t>
  </si>
  <si>
    <t>BU02001101</t>
  </si>
  <si>
    <t>Orderbos</t>
  </si>
  <si>
    <t>WK020011</t>
  </si>
  <si>
    <t>2021BU02001101</t>
  </si>
  <si>
    <t>buurten.61a67cdd-c6fa-4020-966f-8d2d3ca1b097</t>
  </si>
  <si>
    <t>BU02001102</t>
  </si>
  <si>
    <t>Hoog Soeren</t>
  </si>
  <si>
    <t>2021BU02001102</t>
  </si>
  <si>
    <t>buurten.7287c9b9-a097-4812-b086-2f02aff3124b</t>
  </si>
  <si>
    <t>BU02001103</t>
  </si>
  <si>
    <t>Bosgebied Hoog Soeren</t>
  </si>
  <si>
    <t>2021BU02001103</t>
  </si>
  <si>
    <t>buurten.cca6be10-0a20-4fc6-b2e5-176cb4bd7104</t>
  </si>
  <si>
    <t>BU02001104</t>
  </si>
  <si>
    <t>Bosgebied Hoog Buurloo</t>
  </si>
  <si>
    <t>2021BU02001104</t>
  </si>
  <si>
    <t>buurten.635e5cdd-6832-4681-93c2-e37ed097c73b</t>
  </si>
  <si>
    <t>BU02001201</t>
  </si>
  <si>
    <t>Hoenderloo</t>
  </si>
  <si>
    <t>WK020012</t>
  </si>
  <si>
    <t>2021BU02001201</t>
  </si>
  <si>
    <t>buurten.34d0b943-33c2-48d7-a096-bc229e2a98f0</t>
  </si>
  <si>
    <t>BU02001202</t>
  </si>
  <si>
    <t>Bosgebied Ugchelen</t>
  </si>
  <si>
    <t>2021BU02001202</t>
  </si>
  <si>
    <t>buurten.e7c1b053-575f-4966-9858-355cfea6e517</t>
  </si>
  <si>
    <t>BU02001203</t>
  </si>
  <si>
    <t>Bosgebied Hoenderloo</t>
  </si>
  <si>
    <t>2021BU02001203</t>
  </si>
  <si>
    <t>buurten.04f7602c-082d-42ce-b474-e6adbdbe1549</t>
  </si>
  <si>
    <t>BU02001204</t>
  </si>
  <si>
    <t>Miggelenberg</t>
  </si>
  <si>
    <t>2021BU02001204</t>
  </si>
  <si>
    <t>buurten.059f586b-6ac1-4962-b82e-d44c1d7ae88e</t>
  </si>
  <si>
    <t>BU02001301</t>
  </si>
  <si>
    <t>Het Goreld</t>
  </si>
  <si>
    <t>WK020013</t>
  </si>
  <si>
    <t>2021BU02001301</t>
  </si>
  <si>
    <t>buurten.7300af0d-2268-4159-a9f7-1003488690a0</t>
  </si>
  <si>
    <t>GM0213</t>
  </si>
  <si>
    <t>Brummen</t>
  </si>
  <si>
    <t>energieneutraal in 2030,  aardgasvrij in 2050</t>
  </si>
  <si>
    <t>DC021301</t>
  </si>
  <si>
    <t>Transitievisie Warmte gemeente Brummen: de eerste stappen richting duurzame warmte in de gebouwde omgeving van gemeente Brummen</t>
  </si>
  <si>
    <t>2021-09-28</t>
  </si>
  <si>
    <t>Voorwaarden:, De warmtetransitie in Brummen is voor iedereen betaalbaar, Een zorgvuldig proces en betrouwbare alternatieven, Inwoners en ondernemers van gemeente Brummen krijgen belangrijke rol in de uitvoering, Er wordt gestreefd naar win-win situaties</t>
  </si>
  <si>
    <t>Deze TVW heeft een aantal generieke doelen.1 Duidelijkheid scheppen richting belanghebbenden over het proces van de warmtetransitie en de keuzes die er gemaakt moeten worden.2 De omvang van de opgave en de belangrijkste uitgangspunten en voorwaarden bete</t>
  </si>
  <si>
    <t>https://www.brummen.nl/fileadmin/brummen/Documenten/Definitief_Transitievisie_Warmte_gemeente_Brummen_1_december_2021.pdf</t>
  </si>
  <si>
    <t>PL0213010002</t>
  </si>
  <si>
    <t>Gemeentebreed energie besparen</t>
  </si>
  <si>
    <t>Energievraag terugdringen</t>
  </si>
  <si>
    <t>BU02001302</t>
  </si>
  <si>
    <t>Loenen</t>
  </si>
  <si>
    <t>2021BU02001302</t>
  </si>
  <si>
    <t>buurten.66c3de33-38ad-4296-b29f-c1f490a03cf7</t>
  </si>
  <si>
    <t>PL0200010004</t>
  </si>
  <si>
    <t>voorkeursoptie (Startbuurt: Voorkeursoptie, verkennend mogelijke bron iom Provincie Gelderland / Brummen / Eerbeek)</t>
  </si>
  <si>
    <t>in geval van warmtenet: betaalbaar houden en belang gebouweigenaren voorop, daarom koersen we bij voorkeur op een open warmtenet en een publiek warmte-infrabedrijf</t>
  </si>
  <si>
    <t>verkennen mogelijke warmtebronnen, daarna WUP opstellen</t>
  </si>
  <si>
    <t>Mogelijke oplossingsrichting hybride warmtepomp met gas, eventueel in combinatie met warmtenet met restwarmte</t>
  </si>
  <si>
    <t>gas en/of restwarmte</t>
  </si>
  <si>
    <t>BU02001303</t>
  </si>
  <si>
    <t>Bosgebied Loenen</t>
  </si>
  <si>
    <t>2021BU02001303</t>
  </si>
  <si>
    <t>buurten.145a9b7d-8546-4a33-b989-b269d2e1c11d</t>
  </si>
  <si>
    <t>GM0277</t>
  </si>
  <si>
    <t>Rozendaal</t>
  </si>
  <si>
    <t>DC027701</t>
  </si>
  <si>
    <t>Transitievisie warmte Rozendaal</t>
  </si>
  <si>
    <t>betaalbaarheid, schone bronnen, leveringszekerheid, veiligheid, ruimte voor experimenteren</t>
  </si>
  <si>
    <t>voornamelijk tijdens bestaande werkzaamheden, veel maatschappelijke participatie, veel isoleren, lokale kennis toepassen</t>
  </si>
  <si>
    <t>https://rozendaal.bestuurlijkeinformatie.nl/Agenda/Document/5d8da200-ef9f-49e9-88e8-0564f160ae65?documentId=1a299836-41bc-4dd5-80d1-4cd1abd9832a&amp;agendaItemId=f04ba7ba-1886-4a27-b322-a73dd21eff8c</t>
  </si>
  <si>
    <t>PL0277010003</t>
  </si>
  <si>
    <t>Vrijstaande bebouwing</t>
  </si>
  <si>
    <t>maatwerk vereist, monumentale panden moeten bewaard blijven</t>
  </si>
  <si>
    <t>BU02001401</t>
  </si>
  <si>
    <t>Beekbergen</t>
  </si>
  <si>
    <t>WK020014</t>
  </si>
  <si>
    <t>2021BU02001401</t>
  </si>
  <si>
    <t>buurten.926fb275-dedc-4d1c-884d-8ccfcc022299</t>
  </si>
  <si>
    <t>BU02001402</t>
  </si>
  <si>
    <t>Bosgebied Beekbergen-West</t>
  </si>
  <si>
    <t>2021BU02001402</t>
  </si>
  <si>
    <t>buurten.151e57ff-3c30-4113-84df-6654b334f1ee</t>
  </si>
  <si>
    <t>BU02001403</t>
  </si>
  <si>
    <t>Agrarisch gebied Beekbergen</t>
  </si>
  <si>
    <t>2021BU02001403</t>
  </si>
  <si>
    <t>buurten.7ea3c2ac-5f00-4a8d-9e8b-28a07b5b0558</t>
  </si>
  <si>
    <t>BU02001404</t>
  </si>
  <si>
    <t>Bosgebied Beekbergen-Zuid</t>
  </si>
  <si>
    <t>2021BU02001404</t>
  </si>
  <si>
    <t>buurten.63a94c7e-580c-44fe-b0c3-5fd9fb91fbc8</t>
  </si>
  <si>
    <t>BU02001501</t>
  </si>
  <si>
    <t>Lieren</t>
  </si>
  <si>
    <t>WK020015</t>
  </si>
  <si>
    <t>2021BU02001501</t>
  </si>
  <si>
    <t>buurten.e987341e-2615-492a-b229-f661a8c90597</t>
  </si>
  <si>
    <t>BU02001502</t>
  </si>
  <si>
    <t>Agrarisch gebied Lieren-Oosterhuizen</t>
  </si>
  <si>
    <t>2021BU02001502</t>
  </si>
  <si>
    <t>buurten.3a7cb064-8774-4bf0-84c8-a1d215e0f475</t>
  </si>
  <si>
    <t>BU02001503</t>
  </si>
  <si>
    <t>Bosgebied Oosterhuizen</t>
  </si>
  <si>
    <t>2021BU02001503</t>
  </si>
  <si>
    <t>buurten.996c4243-c062-4329-9fb7-94b52b62569c</t>
  </si>
  <si>
    <t>BU02001601</t>
  </si>
  <si>
    <t>Wolthuis</t>
  </si>
  <si>
    <t>WK020016</t>
  </si>
  <si>
    <t>2021BU02001601</t>
  </si>
  <si>
    <t>buurten.54893a19-6030-40ff-9022-3c527897b44d</t>
  </si>
  <si>
    <t>BU02001602</t>
  </si>
  <si>
    <t>Klarenbeek</t>
  </si>
  <si>
    <t>2021BU02001602</t>
  </si>
  <si>
    <t>buurten.8d9b8c4f-8c5c-47e1-a488-780959095d48</t>
  </si>
  <si>
    <t>BU02001603</t>
  </si>
  <si>
    <t>2021BU02001603</t>
  </si>
  <si>
    <t>buurten.c870854e-85fa-4662-948c-8f14742aadfd</t>
  </si>
  <si>
    <t>BU02001604</t>
  </si>
  <si>
    <t>De Hooilanden-Oosterhuizen</t>
  </si>
  <si>
    <t>2021BU02001604</t>
  </si>
  <si>
    <t>buurten.7ececa86-5bfc-4c33-8e6f-272b30e1fb27</t>
  </si>
  <si>
    <t>BU02001701</t>
  </si>
  <si>
    <t>Wenum</t>
  </si>
  <si>
    <t>WK020017</t>
  </si>
  <si>
    <t>2021BU02001701</t>
  </si>
  <si>
    <t>buurten.ef55df0d-9ec4-49e6-9642-36df4f04f379</t>
  </si>
  <si>
    <t>BU02001702</t>
  </si>
  <si>
    <t>Beemte</t>
  </si>
  <si>
    <t>2021BU02001702</t>
  </si>
  <si>
    <t>buurten.518ff4ee-2808-42fa-a1c2-5af7da3c05f6</t>
  </si>
  <si>
    <t>BU02001703</t>
  </si>
  <si>
    <t>Bosgebied Wiesel</t>
  </si>
  <si>
    <t>2021BU02001703</t>
  </si>
  <si>
    <t>buurten.566479fc-5c20-4166-898f-9aa00c29d668</t>
  </si>
  <si>
    <t>BU02001704</t>
  </si>
  <si>
    <t>Agrarisch gebied Wiesel</t>
  </si>
  <si>
    <t>2021BU02001704</t>
  </si>
  <si>
    <t>buurten.212887da-ba3b-40c5-89fa-c8d4913600ef</t>
  </si>
  <si>
    <t>BU02001705</t>
  </si>
  <si>
    <t>Agrarisch gebied Wenum</t>
  </si>
  <si>
    <t>2021BU02001705</t>
  </si>
  <si>
    <t>buurten.c7811a65-d2b1-4cd3-9dce-33e8881168a7</t>
  </si>
  <si>
    <t>BU02001706</t>
  </si>
  <si>
    <t>Agrarisch gebied Beemte Broekland</t>
  </si>
  <si>
    <t>2021BU02001706</t>
  </si>
  <si>
    <t>buurten.ea7e827e-6a25-4df8-a4c4-9e02a8a6db77</t>
  </si>
  <si>
    <t>BU02020100</t>
  </si>
  <si>
    <t>Markt</t>
  </si>
  <si>
    <t>WK020201</t>
  </si>
  <si>
    <t>GM0202</t>
  </si>
  <si>
    <t>Arnhem</t>
  </si>
  <si>
    <t>2021BU02020100</t>
  </si>
  <si>
    <t>buurten.6b7ede8d-b527-4b0c-9c39-633876163bd3</t>
  </si>
  <si>
    <t>DC020201</t>
  </si>
  <si>
    <t>Transitievisie warmte gemeente Arnhem</t>
  </si>
  <si>
    <t>rekening houden met alle betrokkenen o.l.v. de gemeente, betaalbaar, energietransitie mag niet leiden naar meer energiearmoede.</t>
  </si>
  <si>
    <t>verbeteren van de leefomgeving en kansen voor plaatselijke economie</t>
  </si>
  <si>
    <t>https://ris2.ibabs.eu/Agenda/Details/Arnhem/e7a39a42-82df-418d-8a64-bb916ed42f3b</t>
  </si>
  <si>
    <t>PL0202010004</t>
  </si>
  <si>
    <t>Hoge bebouwingsdichtheid</t>
  </si>
  <si>
    <t>berekening is opgesteld</t>
  </si>
  <si>
    <t>Type buurt is buurten met hogere bebouwingsdichtheid</t>
  </si>
  <si>
    <t>BU02020101</t>
  </si>
  <si>
    <t>Weverstraat</t>
  </si>
  <si>
    <t>2021BU02020101</t>
  </si>
  <si>
    <t>buurten.ba383a73-f6c4-4fae-a1c9-4d7d5b37e9b7</t>
  </si>
  <si>
    <t>PL0202010003</t>
  </si>
  <si>
    <t>Minder dichtbevolkte wijken</t>
  </si>
  <si>
    <t>Type buurt is buurt waarin woningen en gebouwen verder uit elkaar liggen</t>
  </si>
  <si>
    <t>BU02020102</t>
  </si>
  <si>
    <t>Rijnstraat</t>
  </si>
  <si>
    <t>2021BU02020102</t>
  </si>
  <si>
    <t>buurten.9a2cb7c9-f8de-4b04-b75a-882a3631874e</t>
  </si>
  <si>
    <t>PL0202010005</t>
  </si>
  <si>
    <t>Verschil in kosten klein</t>
  </si>
  <si>
    <t>Type buurt is buurt waarvoor het verschil in kosten tussen warmtenet + all-electric klein is</t>
  </si>
  <si>
    <t>BU02020103</t>
  </si>
  <si>
    <t>Janssingel</t>
  </si>
  <si>
    <t>2021BU02020103</t>
  </si>
  <si>
    <t>buurten.b476b834-6026-42a0-967c-034ed02a11cc</t>
  </si>
  <si>
    <t>BU02020104</t>
  </si>
  <si>
    <t>2021BU02020104</t>
  </si>
  <si>
    <t>buurten.0caf22bf-557a-4424-8fcc-5b212dd4e281</t>
  </si>
  <si>
    <t>BU02020170</t>
  </si>
  <si>
    <t>Utrechtsestraat</t>
  </si>
  <si>
    <t>2021BU02020170</t>
  </si>
  <si>
    <t>buurten.e15d9885-34aa-41f3-a1ee-e91d2ec14ec5</t>
  </si>
  <si>
    <t>BU02020210</t>
  </si>
  <si>
    <t>Hommelstraat</t>
  </si>
  <si>
    <t>WK020202</t>
  </si>
  <si>
    <t>2021BU02020210</t>
  </si>
  <si>
    <t>buurten.f770412b-4b70-4cb1-b430-daaefaaf99c4</t>
  </si>
  <si>
    <t>BU02020211</t>
  </si>
  <si>
    <t>Spijkerbuurt</t>
  </si>
  <si>
    <t>2021BU02020211</t>
  </si>
  <si>
    <t>buurten.81620639-8412-467b-9dfc-3b9f3991aec5</t>
  </si>
  <si>
    <t>BU02020212</t>
  </si>
  <si>
    <t>Boulevardwijk</t>
  </si>
  <si>
    <t>2021BU02020212</t>
  </si>
  <si>
    <t>buurten.996f3af3-bbae-4252-818f-7b195ff0b1d2</t>
  </si>
  <si>
    <t>PL0202010006</t>
  </si>
  <si>
    <t>BU02020314</t>
  </si>
  <si>
    <t>Statenkwartier</t>
  </si>
  <si>
    <t>WK020203</t>
  </si>
  <si>
    <t>2021BU02020314</t>
  </si>
  <si>
    <t>buurten.4248b3ba-0592-4eb7-a1be-1ea7e00fa14d</t>
  </si>
  <si>
    <t>PL0202010001</t>
  </si>
  <si>
    <t>Bestaand warmtenet aanwezig</t>
  </si>
  <si>
    <t>Warmtenet (mogelijk, deels)</t>
  </si>
  <si>
    <t>BU02020320</t>
  </si>
  <si>
    <t>Arnhemse Broek</t>
  </si>
  <si>
    <t>2021BU02020320</t>
  </si>
  <si>
    <t>buurten.aa1347cf-e566-4fb1-a161-a37c3ed793e3</t>
  </si>
  <si>
    <t>BU02020321</t>
  </si>
  <si>
    <t>Van Verschuerbuurt</t>
  </si>
  <si>
    <t>2021BU02020321</t>
  </si>
  <si>
    <t>buurten.f1e864bd-756e-402d-ad87-03168a06fbef</t>
  </si>
  <si>
    <t>BU02020322</t>
  </si>
  <si>
    <t>2021BU02020322</t>
  </si>
  <si>
    <t>buurten.7b4c71f8-61ef-444d-860a-5b0ae9ea46d0</t>
  </si>
  <si>
    <t>GM1705</t>
  </si>
  <si>
    <t>Westervoort</t>
  </si>
  <si>
    <t>DC170501</t>
  </si>
  <si>
    <t>Samen bouwen aan aardgasvrij in Lingewaard; Transitievisie warmte</t>
  </si>
  <si>
    <t>2021-02-10</t>
  </si>
  <si>
    <t>De gebouwen en de infrastructuur moeten aangepast worden en er zijn duurzame energiebronnen nodig. Om dat te realiseren zijn grote investeringen nodig door professionele partijen zoals de woningcorporaties en de netbeheerder. De transitie vraagt om nieuw</t>
  </si>
  <si>
    <t>De gemeente heeft een regierol binnen de warmtetransitie. Samenwerking met andere overheden en overheids-gelieerde organisaties, betrokken organisatie en samenwerking met individuele inwoners en bedrijven is van belang. Startkansen binnen de gemeente zul</t>
  </si>
  <si>
    <t>In 2050 willen we Lingewaard  aardgasvrij kunnen verwarmen, met als tussenstap 20% van de gemeente aardgasvrij in 2030. Doelen voor 2030:, Er zijn 4.000 woningequivalenten aangesloten op een warmtenet (20%) , We voeden dit warmtenet voor 80% met duurzam</t>
  </si>
  <si>
    <t>https://regionaalenergieloket.nl/indebuurt/projecten/westervoort-tvw-in-de-buurt-projecten-westervoort</t>
  </si>
  <si>
    <t>https://www.lingewaard.nl/_flysystem/mediaransitievisie-lingewaard-definitief.pdf</t>
  </si>
  <si>
    <t>PL1705010001</t>
  </si>
  <si>
    <t>In concept (afwachtend). Voor deze gebieden liggen individuele warmteoplossingen per gebouw voor de hand. De gemeente wil bewoners en ondernemers hier zo lang mogelijk de tijd voor geven en kiest daarom voor een natuurlijk tempo: niet het hele gebied teg</t>
  </si>
  <si>
    <t>voorsorterend. Individuele oplossingen</t>
  </si>
  <si>
    <t>Elektra, gas en omgevingswarmte</t>
  </si>
  <si>
    <t>BU02020338</t>
  </si>
  <si>
    <t>Bij de John Frostbrug</t>
  </si>
  <si>
    <t>2021BU02020338</t>
  </si>
  <si>
    <t>buurten.ca15fc64-c5ef-42f6-89cc-7ad3db7203b0</t>
  </si>
  <si>
    <t>BU02020339</t>
  </si>
  <si>
    <t>Nieuwe Kadekwartier</t>
  </si>
  <si>
    <t>2021BU02020339</t>
  </si>
  <si>
    <t>buurten.0932e527-3284-4fb5-9de3-8d8274822404</t>
  </si>
  <si>
    <t>BU02020423</t>
  </si>
  <si>
    <t>Presikhaaf I</t>
  </si>
  <si>
    <t>WK020204</t>
  </si>
  <si>
    <t>2021BU02020423</t>
  </si>
  <si>
    <t>buurten.6f5d4c7c-dad3-4e84-9d7c-16f8c4493cdb</t>
  </si>
  <si>
    <t>de wijk moet een bestaand warmtenet hebben</t>
  </si>
  <si>
    <t>BU02020424</t>
  </si>
  <si>
    <t>Presikhaaf II</t>
  </si>
  <si>
    <t>2021BU02020424</t>
  </si>
  <si>
    <t>buurten.51172e25-6c0e-4d7c-ad04-385b80f051c3</t>
  </si>
  <si>
    <t>BU02020425</t>
  </si>
  <si>
    <t>Presikhaaf III</t>
  </si>
  <si>
    <t>2021BU02020425</t>
  </si>
  <si>
    <t>buurten.708a6351-9437-4fea-9f26-c749a355f523</t>
  </si>
  <si>
    <t>BU02020526</t>
  </si>
  <si>
    <t>Over het Lange Water</t>
  </si>
  <si>
    <t>WK020205</t>
  </si>
  <si>
    <t>2021BU02020526</t>
  </si>
  <si>
    <t>buurten.aba04549-a35e-4ed8-9286-d8e43a0a4d6b</t>
  </si>
  <si>
    <t>BU02020527</t>
  </si>
  <si>
    <t>Elsweide</t>
  </si>
  <si>
    <t>2021BU02020527</t>
  </si>
  <si>
    <t>buurten.235c836e-963a-45e2-bf24-a1f08f285675</t>
  </si>
  <si>
    <t>GM0275</t>
  </si>
  <si>
    <t>Rheden</t>
  </si>
  <si>
    <t>energieneutraal en CO2-neutraal in 2040</t>
  </si>
  <si>
    <t>DC027501</t>
  </si>
  <si>
    <t>Transitievisie Warme gemeente Rheden</t>
  </si>
  <si>
    <t>2021-03-18</t>
  </si>
  <si>
    <t>haalbaar, betaalbaar en zo logisch mogelijk</t>
  </si>
  <si>
    <t>participatietraject met informeren, activeren, ontwerpen en interactieve bijeenkomsten voor inwoners</t>
  </si>
  <si>
    <t>10000 woningen aardagsvrij of 11289000 m3 aardgas besparen</t>
  </si>
  <si>
    <t>https://rheden.bestuurlijkeinformatie.nl/Reports/Item/a815105d-fd71-42ba-a02c-7af592c04750</t>
  </si>
  <si>
    <t>PL0275010004</t>
  </si>
  <si>
    <t>Inwoners inlichten over voordelen isoleren</t>
  </si>
  <si>
    <t>BU02020528</t>
  </si>
  <si>
    <t>Winkelcentrum</t>
  </si>
  <si>
    <t>2021BU02020528</t>
  </si>
  <si>
    <t>buurten.c7d81238-8787-4b4f-8e93-1525a71b31c3</t>
  </si>
  <si>
    <t>BU02020529</t>
  </si>
  <si>
    <t>Ijsseloord</t>
  </si>
  <si>
    <t>2021BU02020529</t>
  </si>
  <si>
    <t>buurten.d016f20b-a82b-4dae-83f6-a22d1366dd08</t>
  </si>
  <si>
    <t>GM0293</t>
  </si>
  <si>
    <t>DC029301</t>
  </si>
  <si>
    <t>a. Laagste totale nationale kosten en laagste kosten voor bewoners en bedrijvenb. Iedereen moet mee kunnen in de warmtetransitiec. Natuurlijke momenten benuttend. Inzetten op besparing (primaire energie &amp; CO2-uitstoot)e. Zorgvuldig en transparant proces</t>
  </si>
  <si>
    <t>Dit is de start van een proces om de gemeente Westervoort wijk voor wijk aardgasvrij te maken. We selecteren in deze transitievisie een transitiewijk waarin we met bewoners stappen gaan zetten om substantieel minder aardgas te verbruiken en leren van de</t>
  </si>
  <si>
    <t>PL0293010007</t>
  </si>
  <si>
    <t>BU02020630</t>
  </si>
  <si>
    <t>St. Marten</t>
  </si>
  <si>
    <t>WK020206</t>
  </si>
  <si>
    <t>2021BU02020630</t>
  </si>
  <si>
    <t>buurten.98718d76-ed93-4186-b4b8-c7bd8b976f56</t>
  </si>
  <si>
    <t>BU02020631</t>
  </si>
  <si>
    <t>Graaf Ottoplein e.o.</t>
  </si>
  <si>
    <t>2021BU02020631</t>
  </si>
  <si>
    <t>buurten.d1f952ca-095b-4b45-92c2-3aca604a7f16</t>
  </si>
  <si>
    <t>BU02020650</t>
  </si>
  <si>
    <t>Sonsbeek-Noord</t>
  </si>
  <si>
    <t>2021BU02020650</t>
  </si>
  <si>
    <t>buurten.b16a3a7a-684d-4712-9b32-d7ec6f35c8be</t>
  </si>
  <si>
    <t>BU02020732</t>
  </si>
  <si>
    <t>Klarendal-Zuid</t>
  </si>
  <si>
    <t>WK020207</t>
  </si>
  <si>
    <t>2021BU02020732</t>
  </si>
  <si>
    <t>buurten.063af605-4ca6-405e-883e-367c7a3c9888</t>
  </si>
  <si>
    <t>BU02020733</t>
  </si>
  <si>
    <t>Klarendal-Noord</t>
  </si>
  <si>
    <t>2021BU02020733</t>
  </si>
  <si>
    <t>buurten.baa9eb4d-f553-42ee-87bc-253c9cbdc0b0</t>
  </si>
  <si>
    <t>BU02020734</t>
  </si>
  <si>
    <t>Onder de Linden</t>
  </si>
  <si>
    <t>2021BU02020734</t>
  </si>
  <si>
    <t>buurten.2c4b8198-9b14-4f42-a147-5acee42166f4</t>
  </si>
  <si>
    <t>BU02020735</t>
  </si>
  <si>
    <t>St. Janskerkstraat e.o.</t>
  </si>
  <si>
    <t>2021BU02020735</t>
  </si>
  <si>
    <t>buurten.ae77c985-bd02-4a5a-87ee-48c7ce260c21</t>
  </si>
  <si>
    <t>BU02020840</t>
  </si>
  <si>
    <t>Velperweg-Noord</t>
  </si>
  <si>
    <t>WK020208</t>
  </si>
  <si>
    <t>2021BU02020840</t>
  </si>
  <si>
    <t>buurten.b65288c5-f2cd-47a9-9f76-383a7e0a3eaf</t>
  </si>
  <si>
    <t>BU02020841</t>
  </si>
  <si>
    <t>Molenbeke</t>
  </si>
  <si>
    <t>2021BU02020841</t>
  </si>
  <si>
    <t>buurten.2595482a-e373-4d0b-a252-82b79a9dd781</t>
  </si>
  <si>
    <t>BU02020842</t>
  </si>
  <si>
    <t>Terrein ENKA</t>
  </si>
  <si>
    <t>2021BU02020842</t>
  </si>
  <si>
    <t>buurten.fc331c24-40fa-4edb-a2e2-bf7d8e3be075</t>
  </si>
  <si>
    <t>PL0202010007</t>
  </si>
  <si>
    <t>financiering onrendabele top</t>
  </si>
  <si>
    <t>BU02020843</t>
  </si>
  <si>
    <t>Plattenburg</t>
  </si>
  <si>
    <t>2021BU02020843</t>
  </si>
  <si>
    <t>buurten.50fd123f-7999-485e-ad07-e65e787b1eb9</t>
  </si>
  <si>
    <t>BU02020844</t>
  </si>
  <si>
    <t>Angerenstein</t>
  </si>
  <si>
    <t>2021BU02020844</t>
  </si>
  <si>
    <t>buurten.530e597b-0014-473b-af27-8cf355831132</t>
  </si>
  <si>
    <t>PL0202010002</t>
  </si>
  <si>
    <t>Kronenberg, Elderveld-Noord, Hoogkamp, Plattenburg</t>
  </si>
  <si>
    <t>BU02020845</t>
  </si>
  <si>
    <t>Paasberg</t>
  </si>
  <si>
    <t>2021BU02020845</t>
  </si>
  <si>
    <t>buurten.e47c6a53-3c95-492a-80e6-88d80bca579c</t>
  </si>
  <si>
    <t>In samenwerking met de inwoners en betrokken partners</t>
  </si>
  <si>
    <t>Basisniveau</t>
  </si>
  <si>
    <t>LT/MT warmte: zonthermie en/of asfaltthermie en/of bestaande warmtenet uitbreiden en/of aquathermie (TEO) en/of restwarmte (AVI)</t>
  </si>
  <si>
    <t>BU02020951</t>
  </si>
  <si>
    <t>Hazegrietje</t>
  </si>
  <si>
    <t>WK020209</t>
  </si>
  <si>
    <t>2021BU02020951</t>
  </si>
  <si>
    <t>buurten.a66974b2-6a39-4d62-9084-f55705df8d10</t>
  </si>
  <si>
    <t>BU02020952</t>
  </si>
  <si>
    <t>Alteveer/Cranevelt</t>
  </si>
  <si>
    <t>2021BU02020952</t>
  </si>
  <si>
    <t>buurten.69e0e00d-78dc-4b02-8f3a-10f0b3ec2550</t>
  </si>
  <si>
    <t>BU02021053</t>
  </si>
  <si>
    <t>Geitenkamp</t>
  </si>
  <si>
    <t>WK020210</t>
  </si>
  <si>
    <t>2021BU02021053</t>
  </si>
  <si>
    <t>buurten.2ae19d39-69f0-4b8f-8193-03fa2dea6279</t>
  </si>
  <si>
    <t>PL0202010008</t>
  </si>
  <si>
    <t>BU02021154</t>
  </si>
  <si>
    <t>Monnikenhuizen</t>
  </si>
  <si>
    <t>WK020211</t>
  </si>
  <si>
    <t>2021BU02021154</t>
  </si>
  <si>
    <t>buurten.bafeee71-6a77-4dac-9cfe-4e96b50b0634</t>
  </si>
  <si>
    <t>BU02021155</t>
  </si>
  <si>
    <t>Arnhemse Allee</t>
  </si>
  <si>
    <t>2021BU02021155</t>
  </si>
  <si>
    <t>buurten.17b66fd8-a895-47e8-8b58-0840d18b3254</t>
  </si>
  <si>
    <t>hybride lucht-water warmtepomp</t>
  </si>
  <si>
    <t>BU02021159</t>
  </si>
  <si>
    <t>2021BU02021159</t>
  </si>
  <si>
    <t>buurten.4aab7ccf-dfb8-43af-b0d3-e9a660b1bec0</t>
  </si>
  <si>
    <t>BU02021260</t>
  </si>
  <si>
    <t>Transvaalbuurt</t>
  </si>
  <si>
    <t>WK020212</t>
  </si>
  <si>
    <t>2021BU02021260</t>
  </si>
  <si>
    <t>buurten.c5759bc5-20d3-477d-931f-00f3a37e9b27</t>
  </si>
  <si>
    <t>BU02021261</t>
  </si>
  <si>
    <t>Burgemeesterswijk</t>
  </si>
  <si>
    <t>2021BU02021261</t>
  </si>
  <si>
    <t>buurten.cf131972-ad1b-4fbf-8cef-3f0773fcf9d9</t>
  </si>
  <si>
    <t>BU02021262</t>
  </si>
  <si>
    <t>Gulden Bodem</t>
  </si>
  <si>
    <t>2021BU02021262</t>
  </si>
  <si>
    <t>buurten.7e30fadf-c29c-435c-833c-4b18018919be</t>
  </si>
  <si>
    <t>BU02021263</t>
  </si>
  <si>
    <t>Sterrenberg</t>
  </si>
  <si>
    <t>2021BU02021263</t>
  </si>
  <si>
    <t>buurten.3c2ddcf0-e129-40b7-aea5-9f8585b602db</t>
  </si>
  <si>
    <t>BU02021264</t>
  </si>
  <si>
    <t>Hoogkamp</t>
  </si>
  <si>
    <t>2021BU02021264</t>
  </si>
  <si>
    <t>buurten.b571d397-b033-41dd-ab3b-856c597c79bf</t>
  </si>
  <si>
    <t>BU02021269</t>
  </si>
  <si>
    <t>Sonsbeek/Zijpendaal</t>
  </si>
  <si>
    <t>2021BU02021269</t>
  </si>
  <si>
    <t>buurten.99e2ddde-a210-45b1-abe0-484defffd21f</t>
  </si>
  <si>
    <t>BU02021365</t>
  </si>
  <si>
    <t>Bakenberg</t>
  </si>
  <si>
    <t>WK020213</t>
  </si>
  <si>
    <t>2021BU02021365</t>
  </si>
  <si>
    <t>buurten.26f6e860-1e2d-4baa-9110-2bc2d2ba99ab</t>
  </si>
  <si>
    <t>BU02021366</t>
  </si>
  <si>
    <t>Schaarsbergen</t>
  </si>
  <si>
    <t>2021BU02021366</t>
  </si>
  <si>
    <t>buurten.338523f4-8a1d-4df6-95de-154c2bd5753e</t>
  </si>
  <si>
    <t>BU02021367</t>
  </si>
  <si>
    <t>West van Schaarsbergen</t>
  </si>
  <si>
    <t>2021BU02021367</t>
  </si>
  <si>
    <t>buurten.1cb718cf-efbf-44da-a193-2608131331e4</t>
  </si>
  <si>
    <t>BU02021368</t>
  </si>
  <si>
    <t>N.O. van Schaarsbergen</t>
  </si>
  <si>
    <t>2021BU02021368</t>
  </si>
  <si>
    <t>buurten.a49c49f5-15ff-4f35-81ba-a12eb404771d</t>
  </si>
  <si>
    <t>BU02021471</t>
  </si>
  <si>
    <t>Lombok</t>
  </si>
  <si>
    <t>WK020214</t>
  </si>
  <si>
    <t>2021BU02021471</t>
  </si>
  <si>
    <t>buurten.cc746bfd-a8b2-4764-891d-32bdf723f436</t>
  </si>
  <si>
    <t>BU02021473</t>
  </si>
  <si>
    <t>Brouwerijweg e.o.</t>
  </si>
  <si>
    <t>2021BU02021473</t>
  </si>
  <si>
    <t>buurten.9e8913ec-2263-40eb-89a3-7f00d3ebd358</t>
  </si>
  <si>
    <t>BU02021474</t>
  </si>
  <si>
    <t>Heijenoord</t>
  </si>
  <si>
    <t>2021BU02021474</t>
  </si>
  <si>
    <t>buurten.41b369a3-fb31-41d4-ae91-7960a413c926</t>
  </si>
  <si>
    <t>BU02021572</t>
  </si>
  <si>
    <t>Klingelbeek</t>
  </si>
  <si>
    <t>WK020215</t>
  </si>
  <si>
    <t>2021BU02021572</t>
  </si>
  <si>
    <t>buurten.fd830369-91f7-4e81-b3fb-49f1df07a75b</t>
  </si>
  <si>
    <t>GM0274</t>
  </si>
  <si>
    <t>Renkum</t>
  </si>
  <si>
    <t>DC027401</t>
  </si>
  <si>
    <t>Transitievisie Warmte Renkum Samen op wg naar een duurzame toekomst</t>
  </si>
  <si>
    <t>betaalbaarheid voor iedereen, maximale maatschappelijke lokale baten, flexibele aanpak, logische natuurlijke momenten, schoon, betrouwbaar en technisch efficient</t>
  </si>
  <si>
    <t>doelgroepgerichte communicatiecampagne om isolatie en andere verduurzamingsstappen te stimuleren, aansluiten bij andere werkzaamheden en ontwikkelingen</t>
  </si>
  <si>
    <t>energiebesparen en overschakelen naar duurzame warmtebronnen</t>
  </si>
  <si>
    <t>https://raad.renkum.nl/Vergaderingen/Agendacommissie/2021/18-oktober/11:00/Transitievisie-Warmte-Renkum.pdf</t>
  </si>
  <si>
    <t>PL0274010003</t>
  </si>
  <si>
    <t>Warmtenet Oosterbeek</t>
  </si>
  <si>
    <t>starten met WUP</t>
  </si>
  <si>
    <t>voorwaardelijk</t>
  </si>
  <si>
    <t>warmtenet Arnhem uitbreiden of collectieve warmtepomp</t>
  </si>
  <si>
    <t>28</t>
  </si>
  <si>
    <t>BU02021579</t>
  </si>
  <si>
    <t>Het Dorp/Mariëndaal</t>
  </si>
  <si>
    <t>2021BU02021579</t>
  </si>
  <si>
    <t>buurten.9691b307-8066-4f91-914d-74d066638782</t>
  </si>
  <si>
    <t>BU02021681</t>
  </si>
  <si>
    <t>Meinerswijk/De Praets</t>
  </si>
  <si>
    <t>WK020216</t>
  </si>
  <si>
    <t>2021BU02021681</t>
  </si>
  <si>
    <t>buurten.93e6273e-ca13-4155-a17f-c34facab3501</t>
  </si>
  <si>
    <t>BU02021682</t>
  </si>
  <si>
    <t>Malburgen-West</t>
  </si>
  <si>
    <t>2021BU02021682</t>
  </si>
  <si>
    <t>buurten.62c765b3-7608-49b2-b82d-83cdb18981c2</t>
  </si>
  <si>
    <t>BU02021780</t>
  </si>
  <si>
    <t>Groene Weide</t>
  </si>
  <si>
    <t>WK020217</t>
  </si>
  <si>
    <t>2021BU02021780</t>
  </si>
  <si>
    <t>buurten.aefe9051-6890-4854-97d9-82e91def3531</t>
  </si>
  <si>
    <t>BU02021783</t>
  </si>
  <si>
    <t>Kamillehof</t>
  </si>
  <si>
    <t>2021BU02021783</t>
  </si>
  <si>
    <t>buurten.0aae12d6-d1ab-4bf0-9cd5-2179e60154bb</t>
  </si>
  <si>
    <t>PL0202010009</t>
  </si>
  <si>
    <t>restwarmte afvalverbrandingscentrale AVR</t>
  </si>
  <si>
    <t>BU02021798</t>
  </si>
  <si>
    <t>Bakenhof</t>
  </si>
  <si>
    <t>2021BU02021798</t>
  </si>
  <si>
    <t>buurten.960fd83f-c8e5-4486-97b4-a0f78876536f</t>
  </si>
  <si>
    <t>Lingewaard</t>
  </si>
  <si>
    <t>Isolatiemaatregelen.We willen het vervangingsmoment van de CV-ketel bij woningen vanaf 1990, graag onder de aandacht brengen. Dat is een mooi moment om voor deze nieuwere woningen, te bekijken of de overstap haalbaar is naar een alternatieve verwarmingsb</t>
  </si>
  <si>
    <t>(Hybride) Warmtepomp (voor bouwjaar &gt; 1990)</t>
  </si>
  <si>
    <t>BU02021815</t>
  </si>
  <si>
    <t>'t Duifje</t>
  </si>
  <si>
    <t>WK020218</t>
  </si>
  <si>
    <t>2021BU02021815</t>
  </si>
  <si>
    <t>buurten.23cac4e1-2f27-463e-9b1d-ac8f687fe717</t>
  </si>
  <si>
    <t>PL1705010002</t>
  </si>
  <si>
    <t>Zilverkamp</t>
  </si>
  <si>
    <t>2017</t>
  </si>
  <si>
    <t>Bewoners mogen blijven koken op gas.</t>
  </si>
  <si>
    <t>De Zilverkamp heeft afgelopen oktober bijdrage ontvangen vanuit het ministerie van BZK als Programma Aardgasvrije Wijk (PAW). Een van de onderdelen van de subsidieaanvraag is het verkennen van de mogelijkheden voor het realiseren van een warmtenetwerk om</t>
  </si>
  <si>
    <t>BU02021884</t>
  </si>
  <si>
    <t>Immerloo I</t>
  </si>
  <si>
    <t>2021BU02021884</t>
  </si>
  <si>
    <t>buurten.d4348fc3-106c-4408-950d-5d61b100026f</t>
  </si>
  <si>
    <t>BU02021885</t>
  </si>
  <si>
    <t>Middelgraaflaan e.o.</t>
  </si>
  <si>
    <t>2021BU02021885</t>
  </si>
  <si>
    <t>buurten.854eac97-d384-458c-856b-ffd96e376cdc</t>
  </si>
  <si>
    <t>BU02021886</t>
  </si>
  <si>
    <t>Zeegsingel e.o.</t>
  </si>
  <si>
    <t>2021BU02021886</t>
  </si>
  <si>
    <t>buurten.c5c03e49-227d-4058-8deb-b0dcd43e4915</t>
  </si>
  <si>
    <t>BU02021887</t>
  </si>
  <si>
    <t>Eimersweide</t>
  </si>
  <si>
    <t>2021BU02021887</t>
  </si>
  <si>
    <t>buurten.136e2441-9c20-4940-9751-10942ad7a2f3</t>
  </si>
  <si>
    <t>BU02021888</t>
  </si>
  <si>
    <t>Immerloo II</t>
  </si>
  <si>
    <t>2021BU02021888</t>
  </si>
  <si>
    <t>buurten.773f31ba-b65a-40b6-8312-e63ebe7be24a</t>
  </si>
  <si>
    <t>Immerloo 2</t>
  </si>
  <si>
    <t>BU02021989</t>
  </si>
  <si>
    <t>WK020219</t>
  </si>
  <si>
    <t>2021BU02021989</t>
  </si>
  <si>
    <t>buurten.52a2d9fd-73b4-4b52-a179-c457c2552873</t>
  </si>
  <si>
    <t>BU02021990</t>
  </si>
  <si>
    <t>Kronenburg</t>
  </si>
  <si>
    <t>2021BU02021990</t>
  </si>
  <si>
    <t>buurten.7d63422f-0f3c-4186-b23f-9f32651b0434</t>
  </si>
  <si>
    <t>BU02021993</t>
  </si>
  <si>
    <t>Vredenburg</t>
  </si>
  <si>
    <t>2021BU02021993</t>
  </si>
  <si>
    <t>buurten.b0864e4a-4e5e-421d-9f1e-2a843f705f76</t>
  </si>
  <si>
    <t>BU02022092</t>
  </si>
  <si>
    <t>Elden</t>
  </si>
  <si>
    <t>WK020220</t>
  </si>
  <si>
    <t>2021BU02022092</t>
  </si>
  <si>
    <t>buurten.e87f16f4-c818-443e-aaa9-50902d197ddc</t>
  </si>
  <si>
    <t>BU02022191</t>
  </si>
  <si>
    <t>Elderveld-Zuid</t>
  </si>
  <si>
    <t>WK020221</t>
  </si>
  <si>
    <t>2021BU02022191</t>
  </si>
  <si>
    <t>buurten.09499776-5ef4-4145-b29a-91f389782767</t>
  </si>
  <si>
    <t>BU02022194</t>
  </si>
  <si>
    <t>Elderveld-Noord</t>
  </si>
  <si>
    <t>2021BU02022194</t>
  </si>
  <si>
    <t>buurten.ec931af9-8469-40dc-a2e1-c45f5b621a0d</t>
  </si>
  <si>
    <t>BU02022197</t>
  </si>
  <si>
    <t>Elderhof</t>
  </si>
  <si>
    <t>2021BU02022197</t>
  </si>
  <si>
    <t>buurten.f679f507-c80c-4a88-b248-3277d8db0704</t>
  </si>
  <si>
    <t>BU02022295</t>
  </si>
  <si>
    <t>De Laar-West</t>
  </si>
  <si>
    <t>WK020222</t>
  </si>
  <si>
    <t>2021BU02022295</t>
  </si>
  <si>
    <t>buurten.6a698fcd-5be8-433e-864b-fdccea506655</t>
  </si>
  <si>
    <t>GM1734</t>
  </si>
  <si>
    <t>Overbetuwe</t>
  </si>
  <si>
    <t>aardgrasvrij en energieneutraal in 2050</t>
  </si>
  <si>
    <t>DC173401</t>
  </si>
  <si>
    <t>Transitievisie Warmte Overbetuwe</t>
  </si>
  <si>
    <t>2020-04-30</t>
  </si>
  <si>
    <t>Capaciteit en middelen zijn bij zowel de gemeente als de stakeholders en uitvoerende partijen nodig om na de Transitievisie Warmte tempo te kunnen maken. Er is een gedeelde verantwoordelijkheid in de financiering van de warmtetransitie in Overbetuwe; Een</t>
  </si>
  <si>
    <t>In de vervolgstappen van de transitie bieden we ook ruimte voor nieuwe technieken of samenwerkingsvormen om zo met elkaar de route te vinden naar de beste warmteoplossingen. Met pilotprojecten zoals de wijk van de toekomst kunnen we leren van innovatieve</t>
  </si>
  <si>
    <t>In 2050 aardgasvrij zijn. Startwijken zijn geselecteerd. De focus ligt op elekritsche warmtepompen en onderzoek wordt verricht naar (kleinschalige) warmtepompen</t>
  </si>
  <si>
    <t>https://www.overbetuwe.nl/dsresource?objectid=ea6605d4-b558-4657-9f9a-2bedd104e75c&amp;type=pdf&amp;&amp;</t>
  </si>
  <si>
    <t>PL1734010007</t>
  </si>
  <si>
    <t>Plot starten met enthousiaste bewoners over individuele warmte-oplossingen</t>
  </si>
  <si>
    <t>BU02022296</t>
  </si>
  <si>
    <t>De Laar-Oost</t>
  </si>
  <si>
    <t>2021BU02022296</t>
  </si>
  <si>
    <t>buurten.540e04f2-a43e-4aa2-827c-856b7a2745be</t>
  </si>
  <si>
    <t>BU02022316</t>
  </si>
  <si>
    <t>Rijkerswoerd-Oost</t>
  </si>
  <si>
    <t>WK020223</t>
  </si>
  <si>
    <t>2021BU02022316</t>
  </si>
  <si>
    <t>buurten.3caf4f37-dd95-4468-8a47-96568dfd3d4d</t>
  </si>
  <si>
    <t>BU02022317</t>
  </si>
  <si>
    <t>Rijkerswoerd-Midden</t>
  </si>
  <si>
    <t>2021BU02022317</t>
  </si>
  <si>
    <t>buurten.65da9818-5b5d-4bda-bd1b-e445c577603b</t>
  </si>
  <si>
    <t>BU02022318</t>
  </si>
  <si>
    <t>Rijkerswoerd-West</t>
  </si>
  <si>
    <t>2021BU02022318</t>
  </si>
  <si>
    <t>buurten.dc3636b4-9d62-4e0d-9f17-b9f8bda98f59</t>
  </si>
  <si>
    <t>BU02022319</t>
  </si>
  <si>
    <t>De Overmaat</t>
  </si>
  <si>
    <t>2021BU02022319</t>
  </si>
  <si>
    <t>buurten.4ceb1836-cd71-45f0-8d12-45f5a8cfddac</t>
  </si>
  <si>
    <t>BU02022447</t>
  </si>
  <si>
    <t>Schuytgraaf-Noord</t>
  </si>
  <si>
    <t>WK020224</t>
  </si>
  <si>
    <t>2021BU02022447</t>
  </si>
  <si>
    <t>buurten.c9260db0-f7d9-451b-aa9f-d1350e281328</t>
  </si>
  <si>
    <t>BU02022448</t>
  </si>
  <si>
    <t>Schuytgraaf-Centrum</t>
  </si>
  <si>
    <t>2021BU02022448</t>
  </si>
  <si>
    <t>buurten.61e0ffc1-29fb-4d52-ad95-3df41a0fe2ef</t>
  </si>
  <si>
    <t>BU02022449</t>
  </si>
  <si>
    <t>Schuytgraaf-Zuid</t>
  </si>
  <si>
    <t>2021BU02022449</t>
  </si>
  <si>
    <t>buurten.0a2bf2e3-91be-48f1-a2c0-cea76eabd952</t>
  </si>
  <si>
    <t>BU02035400</t>
  </si>
  <si>
    <t>Buitengebied Barneveld</t>
  </si>
  <si>
    <t>WK020354</t>
  </si>
  <si>
    <t>2021BU02035400</t>
  </si>
  <si>
    <t>buurten.c94afb76-0ee9-4067-b956-af18f62e9a78</t>
  </si>
  <si>
    <t>GM0339</t>
  </si>
  <si>
    <t>DC033901</t>
  </si>
  <si>
    <t>Transitievisie Warmte Renswoude</t>
  </si>
  <si>
    <t>2021-10-25</t>
  </si>
  <si>
    <t>2022-01-13</t>
  </si>
  <si>
    <t>Energieneutraliteit, economisch verantwoord. Financieel haalbaar. Bewustwording en rendabele maatregelen. Betrekken van bewoners. (financiele) steun van het Rijk.</t>
  </si>
  <si>
    <t>Wij, gemeente Scherpenzeel, vinden het erg belangrijk dat de nieuwe energievoorziening betrouwbaar &amp; veilig, betaalbaar en duurzaam is. Alleen als we dat samen voor elkaar krijgen, wordt het mogelijk voor iedereen om de overstap te maken. We zullen tijde</t>
  </si>
  <si>
    <t>De Transitievisie Warmte geeft handvatten voor hoe we in Renswoude de komende jaren aan de slag gaan om gebouwen aardgasvrij te maken. We weten ons einddoel, maar we weten nog niet precies hoe we er komen. In de Transitievisie Warmte stippelen we de visi</t>
  </si>
  <si>
    <t>Wij streven ernaar om de warmtetransitie zoveel mogelijk samen met inwoners, maatschappelijke partners en bedrijven uit te voeren. Voor de verkenningsbuurten WUPs maken. Hiervoor volgt per buurt een participatietraject. De transitievisie zal eens in de v</t>
  </si>
  <si>
    <t>De ambitie van de gemeente Renswoude is om 30% te besparen op de totale energievraag.</t>
  </si>
  <si>
    <t>In 2030 20% van de woningen aardgasvrij, in 2050 compleet aardgasvrij.</t>
  </si>
  <si>
    <t>https://api1.ibabs.eu/publicdownload.aspx?site=scherpenzeel&amp;id=100116926</t>
  </si>
  <si>
    <t>https://renswoude.raadsinformatie.nl/document/11246173/1#search=%22transitievisie%22</t>
  </si>
  <si>
    <t>PL0203010008</t>
  </si>
  <si>
    <t>PL0339010001</t>
  </si>
  <si>
    <t>Stationsweg</t>
  </si>
  <si>
    <t>In concept (afwachtend). In deze buurten kiezen we voor een geleidelijk tempo: niet de hele buurt tegelijk, maar elk gebouw op een logisch moment, bijvoorbeeld bij een verbouwing of verhuizing.</t>
  </si>
  <si>
    <t>geen keuze gemaakt. Mocht uit onderzoek blijken dat de overstap op een warmtenet haalbaar en betaalbaar is, dan kan uitvoering daarna, op middellange termijn, gestart worden.</t>
  </si>
  <si>
    <t>voorsorterend. Individuele warmteoplossing per gebouw</t>
  </si>
  <si>
    <t>Het behalen van de doelstellingen hangt daarbij af van de budgetten die we als gemeente via de algemene middelen van de Rijksoverheid ontvangen voor de uitvoering van de warmtetransitie.</t>
  </si>
  <si>
    <t>(Deels) aardgasvrij 2035</t>
  </si>
  <si>
    <t>Natuurlijke momenten benutten om te verduurzamen. Woningeigenaren bewust maken van deze kansen en ze voorlichten.</t>
  </si>
  <si>
    <t>omgevingswarmte en/of restwarmte en/of aquathermie (riool) en/of biomassa en/of geothermie en/of zonnewarmte en/of gas</t>
  </si>
  <si>
    <t>BU02035401</t>
  </si>
  <si>
    <t>Centrum Barneveld</t>
  </si>
  <si>
    <t>2021BU02035401</t>
  </si>
  <si>
    <t>buurten.28c785e4-4285-48c3-ace2-0aebe6f3fad2</t>
  </si>
  <si>
    <t>PL0203010004</t>
  </si>
  <si>
    <t>PL0203010062</t>
  </si>
  <si>
    <t>In concept (onderzoekend). In deze gebieden wil de gemeente graag op korte termijn technisch onderzoek starten om meer helderheid te krijgen over de haalbaarheid van warmtenetten.</t>
  </si>
  <si>
    <t>Streven naar de laagste totale kosten voor de warmteoplossing en daarmee ook de laagste kosten voor bewoners en bedrijven, Iedereen moet mee kunnen, Inspelen op logische momenten,  Energiebesparing,  Zorgen voor een zorgvuldig proces dat inclusief en tra</t>
  </si>
  <si>
    <t>(Deels) aardgasvrij 2040</t>
  </si>
  <si>
    <t>Elektra omgevingswarmte of restwarmte bedrijven, aquathermie, biomassa, geothermie, riothermie, zonnewarmte</t>
  </si>
  <si>
    <t>Elektra, gas en omgevingswarmte of restwarmte bedrijven, aquathermie, biomassa, geothermie, riothermie, zonnewarmte</t>
  </si>
  <si>
    <t>omgevingswarmte en gas</t>
  </si>
  <si>
    <t>BU02035402</t>
  </si>
  <si>
    <t>De Koot</t>
  </si>
  <si>
    <t>2021BU02035402</t>
  </si>
  <si>
    <t>buurten.af656ee1-0c38-434e-ba11-c9b65f0bdd5f</t>
  </si>
  <si>
    <t>PL0203010059</t>
  </si>
  <si>
    <t>BU02035403</t>
  </si>
  <si>
    <t>2021BU02035403</t>
  </si>
  <si>
    <t>buurten.2f8ce8d9-1dc8-48cd-93a0-37ebb75e3edf</t>
  </si>
  <si>
    <t>PL0203010060</t>
  </si>
  <si>
    <t>BU02035404</t>
  </si>
  <si>
    <t>De Lors</t>
  </si>
  <si>
    <t>2021BU02035404</t>
  </si>
  <si>
    <t>buurten.b0821190-01d6-4e2f-a82d-732e505ca7b9</t>
  </si>
  <si>
    <t>PL0203010005</t>
  </si>
  <si>
    <t>omgevingswarmte en/of restwarmte en/of aquathermie (riool) en/of biomassa en/of geothermie en/of zonnewarmte</t>
  </si>
  <si>
    <t>BU02035405</t>
  </si>
  <si>
    <t>2021BU02035405</t>
  </si>
  <si>
    <t>buurten.640df018-bbd0-4dc9-887b-fd4bbac79f7e</t>
  </si>
  <si>
    <t>In concept (verkennend).  Voor een groot deel van deze woningen zal binnen nu en 5 jaarde CV-ketel vervangen moeten worden omdat deze het eind van zijn levensduur heeftbereikt.</t>
  </si>
  <si>
    <t>Voorsorterend. Een goed moment om na te denken over de stap naar een (hybride)warmtepomp.</t>
  </si>
  <si>
    <t>BU02035406</t>
  </si>
  <si>
    <t>De Valk</t>
  </si>
  <si>
    <t>2021BU02035406</t>
  </si>
  <si>
    <t>buurten.e3fcf01e-3299-44de-a105-18d8792b0ca3</t>
  </si>
  <si>
    <t>PL0203010009</t>
  </si>
  <si>
    <t>In concept (orienterend). Aan de randen van de dorpskernen Voorthuizen en Barneveld zijn gebieden met (redelijk) nieuwe woningen. Op het moment dat daar de CV ketel vervangen moet worden, is er een logisch moment om de overstap naar aardgasvrij te maken.</t>
  </si>
  <si>
    <t>BU02035407</t>
  </si>
  <si>
    <t>Vliegersveld</t>
  </si>
  <si>
    <t>2021BU02035407</t>
  </si>
  <si>
    <t>buurten.731a8aae-c6ce-46a2-a51a-e484dee28cb7</t>
  </si>
  <si>
    <t>PL0203010023</t>
  </si>
  <si>
    <t>BU02035408</t>
  </si>
  <si>
    <t>Rootselaar-West</t>
  </si>
  <si>
    <t>2021BU02035408</t>
  </si>
  <si>
    <t>buurten.0c719c75-b3f3-4e8c-b280-a9d2b8c4b786</t>
  </si>
  <si>
    <t>Staverden</t>
  </si>
  <si>
    <t>2021-2025</t>
  </si>
  <si>
    <t>In concept(verkennend). Het tempo waarmee in deze gebieden de overstap naar aardgasvrij maken, wordt bepaald door de gekozen oplossing. Inwoners die voor een individuele oplossing kiezen, gaan in natuurlijk tempo de overstap maken. Is er interesse en zij</t>
  </si>
  <si>
    <t>BU02035409</t>
  </si>
  <si>
    <t>Rootselaar-Oost</t>
  </si>
  <si>
    <t>2021BU02035409</t>
  </si>
  <si>
    <t>buurten.e4adde68-7ded-40d4-90e9-d8231b214789</t>
  </si>
  <si>
    <t>PL0203010006</t>
  </si>
  <si>
    <t>Veller</t>
  </si>
  <si>
    <t>BU02035410</t>
  </si>
  <si>
    <t>Oldenbarneveld</t>
  </si>
  <si>
    <t>2021BU02035410</t>
  </si>
  <si>
    <t>buurten.abcfbd67-f05a-41ff-b860-642773426eb2</t>
  </si>
  <si>
    <t>BU02035411</t>
  </si>
  <si>
    <t>De Vaarst</t>
  </si>
  <si>
    <t>2021BU02035411</t>
  </si>
  <si>
    <t>buurten.0eb530b4-f273-421b-9aa2-eed6f403ed72</t>
  </si>
  <si>
    <t>PL0203010013</t>
  </si>
  <si>
    <t>BU02035412</t>
  </si>
  <si>
    <t>Norschoten</t>
  </si>
  <si>
    <t>2021BU02035412</t>
  </si>
  <si>
    <t>buurten.cd870634-b7b6-4439-a170-af7e6f9e121a</t>
  </si>
  <si>
    <t>PL0203010025</t>
  </si>
  <si>
    <t>BU02035413</t>
  </si>
  <si>
    <t>De Briellared</t>
  </si>
  <si>
    <t>2021BU02035413</t>
  </si>
  <si>
    <t>buurten.4b27aa7d-6194-455c-ae1b-fddc6650b37b</t>
  </si>
  <si>
    <t>PL0203010016</t>
  </si>
  <si>
    <t>De Burgt</t>
  </si>
  <si>
    <t>BU02035414</t>
  </si>
  <si>
    <t>2021BU02035414</t>
  </si>
  <si>
    <t>buurten.e7d301f7-8335-4cc5-b93b-d101882dd7db</t>
  </si>
  <si>
    <t>BU02035415</t>
  </si>
  <si>
    <t>2021BU02035415</t>
  </si>
  <si>
    <t>buurten.e6e6dc9a-61b5-4227-8e8e-894bea890416</t>
  </si>
  <si>
    <t>BU02035425</t>
  </si>
  <si>
    <t>Harselaar-West</t>
  </si>
  <si>
    <t>2021BU02035425</t>
  </si>
  <si>
    <t>buurten.e503a2d9-c7d5-45aa-b3fb-58d0bfbe2e08</t>
  </si>
  <si>
    <t>PL0203010014</t>
  </si>
  <si>
    <t>In concept (onderzoekend). Dit zijn gebieden waar het mogelijk lijkt om op kortere termijn (rond 2030) significante stappen te maken richting aardgasvrij .Voor deze gebieden gaat de gemeente in 2022 en 2023 samen met inwoners aan de slag.</t>
  </si>
  <si>
    <t>BU02035426</t>
  </si>
  <si>
    <t>Harselaar-Oost</t>
  </si>
  <si>
    <t>2021BU02035426</t>
  </si>
  <si>
    <t>buurten.c3aeb7a9-a2d6-4ef7-bcbb-578e01585043</t>
  </si>
  <si>
    <t>BU02035530</t>
  </si>
  <si>
    <t>Buitengebied Voorthuizen</t>
  </si>
  <si>
    <t>WK020355</t>
  </si>
  <si>
    <t>2021BU02035530</t>
  </si>
  <si>
    <t>buurten.ee083ec2-5b7e-48c2-9a95-7b2fc8e543a2</t>
  </si>
  <si>
    <t>PL0203010002</t>
  </si>
  <si>
    <t>Vakantiepark Horizon</t>
  </si>
  <si>
    <t>BU02035531</t>
  </si>
  <si>
    <t>Centrum Voorthuizen</t>
  </si>
  <si>
    <t>2021BU02035531</t>
  </si>
  <si>
    <t>buurten.86c556c0-15b7-4bd1-b863-528d96f8d672</t>
  </si>
  <si>
    <t>PL0203010001</t>
  </si>
  <si>
    <t>PL0203010061</t>
  </si>
  <si>
    <t>Beatrixlaan</t>
  </si>
  <si>
    <t>Ten Bokkel Huininkhof</t>
  </si>
  <si>
    <t>Restwarmte bedrijven, aquathermie, biomassa, geothermie, riothermie, zonnewarmte</t>
  </si>
  <si>
    <t>restwarmte en/of aquathermie (riool) en/of biomassa en/of geothermie en/of zonnewarmte</t>
  </si>
  <si>
    <t>BU02035532</t>
  </si>
  <si>
    <t>Haarkamp</t>
  </si>
  <si>
    <t>2021BU02035532</t>
  </si>
  <si>
    <t>buurten.cd62dbc0-6d68-4368-b3b8-7cf0ce8bdbd7</t>
  </si>
  <si>
    <t>Budkestraat</t>
  </si>
  <si>
    <t>Kievitsstraat</t>
  </si>
  <si>
    <t>BU02035533</t>
  </si>
  <si>
    <t>Roeleneng</t>
  </si>
  <si>
    <t>2021BU02035533</t>
  </si>
  <si>
    <t>buurten.1d200a5f-5117-4d73-9e00-60a3caeb4e61</t>
  </si>
  <si>
    <t>Rubensstraat</t>
  </si>
  <si>
    <t>BU02035534</t>
  </si>
  <si>
    <t>2021BU02035534</t>
  </si>
  <si>
    <t>buurten.98a79154-14c7-4e6b-b17e-bbf3a739bce0</t>
  </si>
  <si>
    <t>PL0203010049</t>
  </si>
  <si>
    <t>BU02035535</t>
  </si>
  <si>
    <t>De Wheem</t>
  </si>
  <si>
    <t>2021BU02035535</t>
  </si>
  <si>
    <t>buurten.7f2663e0-831a-4d09-836b-2f8b48285460</t>
  </si>
  <si>
    <t>PL0203010057</t>
  </si>
  <si>
    <t>BU02035536</t>
  </si>
  <si>
    <t>De Steenkamp</t>
  </si>
  <si>
    <t>2021BU02035536</t>
  </si>
  <si>
    <t>buurten.51d08d2a-6a20-42c4-a115-31a9449c81ea</t>
  </si>
  <si>
    <t>PL0203010010</t>
  </si>
  <si>
    <t>BU02035537</t>
  </si>
  <si>
    <t>2021BU02035537</t>
  </si>
  <si>
    <t>buurten.53bd7c0d-9ad5-4188-81e6-80289a6a1dd6</t>
  </si>
  <si>
    <t>Baron van Nagellstraat</t>
  </si>
  <si>
    <t>BU02035538</t>
  </si>
  <si>
    <t>Componistenwijk</t>
  </si>
  <si>
    <t>2021BU02035538</t>
  </si>
  <si>
    <t>buurten.653bf25e-2f6d-4200-ab81-4bb56f3947c6</t>
  </si>
  <si>
    <t>PL0203010022</t>
  </si>
  <si>
    <t>BU02035539</t>
  </si>
  <si>
    <t>De Maat</t>
  </si>
  <si>
    <t>2021BU02035539</t>
  </si>
  <si>
    <t>buurten.1adb547a-1e8a-4ef4-95c4-c5f9b42cbd19</t>
  </si>
  <si>
    <t>Hoofdstraat</t>
  </si>
  <si>
    <t>BU02035540</t>
  </si>
  <si>
    <t>De Kromme Akker</t>
  </si>
  <si>
    <t>2021BU02035540</t>
  </si>
  <si>
    <t>buurten.ffea6539-4e84-4e79-9728-90def19636ab</t>
  </si>
  <si>
    <t>PL0203010012</t>
  </si>
  <si>
    <t>BU02035541</t>
  </si>
  <si>
    <t>Blankensgoed</t>
  </si>
  <si>
    <t>2021BU02035541</t>
  </si>
  <si>
    <t>buurten.03b4fe85-b476-4aa8-b4cd-a79693bce75b</t>
  </si>
  <si>
    <t>PL0203010026</t>
  </si>
  <si>
    <t>BU02035650</t>
  </si>
  <si>
    <t>Buitengebied Kootwijkerbroek</t>
  </si>
  <si>
    <t>WK020356</t>
  </si>
  <si>
    <t>2021BU02035650</t>
  </si>
  <si>
    <t>buurten.3c572c95-1b47-4ca0-90e2-37589c95b2d6</t>
  </si>
  <si>
    <t>PL0203010029</t>
  </si>
  <si>
    <t>Kootwijkerbroek-west</t>
  </si>
  <si>
    <t>2040-2050</t>
  </si>
  <si>
    <t>BU02035651</t>
  </si>
  <si>
    <t>Kootwijkerbroek</t>
  </si>
  <si>
    <t>2021BU02035651</t>
  </si>
  <si>
    <t>buurten.ec0e3fef-5674-4114-92c6-00095acd255f</t>
  </si>
  <si>
    <t>PL0203010039</t>
  </si>
  <si>
    <t>BU02035652</t>
  </si>
  <si>
    <t>2021BU02035652</t>
  </si>
  <si>
    <t>buurten.b52bd0dc-d7ab-47dc-b33b-7f472df0cb72</t>
  </si>
  <si>
    <t>BU02035780</t>
  </si>
  <si>
    <t>Buitengebied Garderen</t>
  </si>
  <si>
    <t>WK020357</t>
  </si>
  <si>
    <t>2021BU02035780</t>
  </si>
  <si>
    <t>buurten.668f4f8c-dd16-4f2c-b0ec-528b5460275d</t>
  </si>
  <si>
    <t>BU02035781</t>
  </si>
  <si>
    <t>Garderen</t>
  </si>
  <si>
    <t>2021BU02035781</t>
  </si>
  <si>
    <t>buurten.5be643b1-6673-45bb-b145-c137f40f32e1</t>
  </si>
  <si>
    <t>PL0203010031</t>
  </si>
  <si>
    <t>PL0203010040</t>
  </si>
  <si>
    <t>BU02035875</t>
  </si>
  <si>
    <t>Buitengebied Terschuur</t>
  </si>
  <si>
    <t>WK020358</t>
  </si>
  <si>
    <t>2021BU02035875</t>
  </si>
  <si>
    <t>buurten.969290ee-50c4-4b74-b778-d26a4e60481a</t>
  </si>
  <si>
    <t>GM0327</t>
  </si>
  <si>
    <t>Amersfoort</t>
  </si>
  <si>
    <t>energieneutraal in 2040</t>
  </si>
  <si>
    <t>DC032701</t>
  </si>
  <si>
    <t>Transitievisie Warmte Leusden: besparen om de transitie mogelijk te maken</t>
  </si>
  <si>
    <t>2020-10-26</t>
  </si>
  <si>
    <t>schoon en effectief, betaalbaar en betrouwbaar, lokaal en gebiedsgericht, participatie en draagvlak, flexibele en lerende aanpak</t>
  </si>
  <si>
    <t>De gemeente heeft een aantal doelen met haar Transitievisie Warmte:1) Duidelijkheid scheppen richting belanghebbenden over het proces van de warmtetransitie en de keuzes die er gemaakt moeten worden.2) De omvang van de opgave en de belangrijkste uitgangs</t>
  </si>
  <si>
    <t>stapsgewijs en in samenwerking met veel partners naar een steeds helderder beeld voor de stad</t>
  </si>
  <si>
    <t>Energieneutraal in 2040</t>
  </si>
  <si>
    <t>een CO2-neutrale warmevoorziening</t>
  </si>
  <si>
    <t>https://www.amersfoort.nl/project/amersfoort-aardgasvrij-1.htm</t>
  </si>
  <si>
    <t>PL0203010032</t>
  </si>
  <si>
    <t>PL0327010001</t>
  </si>
  <si>
    <t>(Groot) Corlaer, De Bogen, Spoorkamp/De Terrassen, Droonsteeg, Middelaar</t>
  </si>
  <si>
    <t>Terschuur</t>
  </si>
  <si>
    <t>uiterlijk 2050</t>
  </si>
  <si>
    <t>BU02035876</t>
  </si>
  <si>
    <t>terschuur</t>
  </si>
  <si>
    <t>2021BU02035876</t>
  </si>
  <si>
    <t>buurten.8a67fa42-7a33-4921-b62d-3cb4cfc0b4f3</t>
  </si>
  <si>
    <t>PL0203010041</t>
  </si>
  <si>
    <t>Blankenhoef</t>
  </si>
  <si>
    <t>BU02035877</t>
  </si>
  <si>
    <t>2021BU02035877</t>
  </si>
  <si>
    <t>buurten.f8ce4549-20e7-4a8e-9d9a-c639d7b0313a</t>
  </si>
  <si>
    <t>BU02035960</t>
  </si>
  <si>
    <t>Buitengebied Stroe</t>
  </si>
  <si>
    <t>WK020359</t>
  </si>
  <si>
    <t>2021BU02035960</t>
  </si>
  <si>
    <t>buurten.145ef5c9-14e3-44a9-8522-95313a75bca4</t>
  </si>
  <si>
    <t>BU02035961</t>
  </si>
  <si>
    <t>Stroe</t>
  </si>
  <si>
    <t>2021BU02035961</t>
  </si>
  <si>
    <t>buurten.90e03d7f-a1d6-4a82-a8cb-b02367af5696</t>
  </si>
  <si>
    <t>PL0203010034</t>
  </si>
  <si>
    <t>PL0203010042</t>
  </si>
  <si>
    <t>BU02036070</t>
  </si>
  <si>
    <t>Buitengebied Zwartebroek</t>
  </si>
  <si>
    <t>WK020360</t>
  </si>
  <si>
    <t>2021BU02036070</t>
  </si>
  <si>
    <t>buurten.390251e3-6914-436f-a91f-4b4525ba41cc</t>
  </si>
  <si>
    <t>PL0203010035</t>
  </si>
  <si>
    <t>Zwartebroek</t>
  </si>
  <si>
    <t>BU02036071</t>
  </si>
  <si>
    <t>2021BU02036071</t>
  </si>
  <si>
    <t>buurten.d45e4f8a-00b4-45f7-a3ca-61aa67c2b2c7</t>
  </si>
  <si>
    <t>PL0203010043</t>
  </si>
  <si>
    <t>BU02036190</t>
  </si>
  <si>
    <t>Buitengebied De Glind</t>
  </si>
  <si>
    <t>WK020361</t>
  </si>
  <si>
    <t>2021BU02036190</t>
  </si>
  <si>
    <t>buurten.f1297a01-9e17-4e00-ad91-eb4af6873a35</t>
  </si>
  <si>
    <t>GM0351</t>
  </si>
  <si>
    <t>Woudenberg</t>
  </si>
  <si>
    <t>DC035101</t>
  </si>
  <si>
    <t>Het uitgangspunt is een warmtetransitie die voor bewoners, bedrijven en instellingen realistisch en betaalbaar is. We gaan uit van de oplossingen met de laagste maatschappelijke kosten. Er is ruimte voor keuzevrijheid bij de overstap naar een duurzame en</t>
  </si>
  <si>
    <t>De TVW geeft richting in de aanpak. Ook wordt vanuit de visie aangegeven wanneer buurten naar verwachting naar een duurzame warmteoplossing zullen overstappen. De TVW wordt elke 5 jaar herijkt.Inwoners van Woudenberg worden geinformeerd en betrokken bij</t>
  </si>
  <si>
    <t>Vanuit de gemaakte analyse voorzien we in deze eerste transitievisie dat er in Woudenberg voor 2030 nog geen buurten volledig overstappen, en dat er de komende vijf jaar nog geen buurtuitvoeringsplannen gemaakt zullen worden, maar dat er eerst op een gem</t>
  </si>
  <si>
    <t>https://gemeentebestuur.woudenberg.nl/Vergaderingenaadscommissie/2021/09-november/19:30/04-Transitievisie-Warmte-Woudenberg-def.pdf</t>
  </si>
  <si>
    <t>PL0203010011</t>
  </si>
  <si>
    <t>PL0351010004</t>
  </si>
  <si>
    <t>Algemene energiebesparingsaanpak</t>
  </si>
  <si>
    <t>De Glind</t>
  </si>
  <si>
    <t>Structurele besparing van aardgas door goede isolatiemaatregelen</t>
  </si>
  <si>
    <t>Basisniveau (conform Standaard), indien mogelijk</t>
  </si>
  <si>
    <t>BU02036191</t>
  </si>
  <si>
    <t>2021BU02036191</t>
  </si>
  <si>
    <t>buurten.ca43148f-664c-4e9d-8820-bc0d5f37a6e3</t>
  </si>
  <si>
    <t>Leusden</t>
  </si>
  <si>
    <t>Voorwaarden:, Opties open houden, Toekomstbestendige gebouwvoorraad, Aardgasreductie als eerste stap, Inclusieve energietransitie</t>
  </si>
  <si>
    <t>https://gemeentebestuur.leusden.nl/Documenten/Bijlage/Transitievisie-Warmte-gemeente-Leusden-definitief-incl-bijlage-1-7.pdf</t>
  </si>
  <si>
    <t>Voorwaarden uitvoering plan:- Duidelijk zijn voor inwoners welke stappen zij kunnen zetten- Welke lokale bedrijven benaderd kunnen worden-</t>
  </si>
  <si>
    <t>BU02036265</t>
  </si>
  <si>
    <t>Buitengebied kootwijk</t>
  </si>
  <si>
    <t>WK020362</t>
  </si>
  <si>
    <t>2021BU02036265</t>
  </si>
  <si>
    <t>buurten.37c7d395-6322-4918-ad7e-0531b8287ea7</t>
  </si>
  <si>
    <t>Kootwijk</t>
  </si>
  <si>
    <t>BU02036266</t>
  </si>
  <si>
    <t>2021BU02036266</t>
  </si>
  <si>
    <t>buurten.0284306f-49a0-47c0-992e-8714072711d9</t>
  </si>
  <si>
    <t>PL0203010036</t>
  </si>
  <si>
    <t>BU02036395</t>
  </si>
  <si>
    <t>Buitengebied Achterveld</t>
  </si>
  <si>
    <t>WK020363</t>
  </si>
  <si>
    <t>2021BU02036395</t>
  </si>
  <si>
    <t>buurten.59a513c7-bd17-4a10-afa7-44dac646fc47</t>
  </si>
  <si>
    <t>BU02090100</t>
  </si>
  <si>
    <t>Beuningen-Buitengebied Noord</t>
  </si>
  <si>
    <t>WK020901</t>
  </si>
  <si>
    <t>GM0209</t>
  </si>
  <si>
    <t>2021BU02090100</t>
  </si>
  <si>
    <t>buurten.070accfe-0241-4245-aae1-82351fdd95ce</t>
  </si>
  <si>
    <t>energieneutraal in 2040, aardgasvrij in 2050</t>
  </si>
  <si>
    <t>DC020901</t>
  </si>
  <si>
    <t>Transitievisie warmte 1.0</t>
  </si>
  <si>
    <t>2022-01-12</t>
  </si>
  <si>
    <t>Haalbaar en betaalbaar voor alle inwoners. Extra geld en duidelijke wet, en regelgeving vanuit de Rijksoverheid is nodig. Streven naar een transitie die uitvoerbaar is. Realistisch, te plannen, financieel haalbaar en gebaseerd op beschikbare arbeidscapac</t>
  </si>
  <si>
    <t>Strategiebepaling voor het verwarmen van gebouwen zonder aardgas</t>
  </si>
  <si>
    <t>Naar betere isolatie en hybride warmtepompen in tenminste 10% van de bestaande gebouwen, uiterlijk in 2030. Daarnaast verduurzamen van elektriciteitsgebruik. Uiterlijk in 2026 duidelijkheid geven of een warmtenet in de kern van Beuningen haalbaar is.</t>
  </si>
  <si>
    <t>https://beuningen.bestuurlijkeinformatie.nl/Agenda/Document/af92539b-9afa-478d-a467-19e445eb4de7?documentId=1ef7acbd-15f3-4c57-8e63-2eb3e88a3d3a&amp;agendaItemId=d5c149d1-6887-4ae9-8877-94db2ea6de09</t>
  </si>
  <si>
    <t>PL0209010001</t>
  </si>
  <si>
    <t>Beuningen, Ewijk, Wurt, Winssen</t>
  </si>
  <si>
    <t>Buitengebieden en enkele buitenwijken zoals Heuve en de Haaghe</t>
  </si>
  <si>
    <t>Betaalbaar en betrouwbaar. Zoveel mogelijk dubbele infrastructuur vermijden, het elektriciteitsnetwerk moet het aankunnen, maatschappelijke kosten-baten moeten in beeld gebracht worden voordat er een definitief besluit wordt genomen. Daarnaast is het van</t>
  </si>
  <si>
    <t>Alternatieven voor aardgas</t>
  </si>
  <si>
    <t>Onderzoeken warmte ARN Weurt, RWZI Weurt</t>
  </si>
  <si>
    <t>BU02090101</t>
  </si>
  <si>
    <t>Beuningen-Buitengebied Zuid</t>
  </si>
  <si>
    <t>2021BU02090101</t>
  </si>
  <si>
    <t>buurten.5587d7ba-f16f-406d-aa39-fc753626653a</t>
  </si>
  <si>
    <t>GM0296</t>
  </si>
  <si>
    <t>Wijchen</t>
  </si>
  <si>
    <t>fossiele brandstof-vrij in 2050, energieneutraal op termijn, 49% CO2-reductie in 2030</t>
  </si>
  <si>
    <t>DC029601</t>
  </si>
  <si>
    <t>Transitievisie Warmte Wijchen</t>
  </si>
  <si>
    <t>Haalbaar en betaalbaar voor iedereen ; Beschikbaar, betrouwbaar en duurzaam richting de toekomst</t>
  </si>
  <si>
    <t>De Transitievisie Warmte is de eerste stap van de warmtetransitie in onze gemeente. We verplichten inwoners nog niet om naar een duurzame warmteoplossing over te stappen. Wel willen we onze samenleving alvast voorbereiden op een aardgasvrije toekomst. De</t>
  </si>
  <si>
    <t>In Wijchen willen wij onze CO2-uitstoot in 2030 met 49% terugbrengen en op termijn energieneutraal worden.</t>
  </si>
  <si>
    <t>https://warmtetransitiewijchen.ireporting.nl/</t>
  </si>
  <si>
    <t>PL0209010002</t>
  </si>
  <si>
    <t>PL0296010001</t>
  </si>
  <si>
    <t>Aalsburg, Alverna, Balgoij, Batenburg, Bergharen, Blauwe hof, Buitengebied, De Meren, De Uilenboom, Diemewei, Heilige Stoel, Hermen, Hofsedam, Huurlingsedam, Kraaijenberg, Lambrasse, Leur, Loonse Waard, Niftrik, Saltshof, Veenhof,</t>
  </si>
  <si>
    <t>Goede isolatie, minimaal schillabel B. Zoveel mogelijk dubbele infrastructuur vermijden, het elektriciteitsnetwerk moet het aankunnen, maatschappelijke kosten-baten moeten in beeld gebracht worden voordat er een definitief besluit wordt genomen. Daarnaas</t>
  </si>
  <si>
    <t>BU02090110</t>
  </si>
  <si>
    <t>Beuningen-Beuningse Plas Plas</t>
  </si>
  <si>
    <t>2021BU02090110</t>
  </si>
  <si>
    <t>buurten.0dfe7b29-516f-40ee-ac30-22005cc8fc4a</t>
  </si>
  <si>
    <t>Label C/D (minimaal)</t>
  </si>
  <si>
    <t>aquathermie (RWZI) en/of restwarmte (AVI)</t>
  </si>
  <si>
    <t>BU02090111</t>
  </si>
  <si>
    <t>Beuningen-Centrum</t>
  </si>
  <si>
    <t>2021BU02090111</t>
  </si>
  <si>
    <t>buurten.c56b34ad-e1ec-46d2-b17b-2afad3390fcf</t>
  </si>
  <si>
    <t>BU02090112</t>
  </si>
  <si>
    <t>Beuningen-Centrum Oost</t>
  </si>
  <si>
    <t>2021BU02090112</t>
  </si>
  <si>
    <t>buurten.5db49a98-6d27-494f-9298-ded80280f347</t>
  </si>
  <si>
    <t>BU02090113</t>
  </si>
  <si>
    <t>Beuningen-De Haaghe</t>
  </si>
  <si>
    <t>2021BU02090113</t>
  </si>
  <si>
    <t>buurten.f2c05000-ee0c-48fc-be94-b7536804f9d9</t>
  </si>
  <si>
    <t>BU02090114</t>
  </si>
  <si>
    <t>Beuningen-De Notenhof</t>
  </si>
  <si>
    <t>2021BU02090114</t>
  </si>
  <si>
    <t>buurten.66e58622-16f3-47da-b760-0f1aeb33852c</t>
  </si>
  <si>
    <t>BU02090121</t>
  </si>
  <si>
    <t>Beuningen-Duivenkamp</t>
  </si>
  <si>
    <t>2021BU02090121</t>
  </si>
  <si>
    <t>buurten.154aaffb-1b35-434a-ad5e-3789dc493e98</t>
  </si>
  <si>
    <t>BU02090122</t>
  </si>
  <si>
    <t>Beuningen-De Linde</t>
  </si>
  <si>
    <t>2021BU02090122</t>
  </si>
  <si>
    <t>buurten.1e7a454d-5f4c-474d-bf29-111eff2606d4</t>
  </si>
  <si>
    <t>BU02090123</t>
  </si>
  <si>
    <t>Beuningen-Hoeve-1</t>
  </si>
  <si>
    <t>2021BU02090123</t>
  </si>
  <si>
    <t>buurten.9793505e-af89-4973-96b1-9c9b74812db8</t>
  </si>
  <si>
    <t>BU02090124</t>
  </si>
  <si>
    <t>Beuningen-Hoeve-2</t>
  </si>
  <si>
    <t>2021BU02090124</t>
  </si>
  <si>
    <t>buurten.d55810ed-4900-4f6c-afe3-c5ab82960e84</t>
  </si>
  <si>
    <t>BU02090125</t>
  </si>
  <si>
    <t>Beuningen-Hoeve-3</t>
  </si>
  <si>
    <t>2021BU02090125</t>
  </si>
  <si>
    <t>buurten.64cfb249-f6e3-4237-a34f-7579f181c101</t>
  </si>
  <si>
    <t>BU02090126</t>
  </si>
  <si>
    <t>Beuningen-De Hutgraaf</t>
  </si>
  <si>
    <t>2021BU02090126</t>
  </si>
  <si>
    <t>buurten.c63f6931-2abe-4541-b7fd-7245c5733a79</t>
  </si>
  <si>
    <t>BU02090131</t>
  </si>
  <si>
    <t>Beuningen-Schoenaker</t>
  </si>
  <si>
    <t>2021BU02090131</t>
  </si>
  <si>
    <t>buurten.9a3b46c9-5b0e-495e-bb35-cb66720ef81a</t>
  </si>
  <si>
    <t>BU02090141</t>
  </si>
  <si>
    <t>Beuningen-Aalsterveld</t>
  </si>
  <si>
    <t>2021BU02090141</t>
  </si>
  <si>
    <t>buurten.bf142a1d-0759-4ab3-8f3b-076cdd5446fd</t>
  </si>
  <si>
    <t>BU02090142</t>
  </si>
  <si>
    <t>Beuningen-Olden Tempel</t>
  </si>
  <si>
    <t>2021BU02090142</t>
  </si>
  <si>
    <t>buurten.8438aafd-22d0-43c0-a4ff-36efef11238b</t>
  </si>
  <si>
    <t>BU02090143</t>
  </si>
  <si>
    <t>Beuningen-Blanckenburgh</t>
  </si>
  <si>
    <t>2021BU02090143</t>
  </si>
  <si>
    <t>buurten.174fe47d-1916-4181-af42-5c15df622cbc</t>
  </si>
  <si>
    <t>BU02090144</t>
  </si>
  <si>
    <t>Beuningen-Viermorgen</t>
  </si>
  <si>
    <t>2021BU02090144</t>
  </si>
  <si>
    <t>buurten.76861f22-b9ba-4de2-b428-f5d840ed3a22</t>
  </si>
  <si>
    <t>BU02090145</t>
  </si>
  <si>
    <t>Beuningen-Tinnegieter</t>
  </si>
  <si>
    <t>2021BU02090145</t>
  </si>
  <si>
    <t>buurten.ea145918-adb5-414b-99f4-9c743fd64f8e</t>
  </si>
  <si>
    <t>BU02090146</t>
  </si>
  <si>
    <t>Beuningen-Den Balmerd</t>
  </si>
  <si>
    <t>2021BU02090146</t>
  </si>
  <si>
    <t>buurten.6d56d376-7eaa-43c0-9669-321348ce0cc7</t>
  </si>
  <si>
    <t>BU02090147</t>
  </si>
  <si>
    <t>Beuningen-Sportpark De Ooigraaf</t>
  </si>
  <si>
    <t>2021BU02090147</t>
  </si>
  <si>
    <t>buurten.d3176460-ecaf-489c-ac65-be2c6923e1d1</t>
  </si>
  <si>
    <t>BU02090151</t>
  </si>
  <si>
    <t>Beuningen-Heuve-1</t>
  </si>
  <si>
    <t>2021BU02090151</t>
  </si>
  <si>
    <t>buurten.d0044644-6e36-4d47-90c9-adfcd5fe80d9</t>
  </si>
  <si>
    <t>BU02090152</t>
  </si>
  <si>
    <t>Beuningen-Heuve-2</t>
  </si>
  <si>
    <t>2021BU02090152</t>
  </si>
  <si>
    <t>buurten.18177850-d247-4a5b-8279-ec8cf24985af</t>
  </si>
  <si>
    <t>BU02090153</t>
  </si>
  <si>
    <t>Beuningen-Heuve-3</t>
  </si>
  <si>
    <t>2021BU02090153</t>
  </si>
  <si>
    <t>buurten.4cfb75c0-37b1-428b-b109-480653f7be3f</t>
  </si>
  <si>
    <t>BU02090154</t>
  </si>
  <si>
    <t>Beuningen-Heuve-4</t>
  </si>
  <si>
    <t>2021BU02090154</t>
  </si>
  <si>
    <t>buurten.775b3908-e288-4e42-862d-749ee461c709</t>
  </si>
  <si>
    <t>BU02090161</t>
  </si>
  <si>
    <t>Beuningen-Beuningse Plas</t>
  </si>
  <si>
    <t>2021BU02090161</t>
  </si>
  <si>
    <t>buurten.76d42b91-3a48-472b-81ec-b240b78a4511</t>
  </si>
  <si>
    <t>BU02090202</t>
  </si>
  <si>
    <t>Ewijk-Buitengebied Noord-1</t>
  </si>
  <si>
    <t>WK020902</t>
  </si>
  <si>
    <t>2021BU02090202</t>
  </si>
  <si>
    <t>buurten.44b1e76f-6469-47c3-a8c7-d05b66fb2f3f</t>
  </si>
  <si>
    <t>BU02090203</t>
  </si>
  <si>
    <t>Ewijk-Buitengebied Zuid-1</t>
  </si>
  <si>
    <t>2021BU02090203</t>
  </si>
  <si>
    <t>buurten.b8b7a750-7a42-4062-953f-58f41e226744</t>
  </si>
  <si>
    <t>BU02090204</t>
  </si>
  <si>
    <t>Ewijk-Buitengebied Zuid-2</t>
  </si>
  <si>
    <t>2021BU02090204</t>
  </si>
  <si>
    <t>buurten.d8227ea0-f7cf-4426-a6cd-be16faf66d02</t>
  </si>
  <si>
    <t>BU02090271</t>
  </si>
  <si>
    <t>Ewijk-Centrum</t>
  </si>
  <si>
    <t>2021BU02090271</t>
  </si>
  <si>
    <t>buurten.9e45f020-ed27-4980-8dc5-bd474a43d61d</t>
  </si>
  <si>
    <t>BU02090272</t>
  </si>
  <si>
    <t>Ewijk-Vording-2</t>
  </si>
  <si>
    <t>2021BU02090272</t>
  </si>
  <si>
    <t>buurten.447551e9-20e6-49cf-83ea-58ada003fcc3</t>
  </si>
  <si>
    <t>BU02090273</t>
  </si>
  <si>
    <t>Ewijk-Vording-3</t>
  </si>
  <si>
    <t>2021BU02090273</t>
  </si>
  <si>
    <t>buurten.0fa0ea41-df32-4181-9b50-ed3e3f1309ca</t>
  </si>
  <si>
    <t>BU02090274</t>
  </si>
  <si>
    <t>Ewijk-Veluwstraat</t>
  </si>
  <si>
    <t>2021BU02090274</t>
  </si>
  <si>
    <t>buurten.5f0af8b2-027d-4c43-9718-36361e3a55b1</t>
  </si>
  <si>
    <t>BU02090275</t>
  </si>
  <si>
    <t>Ewijk-Keizershoeve</t>
  </si>
  <si>
    <t>2021BU02090275</t>
  </si>
  <si>
    <t>buurten.b4ef4e5f-25ca-407b-ae78-aae52c6f77a5</t>
  </si>
  <si>
    <t>BU02090276</t>
  </si>
  <si>
    <t>Ewijk-Den Elt</t>
  </si>
  <si>
    <t>2021BU02090276</t>
  </si>
  <si>
    <t>buurten.cc485bcb-807d-4016-b8ce-7e6e2fbbbd2e</t>
  </si>
  <si>
    <t>BU02090305</t>
  </si>
  <si>
    <t>Weurt-Buitengebied Noord</t>
  </si>
  <si>
    <t>WK020903</t>
  </si>
  <si>
    <t>2021BU02090305</t>
  </si>
  <si>
    <t>buurten.27662c15-1956-4097-b510-e879521e2335</t>
  </si>
  <si>
    <t>BU02090306</t>
  </si>
  <si>
    <t>Weurt-Buitengebied Zuid</t>
  </si>
  <si>
    <t>2021BU02090306</t>
  </si>
  <si>
    <t>buurten.bcb794b4-6633-45ba-a390-2f982fc5d92a</t>
  </si>
  <si>
    <t>BU02090381</t>
  </si>
  <si>
    <t>Weurt-Noord</t>
  </si>
  <si>
    <t>2021BU02090381</t>
  </si>
  <si>
    <t>buurten.d066f7a4-15cf-4983-aed7-0647aa3b5c70</t>
  </si>
  <si>
    <t>BU02090382</t>
  </si>
  <si>
    <t>Weurt-Zuid</t>
  </si>
  <si>
    <t>2021BU02090382</t>
  </si>
  <si>
    <t>buurten.4efa655f-20cf-4f33-8ec7-158b929cf02f</t>
  </si>
  <si>
    <t>BU02090383</t>
  </si>
  <si>
    <t>Weurt-De Sluis</t>
  </si>
  <si>
    <t>2021BU02090383</t>
  </si>
  <si>
    <t>buurten.c142922c-6778-49fd-89c0-09ad3fcda48c</t>
  </si>
  <si>
    <t>BU02090407</t>
  </si>
  <si>
    <t>Winssen-Buitengebied Noord</t>
  </si>
  <si>
    <t>WK020904</t>
  </si>
  <si>
    <t>2021BU02090407</t>
  </si>
  <si>
    <t>buurten.10050e98-2351-4ea9-a786-b142871cf505</t>
  </si>
  <si>
    <t>GM1740</t>
  </si>
  <si>
    <t>aardgasvrij in 2050  (30% in 2030, 70% in 2040)</t>
  </si>
  <si>
    <t>DC174001</t>
  </si>
  <si>
    <t>Transitievisie Warmte Neder-Betuwe 1.0 Samen bereiden we ons voor op wonen zonder aardgas - stap voor stap op weg naar duurzame alternatieven</t>
  </si>
  <si>
    <t>Niet gesteld</t>
  </si>
  <si>
    <t>Beperking warmtevraagParticipatie Wijkuitvoeringsplannen opstellenCommunicerenGemeentelijke uitvoeringsorganisatie formeren</t>
  </si>
  <si>
    <t>PL1740010017</t>
  </si>
  <si>
    <t>Verspreide huizen Dodewaard-Oost en Wely</t>
  </si>
  <si>
    <t>Veel woningen zullen extra geisoleerd moeten worden.</t>
  </si>
  <si>
    <t>Stoppen gasverbruik</t>
  </si>
  <si>
    <t>elektrisch</t>
  </si>
  <si>
    <t>BU02090408</t>
  </si>
  <si>
    <t>Winssen-Buitengebied Zuid-1</t>
  </si>
  <si>
    <t>2021BU02090408</t>
  </si>
  <si>
    <t>buurten.133d6dac-5a4b-44a1-b973-60bd5b27e151</t>
  </si>
  <si>
    <t>BU02090409</t>
  </si>
  <si>
    <t>Winssen-Buitengebied Zuid-2</t>
  </si>
  <si>
    <t>2021BU02090409</t>
  </si>
  <si>
    <t>buurten.7891987d-18e0-4997-82e8-923b559b1a1e</t>
  </si>
  <si>
    <t>BU02090491</t>
  </si>
  <si>
    <t>Winssen-Centrum</t>
  </si>
  <si>
    <t>2021BU02090491</t>
  </si>
  <si>
    <t>buurten.f81451e8-0011-45cd-a9e0-f738d5c0dd0a</t>
  </si>
  <si>
    <t>BU02130100</t>
  </si>
  <si>
    <t>Empe Kern</t>
  </si>
  <si>
    <t>WK021301</t>
  </si>
  <si>
    <t>2021BU02130100</t>
  </si>
  <si>
    <t>buurten.4dd61b5a-7617-4e2d-8c85-0ea29f124121</t>
  </si>
  <si>
    <t>PL0213010001</t>
  </si>
  <si>
    <t>Gemeentebreed warmtepomp</t>
  </si>
  <si>
    <t>Dit spoor legt de nadruk op het terugbrengen van de energievraag in de gebouwde omgeving in gemeente Brummen. Daarnaast is dit spoor er tot 2030 op gericht om de voorwaarden te creeren om na 2030 versneld een groter aantal woningen van het gas af te kunn</t>
  </si>
  <si>
    <t>BU02130101</t>
  </si>
  <si>
    <t>Verspreide huizen Empe</t>
  </si>
  <si>
    <t>2021BU02130101</t>
  </si>
  <si>
    <t>buurten.40937306-55bd-46ae-ab45-89e11798d41a</t>
  </si>
  <si>
    <t>GM0301</t>
  </si>
  <si>
    <t>Zutphen</t>
  </si>
  <si>
    <t>CO2-neutraal in 2050. energieneutraal, duurzaam en zonder aardgas (zonder jaartal)</t>
  </si>
  <si>
    <t>DC030101</t>
  </si>
  <si>
    <t>2021-09-16</t>
  </si>
  <si>
    <t>A. Gemeenschappelijke uitgangspunten1. We gaan voor een realistische en haalbare visie.2. We streven naar een robuuste en betrouwbare warmtevoorziening op basis van lokale duurzame warmtebronnen.3. We houden de betaalbaarheid van de gekozen warmteoplossi</t>
  </si>
  <si>
    <t>De Transitievisie Warmte is een nieuw instrument om de energietransitie in de gebouwde omgeving te realiseren. Om ervoor te zorgen dat de afspraken uit de TVW juridisch bindend zijn, zullen deze verankerd worden in het omgevingsrecht. De nieuwe Omgevings</t>
  </si>
  <si>
    <t>https://raad.zutphen.nl/dataaadsstuk-raadransitievisie-warmte-gemeente-zutphen-2021/1.%20Transitievisie%20Warmte%202021%20Gemeente%20Zutphen.pdf</t>
  </si>
  <si>
    <t>PL0301010005</t>
  </si>
  <si>
    <t>Individueel spoor</t>
  </si>
  <si>
    <t>definitief, Energieloket en energiecoaches staan opgesteld.</t>
  </si>
  <si>
    <t>informerende rol</t>
  </si>
  <si>
    <t>n.v.t</t>
  </si>
  <si>
    <t>BU02130102</t>
  </si>
  <si>
    <t>Dovenkamp</t>
  </si>
  <si>
    <t>2021BU02130102</t>
  </si>
  <si>
    <t>buurten.593749eb-768e-4a39-a74f-c565c3217663</t>
  </si>
  <si>
    <t>Transitievisie Warmte 2021 1.0</t>
  </si>
  <si>
    <t>Onze ambitie is de CO2-reductie zoals afgesproken in het Klimaatakkoord. In het Klimaatakkoord is vastgesteld dat uiterlijk in 2050 alle gebouwen in Nederland van het aardgas af moeten zijn en 20% van de gebouwen in 2030.</t>
  </si>
  <si>
    <t>BU02130200</t>
  </si>
  <si>
    <t>Tonden</t>
  </si>
  <si>
    <t>WK021302</t>
  </si>
  <si>
    <t>2021BU02130200</t>
  </si>
  <si>
    <t>buurten.e6a6c500-d7a2-44c5-8d73-d5751317368c</t>
  </si>
  <si>
    <t>BU02130300</t>
  </si>
  <si>
    <t>Brummen Centrum</t>
  </si>
  <si>
    <t>WK021303</t>
  </si>
  <si>
    <t>2021BU02130300</t>
  </si>
  <si>
    <t>buurten.856725c8-14bf-427d-ab55-e8e1d46316e2</t>
  </si>
  <si>
    <t>BU02130301</t>
  </si>
  <si>
    <t>Brummense Enk West</t>
  </si>
  <si>
    <t>2021BU02130301</t>
  </si>
  <si>
    <t>buurten.df75577c-2b2b-43af-b400-01866b4611b4</t>
  </si>
  <si>
    <t>BU02130302</t>
  </si>
  <si>
    <t>Brummense Enk Oost</t>
  </si>
  <si>
    <t>2021BU02130302</t>
  </si>
  <si>
    <t>buurten.8817f2e5-f1fb-4a55-8cbc-f6b9b3633043</t>
  </si>
  <si>
    <t>BU02130303</t>
  </si>
  <si>
    <t>De Pothof</t>
  </si>
  <si>
    <t>2021BU02130303</t>
  </si>
  <si>
    <t>buurten.4a19f498-0763-4d76-8d51-ac03b8e0b4ca</t>
  </si>
  <si>
    <t>BU02130304</t>
  </si>
  <si>
    <t>Koppelenburg</t>
  </si>
  <si>
    <t>2021BU02130304</t>
  </si>
  <si>
    <t>buurten.841cd46d-7d6c-4034-a7b9-6f67ce8ff84d</t>
  </si>
  <si>
    <t>BU02130305</t>
  </si>
  <si>
    <t>Verspreide huizen Brummen</t>
  </si>
  <si>
    <t>2021BU02130305</t>
  </si>
  <si>
    <t>buurten.645b8b74-3c66-40b6-9414-00f3e5326069</t>
  </si>
  <si>
    <t>BU02130306</t>
  </si>
  <si>
    <t>Rhienderen Kern</t>
  </si>
  <si>
    <t>2021BU02130306</t>
  </si>
  <si>
    <t>buurten.b7225d4d-cbdb-427a-9a58-00f0d8f0f267</t>
  </si>
  <si>
    <t>BU02130307</t>
  </si>
  <si>
    <t>Rhienderen Noord</t>
  </si>
  <si>
    <t>2021BU02130307</t>
  </si>
  <si>
    <t>buurten.4a21e485-3d6e-447e-8d62-b670679b9660</t>
  </si>
  <si>
    <t>BU02130308</t>
  </si>
  <si>
    <t>Rhienderense Enk</t>
  </si>
  <si>
    <t>2021BU02130308</t>
  </si>
  <si>
    <t>buurten.1fddd965-2e14-4563-b1e1-14fe14718c27</t>
  </si>
  <si>
    <t>BU02130309</t>
  </si>
  <si>
    <t>Elzenbos</t>
  </si>
  <si>
    <t>2021BU02130309</t>
  </si>
  <si>
    <t>buurten.e7a06a06-af95-4087-a224-3e611047d6a1</t>
  </si>
  <si>
    <t>BU02130310</t>
  </si>
  <si>
    <t>Hazenberg</t>
  </si>
  <si>
    <t>2021BU02130310</t>
  </si>
  <si>
    <t>buurten.31d296c2-03a7-4fc5-ab24-179682131813</t>
  </si>
  <si>
    <t>BU02130311</t>
  </si>
  <si>
    <t>Verspreide huizen Rhienderen</t>
  </si>
  <si>
    <t>2021BU02130311</t>
  </si>
  <si>
    <t>buurten.2e86a84f-ae27-434b-965b-98b9f331c495</t>
  </si>
  <si>
    <t>BU02130312</t>
  </si>
  <si>
    <t>Rhienderense Broek</t>
  </si>
  <si>
    <t>2021BU02130312</t>
  </si>
  <si>
    <t>buurten.7b364334-22ba-461d-bd29-8b503a2c1adb</t>
  </si>
  <si>
    <t>BU02130313</t>
  </si>
  <si>
    <t>Oeken kern</t>
  </si>
  <si>
    <t>2021BU02130313</t>
  </si>
  <si>
    <t>buurten.13e62b01-ba4a-490c-8022-f3c66d16ef1b</t>
  </si>
  <si>
    <t>BU02130314</t>
  </si>
  <si>
    <t>Verspreide huizen Oeken</t>
  </si>
  <si>
    <t>2021BU02130314</t>
  </si>
  <si>
    <t>buurten.70240096-3b27-475b-a4cc-d6364383d932</t>
  </si>
  <si>
    <t>BU02130315</t>
  </si>
  <si>
    <t>Wapsum</t>
  </si>
  <si>
    <t>2021BU02130315</t>
  </si>
  <si>
    <t>buurten.a7110f5b-37c1-4d17-ae94-c238bd7dfc77</t>
  </si>
  <si>
    <t>BU02130316</t>
  </si>
  <si>
    <t>Voorstonden</t>
  </si>
  <si>
    <t>2021BU02130316</t>
  </si>
  <si>
    <t>buurten.766d3a00-d700-4216-821c-aa950834422b</t>
  </si>
  <si>
    <t>BU02130317</t>
  </si>
  <si>
    <t>Cortenoever</t>
  </si>
  <si>
    <t>2021BU02130317</t>
  </si>
  <si>
    <t>buurten.10f79bb0-a812-4959-b84e-fb508fd145fe</t>
  </si>
  <si>
    <t>BU02130400</t>
  </si>
  <si>
    <t>Leuvenheim kern</t>
  </si>
  <si>
    <t>WK021304</t>
  </si>
  <si>
    <t>2021BU02130400</t>
  </si>
  <si>
    <t>buurten.4eca1270-e34a-4b03-8aaf-6cded08e2b9d</t>
  </si>
  <si>
    <t>BU02130401</t>
  </si>
  <si>
    <t>Verspreide huizen Leuvenheim</t>
  </si>
  <si>
    <t>2021BU02130401</t>
  </si>
  <si>
    <t>buurten.1c3357ab-67df-45df-a6bf-e28cac45b96d</t>
  </si>
  <si>
    <t>Isolatie campagne</t>
  </si>
  <si>
    <t>BU02130402</t>
  </si>
  <si>
    <t>Lichtenbelt</t>
  </si>
  <si>
    <t>2021BU02130402</t>
  </si>
  <si>
    <t>buurten.869974a5-2ab7-4979-bce8-34dac8fe2226</t>
  </si>
  <si>
    <t>BU02130500</t>
  </si>
  <si>
    <t>Hall kern</t>
  </si>
  <si>
    <t>WK021305</t>
  </si>
  <si>
    <t>2021BU02130500</t>
  </si>
  <si>
    <t>buurten.261d3b09-06e1-4be5-8e8a-a6bfe254b232</t>
  </si>
  <si>
    <t>BU02130501</t>
  </si>
  <si>
    <t>Verspreide huizen Hall</t>
  </si>
  <si>
    <t>2021BU02130501</t>
  </si>
  <si>
    <t>buurten.50ef0f91-45c0-4cef-b3a0-0a2adb741ab4</t>
  </si>
  <si>
    <t>BU02130502</t>
  </si>
  <si>
    <t>Cellenrijk</t>
  </si>
  <si>
    <t>2021BU02130502</t>
  </si>
  <si>
    <t>buurten.344400de-f514-4257-b367-1edfeedf377c</t>
  </si>
  <si>
    <t>BU02130600</t>
  </si>
  <si>
    <t>Eerbeek centrum</t>
  </si>
  <si>
    <t>WK021306</t>
  </si>
  <si>
    <t>2021BU02130600</t>
  </si>
  <si>
    <t>buurten.54bda34d-eb89-41bb-beb9-5d1339844691</t>
  </si>
  <si>
    <t>PL0213010003</t>
  </si>
  <si>
    <t>Eerbeek</t>
  </si>
  <si>
    <t>Voorwaarden voor kern Eerbeek:- Restwarmte potentieel is groot/kansrijke warmtebron- Hoge bebouwingsdichtheid is gunstig- Er is corporatiebezit met renovatieplannen en een verouderd gasnet (koppelkansen)- Aanhaken van de relevante stakeholders bij het ve</t>
  </si>
  <si>
    <t>Het doel is om voor 2030 de eerste wijken in Eerbeek aan te sluiten op het warmtenet</t>
  </si>
  <si>
    <t>Restwarmte uit papierindustrie</t>
  </si>
  <si>
    <t>BU02130601</t>
  </si>
  <si>
    <t>2021BU02130601</t>
  </si>
  <si>
    <t>buurten.e399d9d5-788b-49b8-8299-7639fbc6d718</t>
  </si>
  <si>
    <t>BU02130602</t>
  </si>
  <si>
    <t>Noorder Enk</t>
  </si>
  <si>
    <t>2021BU02130602</t>
  </si>
  <si>
    <t>buurten.99f1b975-5347-4db9-990b-afc8bef2bdaa</t>
  </si>
  <si>
    <t>BU02130603</t>
  </si>
  <si>
    <t>Werfakker</t>
  </si>
  <si>
    <t>2021BU02130603</t>
  </si>
  <si>
    <t>buurten.5fdec7b6-eb2b-49dc-afd0-934d06541962</t>
  </si>
  <si>
    <t>BU02130604</t>
  </si>
  <si>
    <t>Veldkant</t>
  </si>
  <si>
    <t>2021BU02130604</t>
  </si>
  <si>
    <t>buurten.0160e6d0-20bd-484e-bf53-9e8154696aad</t>
  </si>
  <si>
    <t>BU02130605</t>
  </si>
  <si>
    <t>Eerbeekse Enk</t>
  </si>
  <si>
    <t>2021BU02130605</t>
  </si>
  <si>
    <t>buurten.87375660-a2c7-438b-8a26-e704123197f7</t>
  </si>
  <si>
    <t>BU02130606</t>
  </si>
  <si>
    <t>Eerbeek Zuid</t>
  </si>
  <si>
    <t>2021BU02130606</t>
  </si>
  <si>
    <t>buurten.cf1f5fd7-4351-4b4a-b569-da55ebc2c04a</t>
  </si>
  <si>
    <t>PL0213010004</t>
  </si>
  <si>
    <t>Wilhelminapark</t>
  </si>
  <si>
    <t>Zo goed mogelijk faciliteren en ondersteunen van de georganiseerde bewoners van Wilhelminapark</t>
  </si>
  <si>
    <t>Biogas uit Industriewater Eerbeek (IWE)</t>
  </si>
  <si>
    <t>BU02130607</t>
  </si>
  <si>
    <t>Het Hungeling</t>
  </si>
  <si>
    <t>2021BU02130607</t>
  </si>
  <si>
    <t>buurten.ecbb2445-2918-42d2-82b6-be51fa71c2f2</t>
  </si>
  <si>
    <t>BU02130608</t>
  </si>
  <si>
    <t>2021BU02130608</t>
  </si>
  <si>
    <t>buurten.31b5cd76-5e33-41e8-9ee9-75351021fa12</t>
  </si>
  <si>
    <t>Voorwaarden Wilhelminapark- Aanwezige energie onder de bewoners benutten en met hen in gesprek blijven over de mogelijke oplossingen</t>
  </si>
  <si>
    <t>hernieuwbaar gas (biogas)</t>
  </si>
  <si>
    <t>BU02130609</t>
  </si>
  <si>
    <t>Verspreide huizen Eerbeek</t>
  </si>
  <si>
    <t>2021BU02130609</t>
  </si>
  <si>
    <t>buurten.cc31d332-8735-4e6e-b720-49cdcc70293f</t>
  </si>
  <si>
    <t>PL0275010013</t>
  </si>
  <si>
    <t>MT/LT warmte: aquathermie en/of zonnewarmte</t>
  </si>
  <si>
    <t>22</t>
  </si>
  <si>
    <t>BU02130610</t>
  </si>
  <si>
    <t>Coldenhove</t>
  </si>
  <si>
    <t>2021BU02130610</t>
  </si>
  <si>
    <t>buurten.7b98aaed-a6b5-48ef-aa34-1357c8bbeff6</t>
  </si>
  <si>
    <t>MT/LT warmte uit aquathermie en/of zonthermie</t>
  </si>
  <si>
    <t>BU02140000</t>
  </si>
  <si>
    <t>Buren-Oude Kern</t>
  </si>
  <si>
    <t>WK021400</t>
  </si>
  <si>
    <t>GM0214</t>
  </si>
  <si>
    <t>2021BU02140000</t>
  </si>
  <si>
    <t>buurten.16e70649-4efa-491f-ae76-59e43d935d9f</t>
  </si>
  <si>
    <t>DC021401</t>
  </si>
  <si>
    <t>De warmtetransitie Buren 2022-2024: Een visie met een plan!</t>
  </si>
  <si>
    <t>Een goede isolatie van gebouwenDe capaciteit van het elektriciteitsnetRekening houden met drinkwatergebiedPlanning van uitvoerend werk</t>
  </si>
  <si>
    <t>Iedereen doet mee50% lokale betrokkenheidGemeente actief als deelnemer en geven van het goede voorbeeld</t>
  </si>
  <si>
    <t>Isoleren en besparenGerichte aanpak van het buitengebiedCollectief waar mogelijkKleine warmtenetten</t>
  </si>
  <si>
    <t>https://services.arcgis.com/kE0BiyvJHb5SwQv7/arcgis/rest/services/TVW_publish/FeatureServer/0/59/attachments/59</t>
  </si>
  <si>
    <t>PL0214010002</t>
  </si>
  <si>
    <t>PL0214010007</t>
  </si>
  <si>
    <t>Buren Appelenboomgaard</t>
  </si>
  <si>
    <t>Verspreide huizen Buren</t>
  </si>
  <si>
    <t>Als tussenoplossing</t>
  </si>
  <si>
    <t>financiele en technische haalbaarheid</t>
  </si>
  <si>
    <t>Onderzoek naar warmtenet</t>
  </si>
  <si>
    <t>Label B/A (bij voorkeur), twee labelstappen</t>
  </si>
  <si>
    <t>LT warmte uit Aquathermie</t>
  </si>
  <si>
    <t>elektrisch/gas</t>
  </si>
  <si>
    <t>LT warmte: aquathermie</t>
  </si>
  <si>
    <t>BU02140001</t>
  </si>
  <si>
    <t>2021BU02140001</t>
  </si>
  <si>
    <t>buurten.5bf9b926-8de9-4c7e-97f0-068b59e82424</t>
  </si>
  <si>
    <t>BU02140002</t>
  </si>
  <si>
    <t>Buren Tielseweg</t>
  </si>
  <si>
    <t>2021BU02140002</t>
  </si>
  <si>
    <t>buurten.62a1296c-8371-45d9-a43f-cf6b4a0b4097</t>
  </si>
  <si>
    <t>PL0214010003</t>
  </si>
  <si>
    <t>BU02140003</t>
  </si>
  <si>
    <t>Asch</t>
  </si>
  <si>
    <t>2021BU02140003</t>
  </si>
  <si>
    <t>buurten.97c23f63-933c-40c8-9570-b5d5ab108790</t>
  </si>
  <si>
    <t>PL0214010001</t>
  </si>
  <si>
    <t>PL0214010006</t>
  </si>
  <si>
    <t>Verspreide huizen Asch</t>
  </si>
  <si>
    <t>Reductie gasverbruik tot 2040</t>
  </si>
  <si>
    <t>BU02140004</t>
  </si>
  <si>
    <t>Erichem</t>
  </si>
  <si>
    <t>2021BU02140004</t>
  </si>
  <si>
    <t>buurten.e8c2ea11-a345-4899-bae3-c0638a205a35</t>
  </si>
  <si>
    <t>PL0214010005</t>
  </si>
  <si>
    <t>PL0214010015</t>
  </si>
  <si>
    <t>Verspreide huizen Kapel Avezaath</t>
  </si>
  <si>
    <t>BU02140006</t>
  </si>
  <si>
    <t>Verspreide huizen poldergebied Buurmalsen</t>
  </si>
  <si>
    <t>2021BU02140006</t>
  </si>
  <si>
    <t>buurten.828543dc-ee3d-4997-a964-c328664f10f0</t>
  </si>
  <si>
    <t>PL0214010009</t>
  </si>
  <si>
    <t>BU02140007</t>
  </si>
  <si>
    <t>Verspreide huizen Erichem</t>
  </si>
  <si>
    <t>2021BU02140007</t>
  </si>
  <si>
    <t>buurten.186e8212-1b8e-4c76-9960-9d0f8ee17b47</t>
  </si>
  <si>
    <t>PL0214010016</t>
  </si>
  <si>
    <t>De Woerd</t>
  </si>
  <si>
    <t>Verspreide huizen Kerk Avezaath</t>
  </si>
  <si>
    <t>BU02140008</t>
  </si>
  <si>
    <t>2021BU02140008</t>
  </si>
  <si>
    <t>buurten.5173af30-1154-4f54-b8c3-9746fd924f21</t>
  </si>
  <si>
    <t>PL0214010039</t>
  </si>
  <si>
    <t>BU02140009</t>
  </si>
  <si>
    <t>2021BU02140009</t>
  </si>
  <si>
    <t>buurten.e2033bd2-101e-459c-80b1-b26ec88abfa1</t>
  </si>
  <si>
    <t>BU02140100</t>
  </si>
  <si>
    <t>Beusichem</t>
  </si>
  <si>
    <t>WK021401</t>
  </si>
  <si>
    <t>2021BU02140100</t>
  </si>
  <si>
    <t>buurten.396ea874-5b87-4cb0-8e23-749c445d8ff3</t>
  </si>
  <si>
    <t>PL0214010010</t>
  </si>
  <si>
    <t>PL0214010011</t>
  </si>
  <si>
    <t>Verspreide huizen Beusichem en Zoelmond</t>
  </si>
  <si>
    <t>niet bepaalde HT/LT bron</t>
  </si>
  <si>
    <t>BU02140101</t>
  </si>
  <si>
    <t>Zoelmond</t>
  </si>
  <si>
    <t>2021BU02140101</t>
  </si>
  <si>
    <t>buurten.016012c4-c213-424d-8014-35c9e090ffee</t>
  </si>
  <si>
    <t>BU02140109</t>
  </si>
  <si>
    <t>2021BU02140109</t>
  </si>
  <si>
    <t>buurten.e071160b-cb3c-4f5d-a78d-beb75a586ceb</t>
  </si>
  <si>
    <t>GM0352</t>
  </si>
  <si>
    <t>Wijk bij Duurstede</t>
  </si>
  <si>
    <t>33% aardgasreductie in 2030, aardgasvrij in 2050</t>
  </si>
  <si>
    <t>DC035201</t>
  </si>
  <si>
    <t>Verduurzamen doen we samenTransitievisie Warmte Culemborg</t>
  </si>
  <si>
    <t>2021-12-09</t>
  </si>
  <si>
    <t>Aandacht voor gezamelijke belangen; De TVW legt de basis voor draagvlak voor transitieplannen bij wijkbewoners, maar maakt nog geen uiteindelijke keuzes. Er moet ruimte zijn voor keuzevrijheid voor gebouweigenaren. De planning van verschillende stakehold</t>
  </si>
  <si>
    <t>Beperking warmtevraagParticipatie Wijkuitvoeringsplannen opstellenInformeren en communicerenGemeentelijke uitvoeringsorganisatie formeren</t>
  </si>
  <si>
    <t>De realiteit is dat de overgangskosten op dit moment te hoog zijn voor de meeste woningen in Wijk bij Duurstede. Ook is voor veel wijken nog onduidelijk welke techniek uiteindelijk het beste is. We kiezen daarom voor een stapsgewijze transitie. De belang</t>
  </si>
  <si>
    <t>https://services.arcgis.com/kE0BiyvJHb5SwQv7/arcgis/rest/services/TVW_publish/FeatureServer/0/195/attachments/135</t>
  </si>
  <si>
    <t>https://www.wijkbijduurstede.nl/fileadmin/wijk_bij_duurstede/Duurzaamheid/Gemeente_WbD_Rapport_Warmtevisie.pdf</t>
  </si>
  <si>
    <t>PL0352010006</t>
  </si>
  <si>
    <t>Voor het buitengebied liggen individuele oplossingen per gebouw voor de hand. Afhankelijk van het bouwjaar is dit een hybride oplossing of all-electric.</t>
  </si>
  <si>
    <t>BU02140200</t>
  </si>
  <si>
    <t>Zoelen</t>
  </si>
  <si>
    <t>WK021402</t>
  </si>
  <si>
    <t>2021BU02140200</t>
  </si>
  <si>
    <t>buurten.fd832ecc-8381-4b0c-84e1-d7d1925390de</t>
  </si>
  <si>
    <t>GM0281</t>
  </si>
  <si>
    <t>Tiel</t>
  </si>
  <si>
    <t>DC028101</t>
  </si>
  <si>
    <t>Transitievisie Warmte Gemeente Tiel, 2022</t>
  </si>
  <si>
    <t>2021-01-10</t>
  </si>
  <si>
    <t>BetaalbaarheidOmgevingsfactorenSamen met bewoners en bedrijvenMeekoppelkansen</t>
  </si>
  <si>
    <t>Samenwerking vanuit een gezamenlijk doelBetaalbaarheid en betrouwbaarheid voor de eindgebruikerBetrokkenheid van eindgebruikersNu beginnen, maar flexibel zijn</t>
  </si>
  <si>
    <t>Isoleren en besparen</t>
  </si>
  <si>
    <t>https://services.arcgis.com/kE0BiyvJHb5SwQv7/arcgis/rest/services/TVW_publish/FeatureServer/0/322/attachments/200</t>
  </si>
  <si>
    <t>PL0214010018</t>
  </si>
  <si>
    <t>PL0281010009</t>
  </si>
  <si>
    <t>BU02140201</t>
  </si>
  <si>
    <t>Kerk Avezaath</t>
  </si>
  <si>
    <t>2021BU02140201</t>
  </si>
  <si>
    <t>buurten.08087947-904a-4fa1-8f00-6800b5b87de3</t>
  </si>
  <si>
    <t>PL0214010014</t>
  </si>
  <si>
    <t>BU02140202</t>
  </si>
  <si>
    <t>2021BU02140202</t>
  </si>
  <si>
    <t>buurten.a1b90f4b-5a18-4f02-beca-e1fa53e5fb51</t>
  </si>
  <si>
    <t>PL0214010008</t>
  </si>
  <si>
    <t>BU02140206</t>
  </si>
  <si>
    <t>Verspreide huizen ten oosten van kanaal</t>
  </si>
  <si>
    <t>2021BU02140206</t>
  </si>
  <si>
    <t>buurten.1a9e6233-97c4-4d31-8ae1-5bcabc79e02a</t>
  </si>
  <si>
    <t>2021-11-19</t>
  </si>
  <si>
    <t>https://services.arcgis.com/kE0BiyvJHb5SwQv7/arcgis/rest/services/TVW_publish/FeatureServer/0/174/attachments/114</t>
  </si>
  <si>
    <t>PL0214010017</t>
  </si>
  <si>
    <t>PL1740010008</t>
  </si>
  <si>
    <t>Industrieterrein Kellen</t>
  </si>
  <si>
    <t>TEO en/of WKO</t>
  </si>
  <si>
    <t>BU02140207</t>
  </si>
  <si>
    <t>Verspreide huizen Zoelen</t>
  </si>
  <si>
    <t>2021BU02140207</t>
  </si>
  <si>
    <t>buurten.6b83ee58-0abb-498e-b90e-867611c8ac05</t>
  </si>
  <si>
    <t>BU02140208</t>
  </si>
  <si>
    <t>2021BU02140208</t>
  </si>
  <si>
    <t>buurten.8b57cd2f-dcff-4636-a91c-9afc710fde2b</t>
  </si>
  <si>
    <t>BU02140209</t>
  </si>
  <si>
    <t>2021BU02140209</t>
  </si>
  <si>
    <t>buurten.758acaff-6890-4e15-ad3d-07f96c5cf4b1</t>
  </si>
  <si>
    <t>BU02140300</t>
  </si>
  <si>
    <t>Lienden</t>
  </si>
  <si>
    <t>WK021403</t>
  </si>
  <si>
    <t>2021BU02140300</t>
  </si>
  <si>
    <t>buurten.911daa52-1fe2-41ce-b3f9-7a82b350bbc5</t>
  </si>
  <si>
    <t>PL0214010020</t>
  </si>
  <si>
    <t>PL0214010025</t>
  </si>
  <si>
    <t>Verspreide huizen Lienden</t>
  </si>
  <si>
    <t>BU02140301</t>
  </si>
  <si>
    <t>Ommeren met Den Eng</t>
  </si>
  <si>
    <t>2021BU02140301</t>
  </si>
  <si>
    <t>buurten.3e0ea680-e2e0-4d94-bc3d-d281f71ba1b6</t>
  </si>
  <si>
    <t>BU02140305</t>
  </si>
  <si>
    <t>Ommerveld en verspreide huizen polder Meerten</t>
  </si>
  <si>
    <t>2021BU02140305</t>
  </si>
  <si>
    <t>buurten.7795aa75-5a4c-4c9a-9a2e-e6242d4f3c64</t>
  </si>
  <si>
    <t>Neder-Betuwe</t>
  </si>
  <si>
    <t>Lingemeer</t>
  </si>
  <si>
    <t>concept. ontwikkeling</t>
  </si>
  <si>
    <t>Technische en financiele haalbaarheid</t>
  </si>
  <si>
    <t>Collectief warmtenet</t>
  </si>
  <si>
    <t>HT/LT warmte uit Aquathermie</t>
  </si>
  <si>
    <t>HT/LT warmte: aquathermie</t>
  </si>
  <si>
    <t>BU02140306</t>
  </si>
  <si>
    <t>Verspreide huizen Aalst Leutes polder Aalst</t>
  </si>
  <si>
    <t>2021BU02140306</t>
  </si>
  <si>
    <t>buurten.b790fd3e-16bd-4968-808a-d00ea7cd233f</t>
  </si>
  <si>
    <t>PL0214010021</t>
  </si>
  <si>
    <t>PL1740010014</t>
  </si>
  <si>
    <t>Verspreide huizen poldergebied</t>
  </si>
  <si>
    <t>BU02140307</t>
  </si>
  <si>
    <t>Verspreide huizen De Mars en Marsdijk</t>
  </si>
  <si>
    <t>2021BU02140307</t>
  </si>
  <si>
    <t>buurten.5ab179b5-ed2a-40e7-88db-6af7122970b1</t>
  </si>
  <si>
    <t>Rhenen</t>
  </si>
  <si>
    <t>Transitievisie Warmte: Rhenen zet stappen naar aardgasvrij</t>
  </si>
  <si>
    <t>2021-06-23</t>
  </si>
  <si>
    <t>het begin van een vergaande samenwerking</t>
  </si>
  <si>
    <t>inzetten op energiebesparing en aadgasvrij-ready voor 2030</t>
  </si>
  <si>
    <t>https://rhenen.raadsinformatie.nl/document/10411401/1/Bijlage%201%20Transitievisie%20Warmte%20Rhenen</t>
  </si>
  <si>
    <t>PL1740010003</t>
  </si>
  <si>
    <t>Individuele aanpak Rhenen</t>
  </si>
  <si>
    <t>BU02140308</t>
  </si>
  <si>
    <t>2021BU02140308</t>
  </si>
  <si>
    <t>buurten.99e8dada-90a0-4936-a63b-6e80f760e91d</t>
  </si>
  <si>
    <t>BU02140400</t>
  </si>
  <si>
    <t>Ingen</t>
  </si>
  <si>
    <t>WK021404</t>
  </si>
  <si>
    <t>2021BU02140400</t>
  </si>
  <si>
    <t>buurten.03b855f9-0d68-4402-bc8a-4193469b0366</t>
  </si>
  <si>
    <t>PL0214010026</t>
  </si>
  <si>
    <t>PL0214010029</t>
  </si>
  <si>
    <t>Verspreide huizen Ommerenveld en Zwarte Paard</t>
  </si>
  <si>
    <t>BU02140402</t>
  </si>
  <si>
    <t>Klinkenberg</t>
  </si>
  <si>
    <t>2021BU02140402</t>
  </si>
  <si>
    <t>buurten.1500417d-25f5-462c-9c18-556ab64aa053</t>
  </si>
  <si>
    <t>PL0214010027</t>
  </si>
  <si>
    <t>PL0214010028</t>
  </si>
  <si>
    <t>Verspreide huizen Klinkenberg</t>
  </si>
  <si>
    <t>BU02140408</t>
  </si>
  <si>
    <t>2021BU02140408</t>
  </si>
  <si>
    <t>buurten.97508734-2220-411d-a072-94c4840a357c</t>
  </si>
  <si>
    <t>GM1581</t>
  </si>
  <si>
    <t>Utrechtse Heuvelrug</t>
  </si>
  <si>
    <t>klimaatneutraal in 2050</t>
  </si>
  <si>
    <t>DC158101</t>
  </si>
  <si>
    <t>Transitievisie Warmte; Route naar een aardgasvrije gebouwde omgeving</t>
  </si>
  <si>
    <t>2021-03-01</t>
  </si>
  <si>
    <t>De TVW is richtinggevend en er is aandacht voor gezamelijke belangen van verschillende groepen. We betrekken bewoners, ondernemers en organisaties bij het opstellen, en geven inwoners keuzevrijheid in een aardgasvrij alternatief. Oplossingen moeten betaa</t>
  </si>
  <si>
    <t>Deze Transitievisie Warmte is geen eindpunt; we herijken de Transitievisie minimaal eens in de vijf jaar op basis van nieuwe ontwikkelingen. Op deze manier werken we de planning richting 2050 steeds verder uit, waarbij we de leerervaringen uit de eerste</t>
  </si>
  <si>
    <t>Deze Transitievisie Warmte hebben we samen met belanghebbenden opgesteld om inzicht te geven in de opgave waar we voor staan; de meest geschikte oplossingen; en zo een logische route te formuleren op weg naar een aardgasvrije gemeente.In deze Transitievi</t>
  </si>
  <si>
    <t>https://www.heuvelrug.nl/_flysystem/media/volledige-rapport-transitievisie-warmte.pdf</t>
  </si>
  <si>
    <t>PL1581010005</t>
  </si>
  <si>
    <t>Ganzert</t>
  </si>
  <si>
    <t>BU02140409</t>
  </si>
  <si>
    <t>2021BU02140409</t>
  </si>
  <si>
    <t>buurten.2f7d28b0-5b81-460b-8da9-2a7a0301ed43</t>
  </si>
  <si>
    <t>PL0214010036</t>
  </si>
  <si>
    <t>BU02140500</t>
  </si>
  <si>
    <t>Maurik</t>
  </si>
  <si>
    <t>WK021405</t>
  </si>
  <si>
    <t>2021BU02140500</t>
  </si>
  <si>
    <t>buurten.f0f6414d-d4cc-4dfc-895c-d3fb613754d4</t>
  </si>
  <si>
    <t>PL0214010032</t>
  </si>
  <si>
    <t>Verspreide huizen Maurik</t>
  </si>
  <si>
    <t>BU02140501</t>
  </si>
  <si>
    <t>Rijswijk</t>
  </si>
  <si>
    <t>2021BU02140501</t>
  </si>
  <si>
    <t>buurten.093de259-91f1-412a-96ac-aea423d6e977</t>
  </si>
  <si>
    <t>PL0214010034</t>
  </si>
  <si>
    <t>PL0214010037</t>
  </si>
  <si>
    <t>Verspreide huizen Rijswijk</t>
  </si>
  <si>
    <t>BU02140502</t>
  </si>
  <si>
    <t>Eck en Wiel</t>
  </si>
  <si>
    <t>2021BU02140502</t>
  </si>
  <si>
    <t>buurten.8e3b598b-0a1f-4723-8189-83c0ce7e8d33</t>
  </si>
  <si>
    <t>PL0214010030</t>
  </si>
  <si>
    <t>PL0214010035</t>
  </si>
  <si>
    <t>Verspreide huizen Eck en Wiel</t>
  </si>
  <si>
    <t>BU02140503</t>
  </si>
  <si>
    <t>2021BU02140503</t>
  </si>
  <si>
    <t>buurten.c1b8c3f1-de08-4679-b46c-bb60264180dc</t>
  </si>
  <si>
    <t>BU02140507</t>
  </si>
  <si>
    <t>2021BU02140507</t>
  </si>
  <si>
    <t>buurten.5bccdf18-009b-4ba7-b723-4111a5bcbfc4</t>
  </si>
  <si>
    <t>Hoe houden we het warm in Wijk bij Duurstede?</t>
  </si>
  <si>
    <t>De TVW wordt iedere vijf jaar herijkt.</t>
  </si>
  <si>
    <t>BU02140508</t>
  </si>
  <si>
    <t>2021BU02140508</t>
  </si>
  <si>
    <t>buurten.9389ed0e-920a-4613-9f38-dd7870d8d284</t>
  </si>
  <si>
    <t>Vooralsnog voorbereiden op warmtetransitie door inwoners te informeren ovrer elektrisch koken, isolatie en hybride warmtepompen.De kostenverschillen tussen een all-electric oplossing of een collectieve oplossing op de meeste plekken niet groot. In deze w</t>
  </si>
  <si>
    <t>BU02140509</t>
  </si>
  <si>
    <t>2021BU02140509</t>
  </si>
  <si>
    <t>buurten.c26ec7d6-7f59-4983-b8f8-267d2e74d1ea</t>
  </si>
  <si>
    <t>BU02140600</t>
  </si>
  <si>
    <t>Ravenswaaij</t>
  </si>
  <si>
    <t>WK021406</t>
  </si>
  <si>
    <t>2021BU02140600</t>
  </si>
  <si>
    <t>buurten.91598f98-48f8-4a17-b3aa-4b3b0dbea7b9</t>
  </si>
  <si>
    <t>PL0214010038</t>
  </si>
  <si>
    <t>PL0214010040</t>
  </si>
  <si>
    <t>Verspreide huizen Ravenswaaij</t>
  </si>
  <si>
    <t>BU02140608</t>
  </si>
  <si>
    <t>2021BU02140608</t>
  </si>
  <si>
    <t>buurten.824f777c-f5d2-4374-b3eb-3b6c7b205084</t>
  </si>
  <si>
    <t>BU02140609</t>
  </si>
  <si>
    <t>2021BU02140609</t>
  </si>
  <si>
    <t>buurten.8d3d4167-bba4-4867-a76c-9ad3836fe5a6</t>
  </si>
  <si>
    <t>BU02160000</t>
  </si>
  <si>
    <t>WK021600</t>
  </si>
  <si>
    <t>GM0216</t>
  </si>
  <si>
    <t>Culemborg</t>
  </si>
  <si>
    <t>2021BU02160000</t>
  </si>
  <si>
    <t>buurten.20826ba6-5e4e-4cba-8e44-bdf4a324c884</t>
  </si>
  <si>
    <t>DC021601</t>
  </si>
  <si>
    <t>Betaalbaarheid</t>
  </si>
  <si>
    <t>Isoleren en besparen Het benutten van natuurlijke momenten en koersen op aardgasvrij-ready</t>
  </si>
  <si>
    <t>PL0216010001</t>
  </si>
  <si>
    <t>PL0216010014</t>
  </si>
  <si>
    <t>uitbreiding huidig net</t>
  </si>
  <si>
    <t>LT warmte uit Aquathermie\TED</t>
  </si>
  <si>
    <t>LT warmte: aquathermie (TED)</t>
  </si>
  <si>
    <t>BU02160001</t>
  </si>
  <si>
    <t>Dreven</t>
  </si>
  <si>
    <t>2021BU02160001</t>
  </si>
  <si>
    <t>buurten.d074b367-0f18-4f63-baf6-d5830862f0fb</t>
  </si>
  <si>
    <t>BU02160002</t>
  </si>
  <si>
    <t>Bloemen/Oranjebuurt</t>
  </si>
  <si>
    <t>2021BU02160002</t>
  </si>
  <si>
    <t>buurten.0bf9b9c2-695f-42e0-a9a4-e34c48ccfa92</t>
  </si>
  <si>
    <t>PL0216010008</t>
  </si>
  <si>
    <t>Ter Weijde Statenliedenbuurt</t>
  </si>
  <si>
    <t>BU02160003</t>
  </si>
  <si>
    <t>De Hond</t>
  </si>
  <si>
    <t>2021BU02160003</t>
  </si>
  <si>
    <t>buurten.f30f0280-fda9-4c7a-aea7-c12c8118de73</t>
  </si>
  <si>
    <t>PL0216010005</t>
  </si>
  <si>
    <t>Buitengebied Redichem</t>
  </si>
  <si>
    <t>Voorkoop Noord</t>
  </si>
  <si>
    <t>BU02160004</t>
  </si>
  <si>
    <t>Ter Weijde Componistenbuurt</t>
  </si>
  <si>
    <t>2021BU02160004</t>
  </si>
  <si>
    <t>buurten.58927202-15ce-454d-be82-1e895b1b97af</t>
  </si>
  <si>
    <t>PL0216010004</t>
  </si>
  <si>
    <t>PL0216010013</t>
  </si>
  <si>
    <t>BU02160005</t>
  </si>
  <si>
    <t>2021BU02160005</t>
  </si>
  <si>
    <t>buurten.3fe3c51b-7f0d-416c-9b27-0809d71d3cac</t>
  </si>
  <si>
    <t>PL0216010029</t>
  </si>
  <si>
    <t>Voorkoop Zuid</t>
  </si>
  <si>
    <t>BU02160006</t>
  </si>
  <si>
    <t>2021BU02160006</t>
  </si>
  <si>
    <t>buurten.9254bd57-d040-4e3a-9a58-70e3547b4424</t>
  </si>
  <si>
    <t>PL0216010006</t>
  </si>
  <si>
    <t>BU02160007</t>
  </si>
  <si>
    <t>2021BU02160007</t>
  </si>
  <si>
    <t>buurten.aa871a9d-7ec8-4c2f-a083-11116efe5162</t>
  </si>
  <si>
    <t>BU02160008</t>
  </si>
  <si>
    <t>2021BU02160008</t>
  </si>
  <si>
    <t>buurten.e146bd0e-d7c8-458d-86d8-d3d8c41c2d7b</t>
  </si>
  <si>
    <t>PL0216010028</t>
  </si>
  <si>
    <t>Achter de poort (oorspronkelijk)</t>
  </si>
  <si>
    <t>Westerkwartier nieuwbouw</t>
  </si>
  <si>
    <t>Financiele haalbaarheid</t>
  </si>
  <si>
    <t>BU02160009</t>
  </si>
  <si>
    <t>Lanxmeer</t>
  </si>
  <si>
    <t>2021BU02160009</t>
  </si>
  <si>
    <t>buurten.65b3935a-0889-4ab8-851b-36b764eb5916</t>
  </si>
  <si>
    <t>PL0216010007</t>
  </si>
  <si>
    <t>BU02160010</t>
  </si>
  <si>
    <t>2021BU02160010</t>
  </si>
  <si>
    <t>buurten.3fd869d9-07a9-4eaa-8a11-babf9eed7bd9</t>
  </si>
  <si>
    <t>GM0321</t>
  </si>
  <si>
    <t>Houten</t>
  </si>
  <si>
    <t>DC032101</t>
  </si>
  <si>
    <t>2021-03-09</t>
  </si>
  <si>
    <t>In 2040 aardgas vrij zijn. Document geeft duidelijk aan welke opties er liggen in de nieuwere wijken van Houten-Zuid. Een definitieve keuze voor warmte-alternatief in Houten-Noord wordt bij de volgende TVW in 2025 verwacht. Tot die tijd ligt de focus voo</t>
  </si>
  <si>
    <t>https://www.houten.nl/fileadmin/user_upload/Burgersatuur_Milieu_en_duurzaamheid/Duurzaamheid/aardgasransitievisie_Warmte_DEF__interactief_.pdf</t>
  </si>
  <si>
    <t>PL0321010007</t>
  </si>
  <si>
    <t>voorkeursoptie, tijdelijke oplossing</t>
  </si>
  <si>
    <t>Voor het buitengebied wordt de warmtetransitie per woning of gebouw bekeken. Voor panden van voor 1990 is het uitgangspunt isolatie en eventueel hybride warmtepomp. Eigenaren van nieuwere gebouwen in het buitengebied kunnen mogelijk overstappen naar uite</t>
  </si>
  <si>
    <t>BU02160100</t>
  </si>
  <si>
    <t>Achter de Poort</t>
  </si>
  <si>
    <t>WK021601</t>
  </si>
  <si>
    <t>2021BU02160100</t>
  </si>
  <si>
    <t>buurten.3af1b419-5e3c-47a4-855e-9035edfea0b1</t>
  </si>
  <si>
    <t>PL0216010011</t>
  </si>
  <si>
    <t>PL0216010027</t>
  </si>
  <si>
    <t>Achter de poort (gerenoveerd)</t>
  </si>
  <si>
    <t>BU02160101</t>
  </si>
  <si>
    <t>Goilberdingen Oost</t>
  </si>
  <si>
    <t>2021BU02160101</t>
  </si>
  <si>
    <t>buurten.e0fcd30e-0876-49a9-92d7-d584db0ac72a</t>
  </si>
  <si>
    <t>BU02160102</t>
  </si>
  <si>
    <t>Goilberdingen West</t>
  </si>
  <si>
    <t>2021BU02160102</t>
  </si>
  <si>
    <t>buurten.4834f8f0-a7f1-45a6-8b8b-59b34dd75e24</t>
  </si>
  <si>
    <t>PL0216010019</t>
  </si>
  <si>
    <t>Buitengebied Waterlinie</t>
  </si>
  <si>
    <t>Sportheldenbuurt Forteneiland</t>
  </si>
  <si>
    <t>BU02160103</t>
  </si>
  <si>
    <t>Parijsch Landzicht</t>
  </si>
  <si>
    <t>2021BU02160103</t>
  </si>
  <si>
    <t>buurten.aa8bba20-ab61-48bc-a7e1-01479ca51409</t>
  </si>
  <si>
    <t>PL0216010015</t>
  </si>
  <si>
    <t>Parijsch Vlinderbuurt</t>
  </si>
  <si>
    <t>BU02160104</t>
  </si>
  <si>
    <t>2021BU02160104</t>
  </si>
  <si>
    <t>buurten.286ce104-8713-428a-87b7-c2c41dc9502b</t>
  </si>
  <si>
    <t>BU02160105</t>
  </si>
  <si>
    <t>Parijsch Lokkershoek</t>
  </si>
  <si>
    <t>2021BU02160105</t>
  </si>
  <si>
    <t>buurten.ad24c5e4-daf7-41cd-8302-9340baaa99f9</t>
  </si>
  <si>
    <t>BU02160106</t>
  </si>
  <si>
    <t>Industrieterrein Pavijen</t>
  </si>
  <si>
    <t>2021BU02160106</t>
  </si>
  <si>
    <t>buurten.a40128ed-842c-4fb4-9e6d-b7428724ade4</t>
  </si>
  <si>
    <t>BU02160107</t>
  </si>
  <si>
    <t>2021BU02160107</t>
  </si>
  <si>
    <t>buurten.24896d2f-88a9-4d87-a78f-93a7a2e11a69</t>
  </si>
  <si>
    <t>GM1961</t>
  </si>
  <si>
    <t>Vijfheerenlanden</t>
  </si>
  <si>
    <t>aardgasvrij in 2050, 95% CO2-reductie in 2050</t>
  </si>
  <si>
    <t>DC196101</t>
  </si>
  <si>
    <t>Op weg naar aardgasvrij wonen en werken in Houten</t>
  </si>
  <si>
    <t>Wonen in Vijfheerenlanden zonder aardgas; Transitievisie Warmte</t>
  </si>
  <si>
    <t>We willen dat de overstap naar aardgasvrij voor iedereen mogelijk is en dat de totale kosten voor de transitie zo laag mogelijk zijn. Kosten en baten moeten op een goede manier verdeeld worden. Het is belangrijk dat de beschikbare informatie gedeeld word</t>
  </si>
  <si>
    <t>Deze Transitievisie Warmte is een eerste versie. Hiermee gaan we aan de slag om zoveel mogelijk woningen voldoende te isoleren. Daarbij benutten we ook instrumenten die op landelijk niveau ontwikkeld worden, zoals subsidies en financieringen. En we gaan</t>
  </si>
  <si>
    <t>De TVW biedt een strategie om gemeentebreed in te zetten op isolatie en andere maatregelen, op ongeveer manier dat we daarmee de gebouwen klaarmaken voor de overstap naar aardgasvrij. Daar waar de isolatiestap al gezet is, informeren, motiveren en facili</t>
  </si>
  <si>
    <t>https://www.natuurlijkvijfheerenlanden.nl/ik-praat-mee-over/stap-voor-stap-naar-aardgasvrije-wijken</t>
  </si>
  <si>
    <t>PL1961010004</t>
  </si>
  <si>
    <t>Gebiedsgerichte besparingscampagne, met op termijn duurzame warmte. e. Middels gebiedsgerichte aanpakken wordt in de hele gemeente de warmtevraag terug gebracht naar een niveau waarmee de woningen met een all-electric warmteoplossing verwarmd kunnen word</t>
  </si>
  <si>
    <t>BU02160108</t>
  </si>
  <si>
    <t>Buitengebied Vretstrooij</t>
  </si>
  <si>
    <t>2021BU02160108</t>
  </si>
  <si>
    <t>buurten.1c09d931-b78a-4e44-983a-e1aaf677dfdf</t>
  </si>
  <si>
    <t>BU02210100</t>
  </si>
  <si>
    <t>De oude Stad binnen de gracht</t>
  </si>
  <si>
    <t>WK022101</t>
  </si>
  <si>
    <t>GM0221</t>
  </si>
  <si>
    <t>Doesburg</t>
  </si>
  <si>
    <t>2021BU02210100</t>
  </si>
  <si>
    <t>buurten.0a8d996a-a216-44f5-8da7-f5e5f922f988</t>
  </si>
  <si>
    <t>DC022101</t>
  </si>
  <si>
    <t>Doesburg aardgasvrij: samen op weg naar een breed gedragen Transitievisie Warmte</t>
  </si>
  <si>
    <t>2021-07-27</t>
  </si>
  <si>
    <t>Voorwaarden:, Eerst besparen, De transitie is betaalbaar voor iedereen, Betrouwbaarheid van warmtelevering, Duurzaam alternatief, Streven naar zoveel mogelijk keuzevrijheid voor de bewoner, Streven naar zo min mogelijke aanpassingen aan de woning en inpa</t>
  </si>
  <si>
    <t>https://www.doesburg.nl/_flysystem/media/warmtetransitievisie_definitief.pdf</t>
  </si>
  <si>
    <t>PL0221010001</t>
  </si>
  <si>
    <t>PL0221010002</t>
  </si>
  <si>
    <t>De Ooi</t>
  </si>
  <si>
    <t>IJsselkade</t>
  </si>
  <si>
    <t>Voorwaarden startwijk De Ooi:- Hoge economische afschrijving gasnet- Relatief groot aandeel grondroeringsgevoelige leidingen- Aanwezigheid grote infra/ontwikkellocaties- Aandeel corporatiebezit- Collectieve bron beschikbaar</t>
  </si>
  <si>
    <t>Voorwaarden startwijk IJsselkade (Binnenstad):- Hoge economische afschrijving gasnet- Relatief groot aandeel grondroeringsgevoelige leidingen- Aanwezigheid grote infra/ontwikkellocaties- Aandeel corporatiebezit- Collectieve bron beschikbaar- Initiatief a</t>
  </si>
  <si>
    <t>Bewoners kunnen in De Ooi stapsgewijs en op natuurlijke momenten maatregelen treffen om de energievraag van de woning te beperken en woning geschikt te maken voor verwarming op lage temperatuur.</t>
  </si>
  <si>
    <t>Bewoners kunnen in IJsselkade stapsgewijs en op natuurlijke momenten maatregelen treffen om de energievraag van de woning te beperken en woning geschikt te maken voor verwarming op lage temperatuur.</t>
  </si>
  <si>
    <t>Aquathermie (TEO uit de IJssel)Restwarmte uit ijzergieterij</t>
  </si>
  <si>
    <t>Aquathermie (TEO uit de Zwarte Schaar)</t>
  </si>
  <si>
    <t>aquathermie (TEO) en/of restwarmte (industrie)</t>
  </si>
  <si>
    <t>BU02210101</t>
  </si>
  <si>
    <t>Noordelijk Molenveld</t>
  </si>
  <si>
    <t>2021BU02210101</t>
  </si>
  <si>
    <t>buurten.a77ff206-e15a-4d83-b97b-25988fa4fbd8</t>
  </si>
  <si>
    <t>BU02210102</t>
  </si>
  <si>
    <t>Zuidelijk Molenveld</t>
  </si>
  <si>
    <t>2021BU02210102</t>
  </si>
  <si>
    <t>buurten.8fa20b48-1bd0-4764-91e6-e67427cf59ef</t>
  </si>
  <si>
    <t>BU02210103</t>
  </si>
  <si>
    <t>2021BU02210103</t>
  </si>
  <si>
    <t>buurten.7d0918c7-ea59-4645-8e24-49c072138961</t>
  </si>
  <si>
    <t>BU02210104</t>
  </si>
  <si>
    <t>Beinum I</t>
  </si>
  <si>
    <t>2021BU02210104</t>
  </si>
  <si>
    <t>buurten.5d0d7dc5-cd28-4795-9aab-8a53afe99e39</t>
  </si>
  <si>
    <t>BU02210105</t>
  </si>
  <si>
    <t>Beinum II</t>
  </si>
  <si>
    <t>2021BU02210105</t>
  </si>
  <si>
    <t>buurten.d175f28c-1a99-45ee-b68b-317ee3685fae</t>
  </si>
  <si>
    <t>GM0299</t>
  </si>
  <si>
    <t>Zevenaar</t>
  </si>
  <si>
    <t>DC029901</t>
  </si>
  <si>
    <t>Warmtetransitie visie gemeente Zevenaar</t>
  </si>
  <si>
    <t>2019-11-27</t>
  </si>
  <si>
    <t>samen, lokaal, transparant en duurzaam, betaalbaar en betrouwbaar</t>
  </si>
  <si>
    <t>https://www.zevenaar.nl/file/13657/download</t>
  </si>
  <si>
    <t>PL0229010001</t>
  </si>
  <si>
    <t>Wijkaanpak Zevenaar</t>
  </si>
  <si>
    <t>technisch en maatschappelijke criteria: vervanging en planning onderhoud rioleering, waterleiding, aardgasnet. Wijken waar bewoners initiatief tonen krijgen voorrang</t>
  </si>
  <si>
    <t>BU02210106</t>
  </si>
  <si>
    <t>Bedrijventerrein Beinum</t>
  </si>
  <si>
    <t>2021BU02210106</t>
  </si>
  <si>
    <t>buurten.97bb2876-d1ec-4535-8fc1-82cba6f8e304</t>
  </si>
  <si>
    <t>BU02210107</t>
  </si>
  <si>
    <t>Bedrijventerrein Verhuellweg</t>
  </si>
  <si>
    <t>2021BU02210107</t>
  </si>
  <si>
    <t>buurten.3ba18edc-11c1-4665-83e3-355ec4ac0f82</t>
  </si>
  <si>
    <t>PL0275010012</t>
  </si>
  <si>
    <t>Verspreide huizen Fraterwaard en Beimerwaard</t>
  </si>
  <si>
    <t>BU02210108</t>
  </si>
  <si>
    <t>Verspreide huizen Noordoost</t>
  </si>
  <si>
    <t>2021BU02210108</t>
  </si>
  <si>
    <t>buurten.f3480891-b60a-470b-8faa-a7af4bcc9ac0</t>
  </si>
  <si>
    <t>BU02210109</t>
  </si>
  <si>
    <t>Verspreide huizen Fraterswaard-Noordoost</t>
  </si>
  <si>
    <t>2021BU02210109</t>
  </si>
  <si>
    <t>buurten.1440492b-c5c2-4f3c-a28b-647013084254</t>
  </si>
  <si>
    <t>BU02210110</t>
  </si>
  <si>
    <t>Verspreide huizen IJssel en Oude IJssel</t>
  </si>
  <si>
    <t>2021BU02210110</t>
  </si>
  <si>
    <t>buurten.8a7572ec-c85a-41be-9031-7d06197260c7</t>
  </si>
  <si>
    <t>BU02220101</t>
  </si>
  <si>
    <t>Stadscentrum-Zuid</t>
  </si>
  <si>
    <t>WK022201</t>
  </si>
  <si>
    <t>GM0222</t>
  </si>
  <si>
    <t>Doetinchem</t>
  </si>
  <si>
    <t>2021BU02220101</t>
  </si>
  <si>
    <t>buurten.83dd7758-aba0-4748-b1fe-7dee9998967f</t>
  </si>
  <si>
    <t>DC022201</t>
  </si>
  <si>
    <t>Transitievisie Warmte gemeent Doetinchem: stap voor stap naar een aardgasvrije gemeente</t>
  </si>
  <si>
    <t>2021-09-10</t>
  </si>
  <si>
    <t>Voorwaarden:, Streven naar regionale samenwerking, Streven naar samenwerking, lokaal, transparant en duurzaam, Betaalbaarheid en betrouwbaarheid voor de eindgebruiker staan voorop, Bewoners en overige gebruikers worden betrokken bij plannen en uitvoering</t>
  </si>
  <si>
    <t>Borging dat regio Achterhoek op een lijn blijft door regionale samenwerking tussen gemeenten</t>
  </si>
  <si>
    <t>Energieneutraal en aardgasvrij in 2051</t>
  </si>
  <si>
    <t>https://www.doetinchem.nl/_flysystem/media/2021-09-10-def-transitievisie-warmte-gemeente-doetinchem1.pdf</t>
  </si>
  <si>
    <t>PL0222010016</t>
  </si>
  <si>
    <t>PL0222010017</t>
  </si>
  <si>
    <t>Verduurzaming huurwoningen Site Woondiensten</t>
  </si>
  <si>
    <t>in uitvoering. Reeds gestart</t>
  </si>
  <si>
    <t>Dit doen we samen met inwoners, ondernemers en instellingen. In de campagnes van bewustwording speelt het Energieloket Agem een sleutelrol. Deze organisatie helpt inwoners en bedrijven in Doetinchem met advies, informatiebijeenkomsten, collectieve acties</t>
  </si>
  <si>
    <t>Goede afstemming tussen gemeente en woningcorporatie</t>
  </si>
  <si>
    <t>Door te isoleren, hebben we minder energie nodig om gebouwen te verwarmen.</t>
  </si>
  <si>
    <t>Met Site moet komende jaren intensief afgestemd worden wat hun inzet gaat worden voor de huurwoningen in de buurten waar begonnen wordt met het opstellen van een buurtuitvoeringsplan.</t>
  </si>
  <si>
    <t>BU02220102</t>
  </si>
  <si>
    <t>Torenallee</t>
  </si>
  <si>
    <t>2021BU02220102</t>
  </si>
  <si>
    <t>buurten.c124714d-bbda-44b9-ab1b-6997c087b5aa</t>
  </si>
  <si>
    <t>BU02220103</t>
  </si>
  <si>
    <t>2021BU02220103</t>
  </si>
  <si>
    <t>buurten.2e9cce5f-3880-40ce-8140-37d7ff92cde6</t>
  </si>
  <si>
    <t>BU02220104</t>
  </si>
  <si>
    <t>Stadscentrum-Noord</t>
  </si>
  <si>
    <t>2021BU02220104</t>
  </si>
  <si>
    <t>buurten.828b124f-ece4-4e94-aeb9-c9e86e1d7cb6</t>
  </si>
  <si>
    <t>BU02220105</t>
  </si>
  <si>
    <t>De Pas-Noord</t>
  </si>
  <si>
    <t>2021BU02220105</t>
  </si>
  <si>
    <t>buurten.c0579eef-9b40-4d0f-b84b-ea08c850dbc0</t>
  </si>
  <si>
    <t>PL0222010015</t>
  </si>
  <si>
    <t>Starten met de voorbereidingen om toe te werken naar wonen zonder aardgas</t>
  </si>
  <si>
    <t>BU02220106</t>
  </si>
  <si>
    <t>De Pas-Zuid</t>
  </si>
  <si>
    <t>2021BU02220106</t>
  </si>
  <si>
    <t>buurten.6dece9e1-8dfa-4cec-97bf-091140be9795</t>
  </si>
  <si>
    <t>BU02220201</t>
  </si>
  <si>
    <t>Muziekbuurt</t>
  </si>
  <si>
    <t>WK022202</t>
  </si>
  <si>
    <t>2021BU02220201</t>
  </si>
  <si>
    <t>buurten.10e3d693-526a-435e-ac2e-724db92fcce7</t>
  </si>
  <si>
    <t>PL0222010008</t>
  </si>
  <si>
    <t>BU02220202</t>
  </si>
  <si>
    <t>Schrijvers en dichtersbuurt</t>
  </si>
  <si>
    <t>2021BU02220202</t>
  </si>
  <si>
    <t>buurten.df877f18-8d5e-4068-84a3-aba15cfbfba1</t>
  </si>
  <si>
    <t>BU02220203</t>
  </si>
  <si>
    <t>Wiltinksbrug</t>
  </si>
  <si>
    <t>2021BU02220203</t>
  </si>
  <si>
    <t>buurten.48e4c35f-ad6c-4fd0-819d-0aa3da97f735</t>
  </si>
  <si>
    <t>BU02220204</t>
  </si>
  <si>
    <t>Overstegen-West</t>
  </si>
  <si>
    <t>2021BU02220204</t>
  </si>
  <si>
    <t>buurten.cdf5c921-fb42-4971-a5c1-a271182ac011</t>
  </si>
  <si>
    <t>BU02220205</t>
  </si>
  <si>
    <t>Overstegen-Oost</t>
  </si>
  <si>
    <t>2021BU02220205</t>
  </si>
  <si>
    <t>buurten.77fff10c-0453-4633-9dc8-7e140474597f</t>
  </si>
  <si>
    <t>BU02220206</t>
  </si>
  <si>
    <t>Wonninkhage</t>
  </si>
  <si>
    <t>2021BU02220206</t>
  </si>
  <si>
    <t>buurten.7f69bfd7-32ed-4479-8b10-453b53088445</t>
  </si>
  <si>
    <t>BU02220207</t>
  </si>
  <si>
    <t>Buitengebied de Gaarde</t>
  </si>
  <si>
    <t>2021BU02220207</t>
  </si>
  <si>
    <t>buurten.0eadc224-993e-4a77-acf2-e342dd12b49f</t>
  </si>
  <si>
    <t>BU02220208</t>
  </si>
  <si>
    <t>Wassinkbrink-Zuidoost</t>
  </si>
  <si>
    <t>2021BU02220208</t>
  </si>
  <si>
    <t>buurten.1698a6dc-8a2c-4fdc-9f35-d9c2891db63b</t>
  </si>
  <si>
    <t>BU02220301</t>
  </si>
  <si>
    <t>Holterhoek</t>
  </si>
  <si>
    <t>WK022203</t>
  </si>
  <si>
    <t>2021BU02220301</t>
  </si>
  <si>
    <t>buurten.98a9231f-b9e0-463d-90b2-22b382d1be75</t>
  </si>
  <si>
    <t>BU02220302</t>
  </si>
  <si>
    <t>Schöneveld-Zuid</t>
  </si>
  <si>
    <t>2021BU02220302</t>
  </si>
  <si>
    <t>buurten.e1a6aaf6-6781-4b3f-bf4e-63904cbab62f</t>
  </si>
  <si>
    <t>BU02220303</t>
  </si>
  <si>
    <t>Schöneveld-Noord</t>
  </si>
  <si>
    <t>2021BU02220303</t>
  </si>
  <si>
    <t>buurten.fa8eddf7-e413-4209-8c1e-96ba5f0c9944</t>
  </si>
  <si>
    <t>BU02220401</t>
  </si>
  <si>
    <t>Oosseld en Vijverberg-Zuidwest</t>
  </si>
  <si>
    <t>WK022204</t>
  </si>
  <si>
    <t>2021BU02220401</t>
  </si>
  <si>
    <t>buurten.3b453f5d-ca25-45b2-a160-6396e67d1869</t>
  </si>
  <si>
    <t>BU02220402</t>
  </si>
  <si>
    <t>Buitengebied Polmanlaan</t>
  </si>
  <si>
    <t>2021BU02220402</t>
  </si>
  <si>
    <t>buurten.cbe624fe-f0ed-4fd7-8b2f-e116d32e1ff6</t>
  </si>
  <si>
    <t>BU02220403</t>
  </si>
  <si>
    <t>Buitengebied de Wrange</t>
  </si>
  <si>
    <t>2021BU02220403</t>
  </si>
  <si>
    <t>buurten.a5f8463a-af55-40f8-b226-f2b537b30c07</t>
  </si>
  <si>
    <t>BU02220404</t>
  </si>
  <si>
    <t>Koekendaal en Vijverberg-Noordoost</t>
  </si>
  <si>
    <t>2021BU02220404</t>
  </si>
  <si>
    <t>buurten.3161583b-8635-4702-bcd2-394875614b49</t>
  </si>
  <si>
    <t>BU02220405</t>
  </si>
  <si>
    <t>Buitengebied Vossenstraat</t>
  </si>
  <si>
    <t>2021BU02220405</t>
  </si>
  <si>
    <t>buurten.b29e4484-fc33-4376-9300-64f5c4d6126b</t>
  </si>
  <si>
    <t>BU02220406</t>
  </si>
  <si>
    <t>Buitengebied Nutselaer en Abdij</t>
  </si>
  <si>
    <t>2021BU02220406</t>
  </si>
  <si>
    <t>buurten.9b6219d8-1d72-4007-96e5-94ba578b217c</t>
  </si>
  <si>
    <t>BU02220407</t>
  </si>
  <si>
    <t>Buitengebied IJzevoorde</t>
  </si>
  <si>
    <t>2021BU02220407</t>
  </si>
  <si>
    <t>buurten.51c9e1ac-2423-440b-a91b-867e915ca1a7</t>
  </si>
  <si>
    <t>BU02220408</t>
  </si>
  <si>
    <t>Buitengebied Slangenburg</t>
  </si>
  <si>
    <t>2021BU02220408</t>
  </si>
  <si>
    <t>buurten.7db73a80-9f49-4375-8413-8e5e915dd4f7</t>
  </si>
  <si>
    <t>BU02220501</t>
  </si>
  <si>
    <t>Hamburgerbroek</t>
  </si>
  <si>
    <t>WK022205</t>
  </si>
  <si>
    <t>2021BU02220501</t>
  </si>
  <si>
    <t>buurten.f0c781fa-ded8-4191-890f-5e05cb4ce9d0</t>
  </si>
  <si>
    <t>BU02220502</t>
  </si>
  <si>
    <t>Verheulsweide-Noord</t>
  </si>
  <si>
    <t>2021BU02220502</t>
  </si>
  <si>
    <t>buurten.cf7d3e48-d764-4215-b4a3-957db895b329</t>
  </si>
  <si>
    <t>BU02220503</t>
  </si>
  <si>
    <t>Verheulsweide-Zuid</t>
  </si>
  <si>
    <t>2021BU02220503</t>
  </si>
  <si>
    <t>buurten.e78b405a-4908-4edd-ad1c-dd2d92eb3e86</t>
  </si>
  <si>
    <t>GM1955</t>
  </si>
  <si>
    <t>Montferland</t>
  </si>
  <si>
    <t>70% minder aardgas in 2050</t>
  </si>
  <si>
    <t>DC195501</t>
  </si>
  <si>
    <t>Ontwerp Transitievisie Warmte (Gemeente Montferland)</t>
  </si>
  <si>
    <t>2021-05-21</t>
  </si>
  <si>
    <t>Iedere woningeigenaar is uiteindelijk vrij om zelf te bepalen wanneer zij/hij van het aardgas af gaat en met welk aardgasvrije alternatief dat zal zijn. Waar mogelijk worden kansen benut om aan te sluiten bij andere ontwikkelingen, zoals renovatieplannen</t>
  </si>
  <si>
    <t>De transitie wordt opgesplitst in een doelgroepenaanpak (elektrisch koken/isolatie-maatregelen op individueel niveau) en een gebiedsaanpak waarin wijken daarbovenop ook volledig aardgasvrij worden gemaakt.</t>
  </si>
  <si>
    <t>De TVW geeft aan in welke 4 wijken voor 2030 wordt begonnen met een verkenning naar mogelijkheden aardgasvrije warmte. Het uiteindelijke doel is om een toekomstbestendige, fossielvrije warmtevoorziening te realiseren.</t>
  </si>
  <si>
    <t>https://montferland.bestuurlijkeinformatie.nl/Agenda/Document/faf290d0-a939-42b4-b0ee-67ba0a50eb5d?documentId=0e1b3cab-6bf1-4e55-8b40-af53ee9c2c38&amp;agendaItemId=278edbe9-0eda-41b5-83fb-aaf1cf317ab1</t>
  </si>
  <si>
    <t>PL1955010005</t>
  </si>
  <si>
    <t>o.a. duurzaam gas</t>
  </si>
  <si>
    <t>BU02220504</t>
  </si>
  <si>
    <t>Buitengebied Kemnaderallee</t>
  </si>
  <si>
    <t>2021BU02220504</t>
  </si>
  <si>
    <t>buurten.a73e89cd-2546-4874-8887-0964720526bf</t>
  </si>
  <si>
    <t>BU02220601</t>
  </si>
  <si>
    <t>De Hoop-Noord</t>
  </si>
  <si>
    <t>WK022206</t>
  </si>
  <si>
    <t>2021BU02220601</t>
  </si>
  <si>
    <t>buurten.5b435144-44ae-47a4-9e65-9b6c04ac9eff</t>
  </si>
  <si>
    <t>BU02220602</t>
  </si>
  <si>
    <t>De Huet fase 1 + 3</t>
  </si>
  <si>
    <t>2021BU02220602</t>
  </si>
  <si>
    <t>buurten.28acf7a9-c793-4409-b126-e0829c61f249</t>
  </si>
  <si>
    <t>PL0222010003</t>
  </si>
  <si>
    <t>De Huet fase 4</t>
  </si>
  <si>
    <t>BU02220603</t>
  </si>
  <si>
    <t>De Huet fase 2</t>
  </si>
  <si>
    <t>2021BU02220603</t>
  </si>
  <si>
    <t>buurten.652aaf30-7f40-4b73-b167-0a4bcbc977d0</t>
  </si>
  <si>
    <t>PL0222010006</t>
  </si>
  <si>
    <t>BU02220604</t>
  </si>
  <si>
    <t>2021BU02220604</t>
  </si>
  <si>
    <t>buurten.1f4c2d17-2131-40a9-9aa1-ca5f403f535e</t>
  </si>
  <si>
    <t>BU02220605</t>
  </si>
  <si>
    <t>De Huet fase 6 + 7</t>
  </si>
  <si>
    <t>2021BU02220605</t>
  </si>
  <si>
    <t>buurten.0ce05bf1-b7db-4835-8a6a-a9702607fcc3</t>
  </si>
  <si>
    <t>BU02220606</t>
  </si>
  <si>
    <t>De Huet fase 5</t>
  </si>
  <si>
    <t>2021BU02220606</t>
  </si>
  <si>
    <t>buurten.d6cd9341-f6f2-40b3-be9b-ab65ba77eff6</t>
  </si>
  <si>
    <t>BU02220607</t>
  </si>
  <si>
    <t>Sportpark Zuid</t>
  </si>
  <si>
    <t>2021BU02220607</t>
  </si>
  <si>
    <t>buurten.acb514d1-f292-4840-9e15-bbbfc86b8b4a</t>
  </si>
  <si>
    <t>BU02220608</t>
  </si>
  <si>
    <t>Bedrijventerrein De Huet</t>
  </si>
  <si>
    <t>2021BU02220608</t>
  </si>
  <si>
    <t>buurten.98356ba4-7684-437d-9011-00beab583db2</t>
  </si>
  <si>
    <t>BU02220609</t>
  </si>
  <si>
    <t>Buitengebied De Huet</t>
  </si>
  <si>
    <t>2021BU02220609</t>
  </si>
  <si>
    <t>buurten.8944f6f6-6cda-4655-bdfa-c440d0d7b358</t>
  </si>
  <si>
    <t>PL0222010010</t>
  </si>
  <si>
    <t>BU02220701</t>
  </si>
  <si>
    <t>Buitengebied Dichteren Noordwest</t>
  </si>
  <si>
    <t>WK022207</t>
  </si>
  <si>
    <t>2021BU02220701</t>
  </si>
  <si>
    <t>buurten.271d2900-20a4-4f61-86fb-eed21a7f279f</t>
  </si>
  <si>
    <t>PL0222010007</t>
  </si>
  <si>
    <t>BU02220702</t>
  </si>
  <si>
    <t>Romantische buurt Noord</t>
  </si>
  <si>
    <t>2021BU02220702</t>
  </si>
  <si>
    <t>buurten.3c36e67a-af58-4df8-a04b-e4af0309b440</t>
  </si>
  <si>
    <t>PL0222010002</t>
  </si>
  <si>
    <t>BU02220703</t>
  </si>
  <si>
    <t>Romantische buurt Zuid</t>
  </si>
  <si>
    <t>2021BU02220703</t>
  </si>
  <si>
    <t>buurten.d71bf457-4046-4269-9f61-2bf3ccee2bdc</t>
  </si>
  <si>
    <t>BU02220704</t>
  </si>
  <si>
    <t>Landelijk Wonen</t>
  </si>
  <si>
    <t>2021BU02220704</t>
  </si>
  <si>
    <t>buurten.ae69b6b1-2884-4b46-a59d-527079be9047</t>
  </si>
  <si>
    <t>BU02220705</t>
  </si>
  <si>
    <t>Kleurrijke buurt</t>
  </si>
  <si>
    <t>2021BU02220705</t>
  </si>
  <si>
    <t>buurten.b4a53f50-d328-42aa-a454-8652dc73cfde</t>
  </si>
  <si>
    <t>PL0222010001</t>
  </si>
  <si>
    <t>BU02220706</t>
  </si>
  <si>
    <t>Stadskwartier-Zuid</t>
  </si>
  <si>
    <t>2021BU02220706</t>
  </si>
  <si>
    <t>buurten.e4c297cd-4c14-4ef9-a13e-5e10b7a73b52</t>
  </si>
  <si>
    <t>BU02220707</t>
  </si>
  <si>
    <t>Stadskwartier-Noord</t>
  </si>
  <si>
    <t>2021BU02220707</t>
  </si>
  <si>
    <t>buurten.d25255f3-9587-4a5b-a91a-c7fada7aa67d</t>
  </si>
  <si>
    <t>BU02220708</t>
  </si>
  <si>
    <t>Buitengebied en Dichterem-Oost</t>
  </si>
  <si>
    <t>2021BU02220708</t>
  </si>
  <si>
    <t>buurten.ceece910-b7cc-4278-b8a8-5bbae265dafd</t>
  </si>
  <si>
    <t>BU02220709</t>
  </si>
  <si>
    <t>Bedrijventerrein en Wijnbergen</t>
  </si>
  <si>
    <t>2021BU02220709</t>
  </si>
  <si>
    <t>buurten.1cb253d1-d8a2-4425-b126-0a0c416ce1e2</t>
  </si>
  <si>
    <t>BU02220710</t>
  </si>
  <si>
    <t>Wijnbergen-het Westem</t>
  </si>
  <si>
    <t>2021BU02220710</t>
  </si>
  <si>
    <t>buurten.eb9e7e27-f456-440b-9b07-86ebdbf447c6</t>
  </si>
  <si>
    <t>BU02220711</t>
  </si>
  <si>
    <t>Wijnbergen-het Midden</t>
  </si>
  <si>
    <t>2021BU02220711</t>
  </si>
  <si>
    <t>buurten.b4cef2be-335d-47e3-ba3e-c1a8220c0af8</t>
  </si>
  <si>
    <t>BU02220712</t>
  </si>
  <si>
    <t>Wijnbergen-het Oosten</t>
  </si>
  <si>
    <t>2021BU02220712</t>
  </si>
  <si>
    <t>buurten.79b03b2a-8526-4b99-b476-ceed3bcdc687</t>
  </si>
  <si>
    <t>BU02220713</t>
  </si>
  <si>
    <t>De Hoop-Zuid</t>
  </si>
  <si>
    <t>2021BU02220713</t>
  </si>
  <si>
    <t>buurten.6960d170-d4f8-4706-9956-a0b953d79791</t>
  </si>
  <si>
    <t>BU02220801</t>
  </si>
  <si>
    <t>IJsseltuin en Heelweg</t>
  </si>
  <si>
    <t>WK022208</t>
  </si>
  <si>
    <t>2021BU02220801</t>
  </si>
  <si>
    <t>buurten.d188c825-4076-4c68-a37b-b822a791996c</t>
  </si>
  <si>
    <t>PL0222010014</t>
  </si>
  <si>
    <t>BU02220802</t>
  </si>
  <si>
    <t>Bedrijventerrein Keppelseweg</t>
  </si>
  <si>
    <t>2021BU02220802</t>
  </si>
  <si>
    <t>buurten.9cb5f6ae-7508-4531-9fba-8f8c8127a1e6</t>
  </si>
  <si>
    <t>BU02220803</t>
  </si>
  <si>
    <t>Buitengebied Keppelseweg</t>
  </si>
  <si>
    <t>2021BU02220803</t>
  </si>
  <si>
    <t>buurten.591a7740-765f-40a9-adf4-1c3e6095cf80</t>
  </si>
  <si>
    <t>BU02220804</t>
  </si>
  <si>
    <t>Langerak-Zuid</t>
  </si>
  <si>
    <t>2021BU02220804</t>
  </si>
  <si>
    <t>buurten.1eea6f70-af7c-429f-986f-c3a7f9dd6249</t>
  </si>
  <si>
    <t>BU02220901</t>
  </si>
  <si>
    <t>WK022209</t>
  </si>
  <si>
    <t>2021BU02220901</t>
  </si>
  <si>
    <t>buurten.1b07eb2c-2b3e-4275-bdef-991680b3b771</t>
  </si>
  <si>
    <t>BU02220902</t>
  </si>
  <si>
    <t>De Happert Ziekenhuis</t>
  </si>
  <si>
    <t>2021BU02220902</t>
  </si>
  <si>
    <t>buurten.32a754cf-254a-41bd-a84d-5d2a6efdeaa2</t>
  </si>
  <si>
    <t>PL0222010013</t>
  </si>
  <si>
    <t>Buitengebied Groot Hagen</t>
  </si>
  <si>
    <t>BU02220903</t>
  </si>
  <si>
    <t>De Kruisberg</t>
  </si>
  <si>
    <t>2021BU02220903</t>
  </si>
  <si>
    <t>buurten.1d5e69e8-e838-447d-a811-2e95b8799554</t>
  </si>
  <si>
    <t>BU02220904</t>
  </si>
  <si>
    <t>De Happert Leerinkstraat</t>
  </si>
  <si>
    <t>2021BU02220904</t>
  </si>
  <si>
    <t>buurten.7551e09f-98dd-4aec-a479-501b76b4e1e1</t>
  </si>
  <si>
    <t>BU02220905</t>
  </si>
  <si>
    <t>De IJkenberg</t>
  </si>
  <si>
    <t>2021BU02220905</t>
  </si>
  <si>
    <t>buurten.c0e90993-132a-4b8d-87b8-8dec0730b756</t>
  </si>
  <si>
    <t>BU02220906</t>
  </si>
  <si>
    <t>De Bezelhorst</t>
  </si>
  <si>
    <t>2021BU02220906</t>
  </si>
  <si>
    <t>buurten.bd383d03-e3b5-4e91-91ef-b0d7e2030371</t>
  </si>
  <si>
    <t>BU02220907</t>
  </si>
  <si>
    <t>Buitengebied De Kruisberg</t>
  </si>
  <si>
    <t>2021BU02220907</t>
  </si>
  <si>
    <t>buurten.8c054f26-60a8-475b-98b7-324120ce08de</t>
  </si>
  <si>
    <t>BU02220908</t>
  </si>
  <si>
    <t>2021BU02220908</t>
  </si>
  <si>
    <t>buurten.dda33589-1202-4c59-8e1c-44eac388cc06</t>
  </si>
  <si>
    <t>BU02220909</t>
  </si>
  <si>
    <t>Langerak-Noord</t>
  </si>
  <si>
    <t>2021BU02220909</t>
  </si>
  <si>
    <t>buurten.bf677377-524d-4cc7-8f3c-875cc2bc301e</t>
  </si>
  <si>
    <t>BU02220910</t>
  </si>
  <si>
    <t>Buitengebied Christoffelstraat</t>
  </si>
  <si>
    <t>2021BU02220910</t>
  </si>
  <si>
    <t>buurten.84c276ce-bc03-4d17-aad2-134942eba7c1</t>
  </si>
  <si>
    <t>BU02220911</t>
  </si>
  <si>
    <t>Wassinkbrink-Noordwest</t>
  </si>
  <si>
    <t>2021BU02220911</t>
  </si>
  <si>
    <t>buurten.0f19747d-d955-4d34-bf37-84f5a831890f</t>
  </si>
  <si>
    <t>BU02221101</t>
  </si>
  <si>
    <t>Vulcaansoord en het Richtersbos-Zuid</t>
  </si>
  <si>
    <t>WK022211</t>
  </si>
  <si>
    <t>2021BU02221101</t>
  </si>
  <si>
    <t>buurten.479612da-70d1-4b00-82b1-0ec71a6fdc34</t>
  </si>
  <si>
    <t>PL0222010005</t>
  </si>
  <si>
    <t>Aquathermie (TEA uit de RWZI Etten)</t>
  </si>
  <si>
    <t>BU02221102</t>
  </si>
  <si>
    <t>De Elshof-Zuid</t>
  </si>
  <si>
    <t>2021BU02221102</t>
  </si>
  <si>
    <t>buurten.0179894a-fafb-41fe-bf0d-82b6a11ec3d2</t>
  </si>
  <si>
    <t>PL0222010004</t>
  </si>
  <si>
    <t>BU02221103</t>
  </si>
  <si>
    <t>De Pol en Akkermansweide</t>
  </si>
  <si>
    <t>2021BU02221103</t>
  </si>
  <si>
    <t>buurten.41f79d6c-df9e-4a0a-a314-7f8594b5acad</t>
  </si>
  <si>
    <t>BU02221104</t>
  </si>
  <si>
    <t>Het Hartger en de Elshof-Noord</t>
  </si>
  <si>
    <t>2021BU02221104</t>
  </si>
  <si>
    <t>buurten.57b625cb-d706-41d2-94d6-ba397a3379c1</t>
  </si>
  <si>
    <t>BU02221105</t>
  </si>
  <si>
    <t>Buitengebied 't Klooster</t>
  </si>
  <si>
    <t>2021BU02221105</t>
  </si>
  <si>
    <t>buurten.6bc06b52-49e1-471e-9cbc-0666a12406ba</t>
  </si>
  <si>
    <t>BU02221106</t>
  </si>
  <si>
    <t>Buitengebied Pierikstraat</t>
  </si>
  <si>
    <t>2021BU02221106</t>
  </si>
  <si>
    <t>buurten.07f7c82b-eef6-4d40-b8e4-425566550981</t>
  </si>
  <si>
    <t>BU02221107</t>
  </si>
  <si>
    <t>Buitengebied Pinnedijk</t>
  </si>
  <si>
    <t>2021BU02221107</t>
  </si>
  <si>
    <t>buurten.e51ce8a6-0633-4faf-840c-fa9973fcb8b9</t>
  </si>
  <si>
    <t>BU02223101</t>
  </si>
  <si>
    <t>Wehl-Centrum</t>
  </si>
  <si>
    <t>WK022231</t>
  </si>
  <si>
    <t>2021BU02223101</t>
  </si>
  <si>
    <t>buurten.8e1aa551-d21b-46e8-a9c3-b90a3dd3cede</t>
  </si>
  <si>
    <t>PL0222010009</t>
  </si>
  <si>
    <t>BU02223102</t>
  </si>
  <si>
    <t>Wehl-West</t>
  </si>
  <si>
    <t>2021BU02223102</t>
  </si>
  <si>
    <t>buurten.b67e0623-00ee-4182-ab88-425dab9d8d0e</t>
  </si>
  <si>
    <t>BU02223103</t>
  </si>
  <si>
    <t>Wehl-Zuidwest</t>
  </si>
  <si>
    <t>2021BU02223103</t>
  </si>
  <si>
    <t>buurten.b752cff4-0e1a-4c48-9abd-6dd5aa48b6e8</t>
  </si>
  <si>
    <t>BU02223104</t>
  </si>
  <si>
    <t>Wehl-Zuidoost</t>
  </si>
  <si>
    <t>2021BU02223104</t>
  </si>
  <si>
    <t>buurten.3934b730-2db8-46ec-b85e-4c5b0d836306</t>
  </si>
  <si>
    <t>BU02223105</t>
  </si>
  <si>
    <t>Wehl-Oost</t>
  </si>
  <si>
    <t>2021BU02223105</t>
  </si>
  <si>
    <t>buurten.db7c0a79-85f7-4326-8958-08cfb43b652f</t>
  </si>
  <si>
    <t>BU02223106</t>
  </si>
  <si>
    <t>Wehl-Noordoost</t>
  </si>
  <si>
    <t>2021BU02223106</t>
  </si>
  <si>
    <t>buurten.e9bd3aee-c363-4bce-84ae-a18790c9637a</t>
  </si>
  <si>
    <t>BU02223107</t>
  </si>
  <si>
    <t>Wehl-Noord</t>
  </si>
  <si>
    <t>2021BU02223107</t>
  </si>
  <si>
    <t>buurten.2351f162-f761-4754-aadd-3fbcf9baa386</t>
  </si>
  <si>
    <t>BU02223108</t>
  </si>
  <si>
    <t>Nieuw-Wehl-Centrum</t>
  </si>
  <si>
    <t>2021BU02223108</t>
  </si>
  <si>
    <t>buurten.d2473a4b-6bde-49cc-817d-b83e4820f1bf</t>
  </si>
  <si>
    <t>BU02223109</t>
  </si>
  <si>
    <t>Nieuw-Wehl-Noordoost</t>
  </si>
  <si>
    <t>2021BU02223109</t>
  </si>
  <si>
    <t>buurten.6e599184-753c-46c3-99fc-18fcb0c0276d</t>
  </si>
  <si>
    <t>BU02223110</t>
  </si>
  <si>
    <t>Nieuw-Wehl-Noord</t>
  </si>
  <si>
    <t>2021BU02223110</t>
  </si>
  <si>
    <t>buurten.173fa38f-a886-4803-b797-a05a5a210642</t>
  </si>
  <si>
    <t>BU02223111</t>
  </si>
  <si>
    <t>A18 Bedrijvenpark</t>
  </si>
  <si>
    <t>2021BU02223111</t>
  </si>
  <si>
    <t>buurten.5ba5027c-8e11-4a3e-bf5e-702b0c0ee0e4</t>
  </si>
  <si>
    <t>BU02250001</t>
  </si>
  <si>
    <t>Druten</t>
  </si>
  <si>
    <t>WK022500</t>
  </si>
  <si>
    <t>GM0225</t>
  </si>
  <si>
    <t>2021BU02250001</t>
  </si>
  <si>
    <t>buurten.5bef6501-82a5-47af-890a-97ab71436f08</t>
  </si>
  <si>
    <t>DC022501</t>
  </si>
  <si>
    <t>Transitievisie Warmte gemeente Druten</t>
  </si>
  <si>
    <t>2021-12-10</t>
  </si>
  <si>
    <t>Isoleren, Uitvoeringsplan voor (elektrische) infrastructuur opstellen met netbeheerder, verder onderzoek mogelijkheden verkenningswijken en daarna opstellen van een uitvoeringsplan.</t>
  </si>
  <si>
    <t>https://warmtetransitiedruten.ireporting.nl/home</t>
  </si>
  <si>
    <t>PL0225010002</t>
  </si>
  <si>
    <t>PL0225010004</t>
  </si>
  <si>
    <t>Afferden</t>
  </si>
  <si>
    <t>Druten-noord</t>
  </si>
  <si>
    <t>Label B (bereikt met isolatie)</t>
  </si>
  <si>
    <t>Aquathermie (RWZI en de Waal) wordt als interessante bron gezien.</t>
  </si>
  <si>
    <t>BU02250002</t>
  </si>
  <si>
    <t>Druten Zuid</t>
  </si>
  <si>
    <t>2021BU02250002</t>
  </si>
  <si>
    <t>buurten.86a50bd0-8590-4680-8246-8f36974231aa</t>
  </si>
  <si>
    <t>PL0225010003</t>
  </si>
  <si>
    <t>Afferden Buitengebied, Bouwing, Deest Buitengebied, Druten Buitengebied, Druten Zuid, Horssen, Horssen buitengebied, Molenhoek, Puiflijk, Puiflijk Buitengebied.</t>
  </si>
  <si>
    <t>BU02250003</t>
  </si>
  <si>
    <t>Bouwing</t>
  </si>
  <si>
    <t>2021BU02250003</t>
  </si>
  <si>
    <t>buurten.64bfaa32-ab10-4f2c-973d-ec0acc16fe37</t>
  </si>
  <si>
    <t>BU02250004</t>
  </si>
  <si>
    <t>Westerhout</t>
  </si>
  <si>
    <t>2021BU02250004</t>
  </si>
  <si>
    <t>buurten.2b171a9d-0496-4841-adc6-fef7740d1d40</t>
  </si>
  <si>
    <t>GM0668</t>
  </si>
  <si>
    <t>West Maas en Waal</t>
  </si>
  <si>
    <t>DC066801</t>
  </si>
  <si>
    <t>Samen voor een duurzaam West Maas en Waal</t>
  </si>
  <si>
    <t>2022-09-01</t>
  </si>
  <si>
    <t>stap voor stap samen, betaalbaar en draagvlak</t>
  </si>
  <si>
    <t>Een eerste richting aan de aanpak van het aardgasvrij en aardgas-ready maken van gemeente</t>
  </si>
  <si>
    <t>Gemeente heeft zich gecommitteerd aan ambitie GEA: 55% CO2-reductie in 2030 en energieneutraal in 2050; de gebouwde omgeving uiterlijk in 2050 aardgasvrij ofwel CO2 naar 0 in 2050.</t>
  </si>
  <si>
    <t>https://westmaasenwaal.notubiz.nl/document/11990817/1</t>
  </si>
  <si>
    <t>PL0668010001</t>
  </si>
  <si>
    <t>landelijk gebied &amp; buurtschappen</t>
  </si>
  <si>
    <t>indiv, aanpak per gebouw: (hybride+gg) warmtepompen i.c.m. isoleren</t>
  </si>
  <si>
    <t>huidig label of beter, &gt;50% label C</t>
  </si>
  <si>
    <t>gem. schillabel B</t>
  </si>
  <si>
    <t>(Hybride) Warmtepomp, of Hr</t>
  </si>
  <si>
    <t>elektricitetsnet.of combi  E en Gnet</t>
  </si>
  <si>
    <t>niet van toepassing of groengas</t>
  </si>
  <si>
    <t>BU02250005</t>
  </si>
  <si>
    <t>Druten Buitengebied</t>
  </si>
  <si>
    <t>2021BU02250005</t>
  </si>
  <si>
    <t>buurten.be778605-e076-4e40-b720-a9de6258ad05</t>
  </si>
  <si>
    <t>BU02250006</t>
  </si>
  <si>
    <t>Drutense Waarden</t>
  </si>
  <si>
    <t>2021BU02250006</t>
  </si>
  <si>
    <t>buurten.50fa146a-f4b4-4aa0-a5de-678222d2aaaa</t>
  </si>
  <si>
    <t>Van Transitievisie Warmte naar Wijkuitvoeringsplannen in gemeente West Maas en Waal</t>
  </si>
  <si>
    <t>PL1740010013</t>
  </si>
  <si>
    <t>Boven Leeuwen</t>
  </si>
  <si>
    <t>huidig label, &gt;50% label C</t>
  </si>
  <si>
    <t>warmtenet, WKO, PVT of collectieve warmtepomp of indiv. All electric</t>
  </si>
  <si>
    <t>warmtenet en/of elektriciteitsnet</t>
  </si>
  <si>
    <t>BU02250101</t>
  </si>
  <si>
    <t>Puiflijk</t>
  </si>
  <si>
    <t>WK022501</t>
  </si>
  <si>
    <t>2021BU02250101</t>
  </si>
  <si>
    <t>buurten.a90f2aa3-9ac3-41fa-805e-25a02c7b6b5f</t>
  </si>
  <si>
    <t>BU02250102</t>
  </si>
  <si>
    <t>Puiflijk Buitengebied</t>
  </si>
  <si>
    <t>2021BU02250102</t>
  </si>
  <si>
    <t>buurten.5c5c3c92-b271-43a2-94de-871d67e4a4ef</t>
  </si>
  <si>
    <t>BU02250201</t>
  </si>
  <si>
    <t>WK022502</t>
  </si>
  <si>
    <t>2021BU02250201</t>
  </si>
  <si>
    <t>buurten.ea24e820-193c-48a9-8882-ee60fd43c1d9</t>
  </si>
  <si>
    <t>Label C (bereikt met isolatie)</t>
  </si>
  <si>
    <t>BU02250202</t>
  </si>
  <si>
    <t>Afferden Buitengebied</t>
  </si>
  <si>
    <t>2021BU02250202</t>
  </si>
  <si>
    <t>buurten.2c75880b-8273-4c79-8218-8906fce0c5f4</t>
  </si>
  <si>
    <t>BU02250203</t>
  </si>
  <si>
    <t>Afferdense Waarden</t>
  </si>
  <si>
    <t>2021BU02250203</t>
  </si>
  <si>
    <t>buurten.764ff461-77c2-41f6-800b-382db091624d</t>
  </si>
  <si>
    <t>PL1740010018</t>
  </si>
  <si>
    <t>Verspreide huizen Ochten</t>
  </si>
  <si>
    <t>BU02250301</t>
  </si>
  <si>
    <t>Deest</t>
  </si>
  <si>
    <t>WK022503</t>
  </si>
  <si>
    <t>2021BU02250301</t>
  </si>
  <si>
    <t>buurten.e508a215-91a5-4f75-a967-8c0a97c919f4</t>
  </si>
  <si>
    <t>PL0225010001</t>
  </si>
  <si>
    <t>onderzoekend. Onderzoek gestart</t>
  </si>
  <si>
    <t>Onderzoek naar Aquathermie</t>
  </si>
  <si>
    <t>BU02250302</t>
  </si>
  <si>
    <t>Deest Buitengebied</t>
  </si>
  <si>
    <t>2021BU02250302</t>
  </si>
  <si>
    <t>buurten.1cb6efed-cc74-401a-9e44-3d5fd28f8153</t>
  </si>
  <si>
    <t>BU02250303</t>
  </si>
  <si>
    <t>Deestse Waarden</t>
  </si>
  <si>
    <t>2021BU02250303</t>
  </si>
  <si>
    <t>buurten.16bfa03d-3d1d-43d0-95f3-c8a3b6d1aa1f</t>
  </si>
  <si>
    <t>Verspreide huizen Dodewaard-West</t>
  </si>
  <si>
    <t>BU02250401</t>
  </si>
  <si>
    <t>Horssen</t>
  </si>
  <si>
    <t>WK022504</t>
  </si>
  <si>
    <t>2021BU02250401</t>
  </si>
  <si>
    <t>buurten.f94143e1-ef5f-4364-9a81-57c760156be9</t>
  </si>
  <si>
    <t>BU02250402</t>
  </si>
  <si>
    <t>Molenhoek</t>
  </si>
  <si>
    <t>2021BU02250402</t>
  </si>
  <si>
    <t>buurten.afdc6ff6-5937-4837-bc2a-82abbb77714c</t>
  </si>
  <si>
    <t>BU02250403</t>
  </si>
  <si>
    <t>Horssen Buitengebied</t>
  </si>
  <si>
    <t>2021BU02250403</t>
  </si>
  <si>
    <t>buurten.63a1c0f9-8951-4548-af0d-684c641d2318</t>
  </si>
  <si>
    <t>BU02260101</t>
  </si>
  <si>
    <t>Bedrijventerrein</t>
  </si>
  <si>
    <t>WK022601</t>
  </si>
  <si>
    <t>GM0226</t>
  </si>
  <si>
    <t>Duiven</t>
  </si>
  <si>
    <t>2021BU02260101</t>
  </si>
  <si>
    <t>buurten.0ba2e3c3-ad5b-447e-92f1-cda2d8d39f73</t>
  </si>
  <si>
    <t>DC022601</t>
  </si>
  <si>
    <t>Transitievisie Warmte Duiven; Over hoe, wanneer, welke wijken in gemeente Duiven tussen nu en 2050 van het gas gaan</t>
  </si>
  <si>
    <t>Transitievisie Warmte Westervoort, Over hoe, wanneer, welke wijken in Westervooort tussen nu en 2050 van het gas gaan</t>
  </si>
  <si>
    <t>Voor 2050 aardgasvrij</t>
  </si>
  <si>
    <t>Voor de bestaande woningvoorraad lijkt door isolatie een beperking van de warmtevraag van circa 18% realistisch haalbaar.</t>
  </si>
  <si>
    <t>Voor de bestaande woningvoorraad lijkt door isolatie een beperking van de warmtevraag van circa 19% realistisch haalbaar</t>
  </si>
  <si>
    <t>https://regionaalenergieloket.nl/indebuurt/projecten/duiven-tvw-in-de-buurt-projecten-duiven</t>
  </si>
  <si>
    <t>PL0226010011</t>
  </si>
  <si>
    <t>De Ploen (west)</t>
  </si>
  <si>
    <t>Definitief/ in uitvoering. De groene gebieden zijn al aangesloten op het warmtenet en daarmee grotendeels aardgasvrij. Dit geldt echter niet voor alle woningen. Er zijn kleine aantallen woningen die op de wijkgrenzen liggen en soms geen warmteaansluiting</t>
  </si>
  <si>
    <t>Grootste deel al aardgasvrij. Klein aantal woningen aan wijkgrens kunnen meegenomen worden in wijkuitvoeringsplan van nabijliggende wijk.</t>
  </si>
  <si>
    <t>Elektra en omgevingswarmte of restwarmte, RWZI, aquathermie, geothermie, zonthermie, gas of biomassa</t>
  </si>
  <si>
    <t>Restwarmte, RWZI, aquathermie, geothermie, zonthermie, gas of biomassa</t>
  </si>
  <si>
    <t>restwarmte en/of aquathermie (RWZI) en/of geothermie en/of zonnewarmte en/of gas en/of biomassa</t>
  </si>
  <si>
    <t>BU02260201</t>
  </si>
  <si>
    <t>WK022602</t>
  </si>
  <si>
    <t>2021BU02260201</t>
  </si>
  <si>
    <t>buurten.68e23691-bd9f-4c35-bee3-5bb348acd87e</t>
  </si>
  <si>
    <t>BU02260301</t>
  </si>
  <si>
    <t>WK022603</t>
  </si>
  <si>
    <t>2021BU02260301</t>
  </si>
  <si>
    <t>buurten.dc9fc281-452b-425b-b751-235c80e4ad9b</t>
  </si>
  <si>
    <t>PL0226010009</t>
  </si>
  <si>
    <t>PL0293010012</t>
  </si>
  <si>
    <t>Zuidwest (west)</t>
  </si>
  <si>
    <t>In concept (onderzoekend). Voor de startwijken werken we toe naar een wijkuitvoeringsplan. Daarin brengen we alle kosten, baten, voor- en nadelen in kaart, we betrekken bewoners actief en 8 we beschrijven het besluitvormingsproces (met inspraak van bewon</t>
  </si>
  <si>
    <t>Opstellen en afstellen van wijkuitvoeringsplan.</t>
  </si>
  <si>
    <t>BU02260302</t>
  </si>
  <si>
    <t>Oud Zuid</t>
  </si>
  <si>
    <t>2021BU02260302</t>
  </si>
  <si>
    <t>buurten.a78887d1-21f4-4b0f-98e1-203681e26ac7</t>
  </si>
  <si>
    <t>PL0226010027</t>
  </si>
  <si>
    <t>Zuidoost</t>
  </si>
  <si>
    <t>BU02260303</t>
  </si>
  <si>
    <t>2021BU02260303</t>
  </si>
  <si>
    <t>buurten.a46cf90e-794c-429c-ae62-fb03a1a433a3</t>
  </si>
  <si>
    <t>West (west)</t>
  </si>
  <si>
    <t>BU02260304</t>
  </si>
  <si>
    <t>De Vergert</t>
  </si>
  <si>
    <t>2021BU02260304</t>
  </si>
  <si>
    <t>buurten.d8cde8e6-ed0e-4c5c-a592-649ab06b4b23</t>
  </si>
  <si>
    <t>PL0226010010</t>
  </si>
  <si>
    <t>BU02260305</t>
  </si>
  <si>
    <t>De Nieuweling</t>
  </si>
  <si>
    <t>2021BU02260305</t>
  </si>
  <si>
    <t>buurten.575ec732-4fd4-4935-be63-b41c1a7155b8</t>
  </si>
  <si>
    <t>BU02260306</t>
  </si>
  <si>
    <t>De Ploen</t>
  </si>
  <si>
    <t>2021BU02260306</t>
  </si>
  <si>
    <t>buurten.81d189fe-5491-4b5b-b9f2-0d70dd851026</t>
  </si>
  <si>
    <t>PL0226010021</t>
  </si>
  <si>
    <t>BU02260307</t>
  </si>
  <si>
    <t>2021BU02260307</t>
  </si>
  <si>
    <t>buurten.b6da0305-e7ae-4af6-a858-41d8a94b20c4</t>
  </si>
  <si>
    <t>BU02260308</t>
  </si>
  <si>
    <t>Lommerweide</t>
  </si>
  <si>
    <t>2021BU02260308</t>
  </si>
  <si>
    <t>buurten.83ea9fa9-666b-43bd-a116-8e7a86733d51</t>
  </si>
  <si>
    <t>BU02260401</t>
  </si>
  <si>
    <t>Zuidwest</t>
  </si>
  <si>
    <t>WK022604</t>
  </si>
  <si>
    <t>2021BU02260401</t>
  </si>
  <si>
    <t>buurten.91e97b27-09b6-4517-b3e3-bca88ce4a29f</t>
  </si>
  <si>
    <t>PL0293010009</t>
  </si>
  <si>
    <t>In concept (verkennend). De groene gebieden zijn al aangesloten op het warmtenet en daarmee grotendeels aardgasvrij. Dit geldt echter niet voor alle woningen. Er zijn kleine aantallen woningen die op de wijkgrenzen liggen en soms geen warmteaansluiting h</t>
  </si>
  <si>
    <t>BU02260402</t>
  </si>
  <si>
    <t>2021BU02260402</t>
  </si>
  <si>
    <t>buurten.5cdc5b5b-ebd3-47d2-9371-43b9d33d0587</t>
  </si>
  <si>
    <t>PL0226010025</t>
  </si>
  <si>
    <t>In concept (afwachtend). Wijken (of delen daarvan) met veel oudere woningen zijn in de regel lastig aardgasvrij te maken. Juist omdat het met de huidige warmtetechnieken nog lastig is om een dergelijke wijk aardgasvrij te maken, is deze wijk als laatste</t>
  </si>
  <si>
    <t>BU02260501</t>
  </si>
  <si>
    <t>Groessen</t>
  </si>
  <si>
    <t>WK022605</t>
  </si>
  <si>
    <t>2021BU02260501</t>
  </si>
  <si>
    <t>buurten.5e060d07-e971-412b-8190-8771fb626679</t>
  </si>
  <si>
    <t>PL0226010004</t>
  </si>
  <si>
    <t>BU02260601</t>
  </si>
  <si>
    <t>Loo Gld</t>
  </si>
  <si>
    <t>WK022606</t>
  </si>
  <si>
    <t>2021BU02260601</t>
  </si>
  <si>
    <t>buurten.c3590072-80ad-4a4a-9c55-ef6aede28e42</t>
  </si>
  <si>
    <t>PL0226010001</t>
  </si>
  <si>
    <t>In concept (afwachtend). In de gearceerde gebieden hangt het tempo af van de kans om aan te sluiten op een collectieve ontwikkeling in een nabij gelegen wijk. Als een collectieve oplossing (warmtenet) de meest aantrekkelijke oplossing blijkt, dan gaan de</t>
  </si>
  <si>
    <t>Voorkeursoptie. Warmtenet</t>
  </si>
  <si>
    <t>BU02280101</t>
  </si>
  <si>
    <t>Centrum Ede</t>
  </si>
  <si>
    <t>WK022801</t>
  </si>
  <si>
    <t>GM0228</t>
  </si>
  <si>
    <t>Ede</t>
  </si>
  <si>
    <t>2021BU02280101</t>
  </si>
  <si>
    <t>buurten.8aceb4cc-6718-4070-ba88-f9b54c8d6e57</t>
  </si>
  <si>
    <t>DC022801</t>
  </si>
  <si>
    <t>TVW Ede</t>
  </si>
  <si>
    <t>transitievisie Warmte in 2026 evalueren en herzien. Draagvlak en participatie; financiele hulp van de Rijksoverheid; woonlastenneutraal - Dit houdt in dat de maandelijkse lasten gelijk blijven of lager worden.</t>
  </si>
  <si>
    <t>beschrijven wat de gemeente, eigenaren en gebruikers in de komende 10 jaar kunnen doen richting aardgasvrij wonen en werken</t>
  </si>
  <si>
    <t>49.000 woningen en 6.000 andere gebouwen in 2050 aardgasvrij. In 2030 30-40% CO2 reductie (tov 2017).</t>
  </si>
  <si>
    <t>https://ede.raadsinformatie.nl/document/10772733/1/211110%20TVW%20Ede%20-%20definitieve%20versie%20voor%20Raad</t>
  </si>
  <si>
    <t>PL0228010001</t>
  </si>
  <si>
    <t>PL0228010006</t>
  </si>
  <si>
    <t>Bloemenbuurt-West, Zeeheldenbuurt</t>
  </si>
  <si>
    <t>Indische buurt, Vogelbuurt, Steinen, oostelijk deel vande Bloemenbuurt en Beatrixplan. Ook in Wormshoef (Lunteren) en De Laar / Halderbrink (Bennekom).Indische buurt, Vogelbuurt, Steinen, oostelijk deel vande Bloemenbuurt en Beatrixplan. Ook in Wormshoef</t>
  </si>
  <si>
    <t>een aanzet gemaakt om te komen tot Wijkuitvoeringsplannen</t>
  </si>
  <si>
    <t>orienterend/verkennend</t>
  </si>
  <si>
    <t>isoleren, vervolgens of warmtenet of warmtepomp</t>
  </si>
  <si>
    <t>draagvlak en participatie, herzien in 2026, woonlastennneutraliteit</t>
  </si>
  <si>
    <t>Meer bewustzijn, ontzorgingsaanbod; inzet op isolatie (individueel)</t>
  </si>
  <si>
    <t>BU02280102</t>
  </si>
  <si>
    <t>Bosrand</t>
  </si>
  <si>
    <t>2021BU02280102</t>
  </si>
  <si>
    <t>buurten.58edff9a-a1bc-4438-b91d-119cdaa9741a</t>
  </si>
  <si>
    <t>BU02280103</t>
  </si>
  <si>
    <t>Komponistenbuurt</t>
  </si>
  <si>
    <t>2021BU02280103</t>
  </si>
  <si>
    <t>buurten.e9126047-b01c-46e9-829f-2679e69d893c</t>
  </si>
  <si>
    <t>PL0228010003</t>
  </si>
  <si>
    <t>Ede Veldhuizen, Klaphek, Maandereng, Reehorst, Stationsbuurt enHoogbouw-ZuidEde Veldhuizen, Klaphek, Maandereng, Reehorst, Stationsbuurt enHoogbouw-ZuidEde Veldhuizen, Klaphek, Maandereng, Reehorst, Stationsbuurt enHoogbouw-Zuid</t>
  </si>
  <si>
    <t>BU02280104</t>
  </si>
  <si>
    <t>2021BU02280104</t>
  </si>
  <si>
    <t>buurten.304f689d-b4c0-44db-805a-d68e6f7b60fa</t>
  </si>
  <si>
    <t>BU02280105</t>
  </si>
  <si>
    <t>2021BU02280105</t>
  </si>
  <si>
    <t>buurten.55c53d0e-4b20-44a5-928f-dff554eae09a</t>
  </si>
  <si>
    <t>Ede Centrum</t>
  </si>
  <si>
    <t>BU02280201</t>
  </si>
  <si>
    <t>WK022802</t>
  </si>
  <si>
    <t>2021BU02280201</t>
  </si>
  <si>
    <t>buurten.a590753d-b198-47a9-9303-ccc250bb1bec</t>
  </si>
  <si>
    <t>PL0228010004</t>
  </si>
  <si>
    <t>BU02280202</t>
  </si>
  <si>
    <t>2021BU02280202</t>
  </si>
  <si>
    <t>buurten.e111938b-0300-4465-bd6f-6770306509b4</t>
  </si>
  <si>
    <t>BU02280203</t>
  </si>
  <si>
    <t>2021BU02280203</t>
  </si>
  <si>
    <t>buurten.095ee84d-9ee2-40e3-aa81-803c6f0c4a17</t>
  </si>
  <si>
    <t>BU02280204</t>
  </si>
  <si>
    <t>2021BU02280204</t>
  </si>
  <si>
    <t>buurten.35cde75b-a31d-4ff3-bb60-4c8ec0f8c482</t>
  </si>
  <si>
    <t>BU02280205</t>
  </si>
  <si>
    <t>Beatrixpark</t>
  </si>
  <si>
    <t>2021BU02280205</t>
  </si>
  <si>
    <t>buurten.7e0c9c31-85a5-46be-92fd-436279ce0f66</t>
  </si>
  <si>
    <t>BU02280206</t>
  </si>
  <si>
    <t>Klaphek</t>
  </si>
  <si>
    <t>2021BU02280206</t>
  </si>
  <si>
    <t>buurten.c4e30b23-c93d-4f75-bc01-b373f6e5c824</t>
  </si>
  <si>
    <t>BU02280301</t>
  </si>
  <si>
    <t>De Horsten</t>
  </si>
  <si>
    <t>WK022803</t>
  </si>
  <si>
    <t>2021BU02280301</t>
  </si>
  <si>
    <t>buurten.dbab6e02-06a7-4e69-9d07-33630d1e2011</t>
  </si>
  <si>
    <t>BU02280302</t>
  </si>
  <si>
    <t>De Burgen</t>
  </si>
  <si>
    <t>2021BU02280302</t>
  </si>
  <si>
    <t>buurten.6be3f2e8-7cfc-45a0-aefe-55b6ea470ec0</t>
  </si>
  <si>
    <t>BU02280303</t>
  </si>
  <si>
    <t>De Steinen</t>
  </si>
  <si>
    <t>2021BU02280303</t>
  </si>
  <si>
    <t>buurten.14c0ca8a-0410-43aa-9077-b3394a67946c</t>
  </si>
  <si>
    <t>BU02280305</t>
  </si>
  <si>
    <t>De Dalen</t>
  </si>
  <si>
    <t>2021BU02280305</t>
  </si>
  <si>
    <t>buurten.4bd29368-8fda-4cd5-8e00-48ca7ac3f7fe</t>
  </si>
  <si>
    <t>PL0228010007</t>
  </si>
  <si>
    <t>Paars gekleurde bedrijventerreinen in Ede Stad, Lunteren en andere dorpen</t>
  </si>
  <si>
    <t>Label A</t>
  </si>
  <si>
    <t>Schillabel A+</t>
  </si>
  <si>
    <t>BU02280306</t>
  </si>
  <si>
    <t>De Velden en Beken</t>
  </si>
  <si>
    <t>2021BU02280306</t>
  </si>
  <si>
    <t>buurten.305d4839-e8d4-402a-b5fd-2405eaf8b232</t>
  </si>
  <si>
    <t>BU02280307</t>
  </si>
  <si>
    <t>2021BU02280307</t>
  </si>
  <si>
    <t>buurten.e7c7a2bc-d789-4eb8-a029-ea66f28d1941</t>
  </si>
  <si>
    <t>BU02280401</t>
  </si>
  <si>
    <t>De Bergen</t>
  </si>
  <si>
    <t>WK022804</t>
  </si>
  <si>
    <t>2021BU02280401</t>
  </si>
  <si>
    <t>buurten.8a1eac50-7ff1-42dd-b1a4-3b10980093f8</t>
  </si>
  <si>
    <t>BU02280402</t>
  </si>
  <si>
    <t>De Bossen</t>
  </si>
  <si>
    <t>2021BU02280402</t>
  </si>
  <si>
    <t>buurten.3d74aec7-2326-4fa3-97fc-3fcf2a334f57</t>
  </si>
  <si>
    <t>BU02280403</t>
  </si>
  <si>
    <t>De Venen en Zanden</t>
  </si>
  <si>
    <t>2021BU02280403</t>
  </si>
  <si>
    <t>buurten.b9681dae-05a3-461e-bcd5-064726cdbc8d</t>
  </si>
  <si>
    <t>BU02280501</t>
  </si>
  <si>
    <t>Veluwse Poort</t>
  </si>
  <si>
    <t>WK022805</t>
  </si>
  <si>
    <t>2021BU02280501</t>
  </si>
  <si>
    <t>buurten.e8120efb-6179-4792-9709-4152768d2ed6</t>
  </si>
  <si>
    <t>BU02281001</t>
  </si>
  <si>
    <t>Uitvindersbuurt</t>
  </si>
  <si>
    <t>WK022810</t>
  </si>
  <si>
    <t>2021BU02281001</t>
  </si>
  <si>
    <t>buurten.49444ca0-78d5-40e6-a9ac-3cee94c07985</t>
  </si>
  <si>
    <t>Uitvindersbuurt, Rietkampen, Kernhem, ENKA, Veluwse Poort, De Burgen</t>
  </si>
  <si>
    <t>BU02281002</t>
  </si>
  <si>
    <t>Hoogbouw-Zuid</t>
  </si>
  <si>
    <t>2021BU02281002</t>
  </si>
  <si>
    <t>buurten.bcd7c8cf-2a21-413a-913b-cff4181e5840</t>
  </si>
  <si>
    <t>BU02281003</t>
  </si>
  <si>
    <t>Reehorst</t>
  </si>
  <si>
    <t>2021BU02281003</t>
  </si>
  <si>
    <t>buurten.99d7b6a7-533f-4971-8e35-930b9c12e518</t>
  </si>
  <si>
    <t>PL0228010005</t>
  </si>
  <si>
    <t>BU02281004</t>
  </si>
  <si>
    <t>Enka</t>
  </si>
  <si>
    <t>2021BU02281004</t>
  </si>
  <si>
    <t>buurten.fd7fe50a-21b5-4941-bfda-ea64958757ce</t>
  </si>
  <si>
    <t>BU02281101</t>
  </si>
  <si>
    <t>Elskamp</t>
  </si>
  <si>
    <t>WK022811</t>
  </si>
  <si>
    <t>2021BU02281101</t>
  </si>
  <si>
    <t>buurten.e4100c31-6d89-4ec5-bd01-d6dc11437d3a</t>
  </si>
  <si>
    <t>BU02281102</t>
  </si>
  <si>
    <t>Maandereng-Oost</t>
  </si>
  <si>
    <t>2021BU02281102</t>
  </si>
  <si>
    <t>buurten.b2d7faac-8e4e-4dcf-bdf9-7ec7c9505003</t>
  </si>
  <si>
    <t>BU02281103</t>
  </si>
  <si>
    <t>De Hoef</t>
  </si>
  <si>
    <t>2021BU02281103</t>
  </si>
  <si>
    <t>buurten.58a4c610-0df6-4960-934a-e4543ccc1cf3</t>
  </si>
  <si>
    <t>BU02281201</t>
  </si>
  <si>
    <t>WK022812</t>
  </si>
  <si>
    <t>2021BU02281201</t>
  </si>
  <si>
    <t>buurten.72d6081c-befe-4bb0-b063-2770a8d392c3</t>
  </si>
  <si>
    <t>BU02281202</t>
  </si>
  <si>
    <t>2021BU02281202</t>
  </si>
  <si>
    <t>buurten.479ed5f6-075f-4b6e-b9ff-28da9bf52d1c</t>
  </si>
  <si>
    <t>BU02281203</t>
  </si>
  <si>
    <t>2021BU02281203</t>
  </si>
  <si>
    <t>buurten.b70b48ff-5b46-4099-b839-be7ffe34b2f4</t>
  </si>
  <si>
    <t>BU02281204</t>
  </si>
  <si>
    <t>De States</t>
  </si>
  <si>
    <t>2021BU02281204</t>
  </si>
  <si>
    <t>buurten.86a94197-072d-40fc-bc1b-355c7049fc2b</t>
  </si>
  <si>
    <t>BU02281301</t>
  </si>
  <si>
    <t>Frankeneng</t>
  </si>
  <si>
    <t>WK022813</t>
  </si>
  <si>
    <t>2021BU02281301</t>
  </si>
  <si>
    <t>buurten.c1b4f4dd-7a4f-47d8-b051-cc5b6b3c3283</t>
  </si>
  <si>
    <t>BU02281302</t>
  </si>
  <si>
    <t>Heestereng</t>
  </si>
  <si>
    <t>2021BU02281302</t>
  </si>
  <si>
    <t>buurten.2bf544b0-c458-49da-aa1f-bd13643f6e49</t>
  </si>
  <si>
    <t>BU02281303</t>
  </si>
  <si>
    <t>De Vallei</t>
  </si>
  <si>
    <t>2021BU02281303</t>
  </si>
  <si>
    <t>buurten.babafa7c-e8c6-4ae8-8aa3-f07c249e4a46</t>
  </si>
  <si>
    <t>BU02281304</t>
  </si>
  <si>
    <t>Schuttersveld-Zuid</t>
  </si>
  <si>
    <t>2021BU02281304</t>
  </si>
  <si>
    <t>buurten.9ed8c3f5-7ece-4d44-83e1-8bed75ebd682</t>
  </si>
  <si>
    <t>BU02281305</t>
  </si>
  <si>
    <t>Schuttersveld-Noord</t>
  </si>
  <si>
    <t>2021BU02281305</t>
  </si>
  <si>
    <t>buurten.5a789139-6169-4116-85cb-500a38fb60aa</t>
  </si>
  <si>
    <t>BU02281306</t>
  </si>
  <si>
    <t>Kievitsmeent</t>
  </si>
  <si>
    <t>2021BU02281306</t>
  </si>
  <si>
    <t>buurten.483d2cc5-a720-46e3-b503-75b23b6b1f16</t>
  </si>
  <si>
    <t>BU02282031</t>
  </si>
  <si>
    <t>Maanderbroek</t>
  </si>
  <si>
    <t>WK022820</t>
  </si>
  <si>
    <t>2021BU02282031</t>
  </si>
  <si>
    <t>buurten.8c39ad28-1c85-4e49-8f97-be7b88a0240b</t>
  </si>
  <si>
    <t>GM0345</t>
  </si>
  <si>
    <t>Veenendaal</t>
  </si>
  <si>
    <t>DC034501</t>
  </si>
  <si>
    <t>Transitievisie Warmte versie 1.0. Veenendaal</t>
  </si>
  <si>
    <t>Betaalbaar, betrouwbaar en duurzaame warmtevoorziening. Ontwikkelingen in de gaten houden voor toekomstige keuzes.</t>
  </si>
  <si>
    <t>Verkenningswijken verder onderzoeken en WUP opstellen. Integrale gebiedsvisie voor andere interessante delen van Veenendaal. Als laatste een gemeentebrede aanpak met duidelijke communicatie voor de andere wijken.</t>
  </si>
  <si>
    <t>Aardgasvrij in 2050 en bijdragen aan de 19% aardgasvrij in 2030.</t>
  </si>
  <si>
    <t>https://repository.officiele-overheidspublicaties.nl/externebijlagen/exb-2021-40324/1/bijlage/exb-2021-40324.pdf</t>
  </si>
  <si>
    <t>PL0345010001</t>
  </si>
  <si>
    <t>PL0345010007</t>
  </si>
  <si>
    <t>Overige buurten</t>
  </si>
  <si>
    <t>Veenendaal-Oost</t>
  </si>
  <si>
    <t>Definitief (onderzoekend). In deze buurt ligt al een warmtenet van DEVO. Dit warmtenet wordt momenteel gevoed door een combinatie van bodemenergie, grootschalige warmtepompen en een warmtekrachtcentrale. De warmtekrachtcentrale gebruikt aardgas. Als hier</t>
  </si>
  <si>
    <t>In concept (stimulerend). In de buurten waar niet gestart wordt met een Uitvoeringsplan en waar ook geen grootschalige renovatie of sloop/nieuwbouw plaatsvindt, worden bewoners en bedrijven gestimuleerd vanuit het Programma Energieneutraal Veenendaal om</t>
  </si>
  <si>
    <t>Definitief. Voor de komende jaren is al een flinke verduurzamingsslag voorzien door uitfasering van de WKK-installatie. Wat dan resteert is de verduurzaming van de pierkvoorziening en eventueel van de back-up capaciteit</t>
  </si>
  <si>
    <t>geen keuze gemaakt. Bewoners en bedrijven worden aangezet tot spijtvrije verbeteringen van de woning of bedrijfspand. Dit zijn duurzame maatregelen die, bijvoorbeeld in combinatie met geplande werkzaamheden aan kozijnen, dak of interieur, genomen kunnen</t>
  </si>
  <si>
    <t>Het is technisch mogelijk, maar de financiering en de kostenverdeling tussen DEVO en de bewoners is een belangrijk aandachtspunt. We werken de plannen samen met DEVO verder uit om tot een oplossing te komen die betaalbaar, betrouwbaar en duurzaam is.</t>
  </si>
  <si>
    <t>Geleidelijk aardgasvrij t/m 2050</t>
  </si>
  <si>
    <t>Volledig aardgasvrij voor 2030</t>
  </si>
  <si>
    <t>Label A (reeds behaald)</t>
  </si>
  <si>
    <t>Bodemenergie, grootschalige warmtepompen, extra warmtebron voor piekvoorziening nog onbekend</t>
  </si>
  <si>
    <t>Elektra en omgevingswarmte of thermische energie uit oppervlaktewater, Aardwarmte (ondiep en diep), Zonnewarmte (veld), Restwarmte bedrijven, omgevingswarmte</t>
  </si>
  <si>
    <t>aquathermie en/of geothermie en/of zonnewarmte en/of restwarmte en/of omgevingswarmte</t>
  </si>
  <si>
    <t>bodemenergie en/of collectieve warmtepompen</t>
  </si>
  <si>
    <t>collectieve warmtepomp</t>
  </si>
  <si>
    <t>BU02282032</t>
  </si>
  <si>
    <t>2021BU02282032</t>
  </si>
  <si>
    <t>buurten.22e3d09f-4592-45d8-9712-072c6c1c16f7</t>
  </si>
  <si>
    <t>BU02282051</t>
  </si>
  <si>
    <t>Driesprong/Ginkel</t>
  </si>
  <si>
    <t>2021BU02282051</t>
  </si>
  <si>
    <t>buurten.6dfdbab0-8f39-49ce-90ed-5e6bdbe57bfc</t>
  </si>
  <si>
    <t>BU02283001</t>
  </si>
  <si>
    <t>De Laar</t>
  </si>
  <si>
    <t>WK022830</t>
  </si>
  <si>
    <t>2021BU02283001</t>
  </si>
  <si>
    <t>buurten.dd5d14ce-092a-4ad4-8c03-1d8eae833aa9</t>
  </si>
  <si>
    <t>PL0228010002</t>
  </si>
  <si>
    <t>Donkergroene gebieden in Bennekom, Lunteren, Wekerom, Harskamp, Otterlo en Ederveen</t>
  </si>
  <si>
    <t>BU02283002</t>
  </si>
  <si>
    <t>Bennekom-Zuidoost</t>
  </si>
  <si>
    <t>2021BU02283002</t>
  </si>
  <si>
    <t>buurten.5b039b1f-7e8e-4abe-ba73-685ec5cd5d34</t>
  </si>
  <si>
    <t>BU02283003</t>
  </si>
  <si>
    <t>Boekelo</t>
  </si>
  <si>
    <t>2021BU02283003</t>
  </si>
  <si>
    <t>buurten.6fa7536a-3cd2-448b-8438-f75b16ccd7f2</t>
  </si>
  <si>
    <t>BU02283004</t>
  </si>
  <si>
    <t>Halderbrink</t>
  </si>
  <si>
    <t>2021BU02283004</t>
  </si>
  <si>
    <t>buurten.784645de-aac0-4c73-b702-204c1fe182cf</t>
  </si>
  <si>
    <t>BU02283031</t>
  </si>
  <si>
    <t>De Kraats/Nergena</t>
  </si>
  <si>
    <t>2021BU02283031</t>
  </si>
  <si>
    <t>buurten.1199c770-93bf-4bc8-b73b-296cac146bcc</t>
  </si>
  <si>
    <t>GM0340</t>
  </si>
  <si>
    <t>DC034001</t>
  </si>
  <si>
    <t>PL0340010003</t>
  </si>
  <si>
    <t>BU02283051</t>
  </si>
  <si>
    <t>Dikkenberg</t>
  </si>
  <si>
    <t>2021BU02283051</t>
  </si>
  <si>
    <t>buurten.d0436af7-2648-42db-83f5-5ef7ec08f4b1</t>
  </si>
  <si>
    <t>BU02284001</t>
  </si>
  <si>
    <t>Centrum Lunteren</t>
  </si>
  <si>
    <t>WK022840</t>
  </si>
  <si>
    <t>2021BU02284001</t>
  </si>
  <si>
    <t>buurten.ad6aa097-ad10-416a-af89-bfa06b8732f8</t>
  </si>
  <si>
    <t>BU02284002</t>
  </si>
  <si>
    <t>Wormshoef</t>
  </si>
  <si>
    <t>2021BU02284002</t>
  </si>
  <si>
    <t>buurten.b2f6ff73-36e7-46f3-ba33-da3d0a24a472</t>
  </si>
  <si>
    <t>BU02284003</t>
  </si>
  <si>
    <t>Lunteren-Oost</t>
  </si>
  <si>
    <t>2021BU02284003</t>
  </si>
  <si>
    <t>buurten.1bfe412c-8c70-49c7-a6b8-d5216835afd3</t>
  </si>
  <si>
    <t>BU02284031</t>
  </si>
  <si>
    <t>Nederwoud</t>
  </si>
  <si>
    <t>2021BU02284031</t>
  </si>
  <si>
    <t>buurten.20fc2773-fc87-4f36-86a0-14f47cfaf8c4</t>
  </si>
  <si>
    <t>Renswoude</t>
  </si>
  <si>
    <t>PL0203010020</t>
  </si>
  <si>
    <t>BU02284032</t>
  </si>
  <si>
    <t>De Veenen</t>
  </si>
  <si>
    <t>2021BU02284032</t>
  </si>
  <si>
    <t>buurten.44432c32-9ff0-465e-b608-706e74a44996</t>
  </si>
  <si>
    <t>BU02284033</t>
  </si>
  <si>
    <t>Lunterse Veld</t>
  </si>
  <si>
    <t>2021BU02284033</t>
  </si>
  <si>
    <t>buurten.7088912b-5d34-4d81-887e-8003eb39a429</t>
  </si>
  <si>
    <t>BU02284034</t>
  </si>
  <si>
    <t>Meulunteren/De Valk</t>
  </si>
  <si>
    <t>2021BU02284034</t>
  </si>
  <si>
    <t>buurten.95af9d58-3dfc-4170-83d8-f88732788859</t>
  </si>
  <si>
    <t>BU02284051</t>
  </si>
  <si>
    <t>Lunterse Buurtbos</t>
  </si>
  <si>
    <t>2021BU02284051</t>
  </si>
  <si>
    <t>buurten.f588d685-cfd5-41c8-84b2-5f382aede88e</t>
  </si>
  <si>
    <t>BU02285001</t>
  </si>
  <si>
    <t>Ederveen dorp</t>
  </si>
  <si>
    <t>WK022850</t>
  </si>
  <si>
    <t>2021BU02285001</t>
  </si>
  <si>
    <t>buurten.d7bd85a1-ab4b-48e9-bc61-ba629d44026f</t>
  </si>
  <si>
    <t>BU02285031</t>
  </si>
  <si>
    <t>Ederveen buitengebied</t>
  </si>
  <si>
    <t>2021BU02285031</t>
  </si>
  <si>
    <t>buurten.78f8a41d-00e4-4bc7-aeec-4f80014a1607</t>
  </si>
  <si>
    <t>BU02286001</t>
  </si>
  <si>
    <t>De Klomp dorp</t>
  </si>
  <si>
    <t>WK022860</t>
  </si>
  <si>
    <t>2021BU02286001</t>
  </si>
  <si>
    <t>buurten.a6bed9ec-8600-4877-89d6-dd9b8dbcc9d1</t>
  </si>
  <si>
    <t>BU02286031</t>
  </si>
  <si>
    <t>De Klomp buitengebied</t>
  </si>
  <si>
    <t>2021BU02286031</t>
  </si>
  <si>
    <t>buurten.d7ed1fb1-c1ad-4954-97af-27e94197b2e1</t>
  </si>
  <si>
    <t>BU02287001</t>
  </si>
  <si>
    <t>Harskamp dorp</t>
  </si>
  <si>
    <t>WK022870</t>
  </si>
  <si>
    <t>2021BU02287001</t>
  </si>
  <si>
    <t>buurten.4fc49f63-3cc0-4145-8128-819c07cbf4ec</t>
  </si>
  <si>
    <t>BU02287002</t>
  </si>
  <si>
    <t>Legerplaats Harskamp</t>
  </si>
  <si>
    <t>2021BU02287002</t>
  </si>
  <si>
    <t>buurten.7b985af1-acb8-42d0-801d-962747c2318e</t>
  </si>
  <si>
    <t>BU02287031</t>
  </si>
  <si>
    <t>Westeneng</t>
  </si>
  <si>
    <t>2021BU02287031</t>
  </si>
  <si>
    <t>buurten.12665c1c-9b7a-45eb-8169-7108683fbbb4</t>
  </si>
  <si>
    <t>BU02287051</t>
  </si>
  <si>
    <t>Harskampse Zand</t>
  </si>
  <si>
    <t>2021BU02287051</t>
  </si>
  <si>
    <t>buurten.1d1f141c-c1e4-42c8-a4cc-4592c94faf44</t>
  </si>
  <si>
    <t>BU02288001</t>
  </si>
  <si>
    <t>Wekerom dorp</t>
  </si>
  <si>
    <t>WK022880</t>
  </si>
  <si>
    <t>2021BU02288001</t>
  </si>
  <si>
    <t>buurten.9bd37f0c-21f3-4d60-9b16-35f55c0c77d6</t>
  </si>
  <si>
    <t>BU02288031</t>
  </si>
  <si>
    <t>Wekeromse Meent</t>
  </si>
  <si>
    <t>2021BU02288031</t>
  </si>
  <si>
    <t>buurten.529dd394-55d8-4b8e-8ab8-f613bcefeaa9</t>
  </si>
  <si>
    <t>BU02288051</t>
  </si>
  <si>
    <t>Wekeromse Zand</t>
  </si>
  <si>
    <t>2021BU02288051</t>
  </si>
  <si>
    <t>buurten.dc32a96c-5324-4c44-9281-a0e498fe4d80</t>
  </si>
  <si>
    <t>BU02289001</t>
  </si>
  <si>
    <t>Otterlo dorp</t>
  </si>
  <si>
    <t>WK022890</t>
  </si>
  <si>
    <t>2021BU02289001</t>
  </si>
  <si>
    <t>buurten.50729565-c140-4f29-b4cc-329c51145177</t>
  </si>
  <si>
    <t>BU02289031</t>
  </si>
  <si>
    <t>Eschoter Veld</t>
  </si>
  <si>
    <t>2021BU02289031</t>
  </si>
  <si>
    <t>buurten.e17ab9ec-bcbb-418c-879e-6d682ced33a3</t>
  </si>
  <si>
    <t>BU02289051</t>
  </si>
  <si>
    <t>Reemst</t>
  </si>
  <si>
    <t>2021BU02289051</t>
  </si>
  <si>
    <t>buurten.4376329e-c158-4eab-abc5-e1fff3e9795c</t>
  </si>
  <si>
    <t>BU02289052</t>
  </si>
  <si>
    <t>Hoog Baarlo</t>
  </si>
  <si>
    <t>2021BU02289052</t>
  </si>
  <si>
    <t>buurten.5902fc35-84d0-4ccd-9b17-43c088a4863e</t>
  </si>
  <si>
    <t>BU02289053</t>
  </si>
  <si>
    <t>Deelen</t>
  </si>
  <si>
    <t>2021BU02289053</t>
  </si>
  <si>
    <t>buurten.cbbd8247-73c5-46e2-98f7-29bf4b5d98b8</t>
  </si>
  <si>
    <t>BU02300100</t>
  </si>
  <si>
    <t>Elburg Stad</t>
  </si>
  <si>
    <t>WK023001</t>
  </si>
  <si>
    <t>2021BU02300100</t>
  </si>
  <si>
    <t>buurten.ca87fc7b-cdb5-4808-9783-a64bad2f18e2</t>
  </si>
  <si>
    <t>PL0230010001</t>
  </si>
  <si>
    <t>PL0230010005</t>
  </si>
  <si>
    <t>500 verspreide huizen Elburg (Regionale aanpak)</t>
  </si>
  <si>
    <t>Elburg Vesting</t>
  </si>
  <si>
    <t>aardgasvrij in 2030 (in WUP)</t>
  </si>
  <si>
    <t>toewerken naar aardgasvrijready van 500 huizen</t>
  </si>
  <si>
    <t>groengas en/of aquathermie</t>
  </si>
  <si>
    <t>BU02300101</t>
  </si>
  <si>
    <t>Elburg West en havengebied</t>
  </si>
  <si>
    <t>2021BU02300101</t>
  </si>
  <si>
    <t>buurten.af3c0977-66df-431d-90a2-e3e56c1996d8</t>
  </si>
  <si>
    <t>BU02300102</t>
  </si>
  <si>
    <t>Elburg-Oosthoek</t>
  </si>
  <si>
    <t>2021BU02300102</t>
  </si>
  <si>
    <t>buurten.b94bd8db-c92f-4622-879d-a53287cd6731</t>
  </si>
  <si>
    <t>BU02300103</t>
  </si>
  <si>
    <t>Elburg De Vrijheid</t>
  </si>
  <si>
    <t>2021BU02300103</t>
  </si>
  <si>
    <t>buurten.d5805912-9e82-4000-a004-e91ba3eb137f</t>
  </si>
  <si>
    <t>PL0230010002</t>
  </si>
  <si>
    <t>Elburg Oostendorp</t>
  </si>
  <si>
    <t>BU02300104</t>
  </si>
  <si>
    <t>Oostendorp</t>
  </si>
  <si>
    <t>2021BU02300104</t>
  </si>
  <si>
    <t>buurten.da674ec9-9c00-447a-a3fd-2c0e8d6840f1</t>
  </si>
  <si>
    <t>BU02300105</t>
  </si>
  <si>
    <t>Achterweg</t>
  </si>
  <si>
    <t>2021BU02300105</t>
  </si>
  <si>
    <t>buurten.2921fa33-7255-4d3a-b952-9df3a7282c4f</t>
  </si>
  <si>
    <t>BU02300108</t>
  </si>
  <si>
    <t>Verspreide huizen Elburg-Zuid</t>
  </si>
  <si>
    <t>2021BU02300108</t>
  </si>
  <si>
    <t>buurten.24ac8b15-9d2f-4cb1-b7c5-49897fb16221</t>
  </si>
  <si>
    <t>BU02300109</t>
  </si>
  <si>
    <t>Verspreide huizen Elburg-Noord</t>
  </si>
  <si>
    <t>2021BU02300109</t>
  </si>
  <si>
    <t>buurten.7bab5746-8694-4309-a8f4-4262cce5b6ba</t>
  </si>
  <si>
    <t>BU02300201</t>
  </si>
  <si>
    <t>'t Harde-Centrum</t>
  </si>
  <si>
    <t>WK023002</t>
  </si>
  <si>
    <t>2021BU02300201</t>
  </si>
  <si>
    <t>buurten.d785f25f-35d5-4ee7-b8ec-d224f4d875a8</t>
  </si>
  <si>
    <t>PL0230010003</t>
  </si>
  <si>
    <t>t Harde en Doornspijk</t>
  </si>
  <si>
    <t>BU02300202</t>
  </si>
  <si>
    <t>'t Harde-West</t>
  </si>
  <si>
    <t>2021BU02300202</t>
  </si>
  <si>
    <t>buurten.cba54224-c5b9-46e2-a2c3-908a8c714b66</t>
  </si>
  <si>
    <t>BU02300203</t>
  </si>
  <si>
    <t>'t Harde-Oost</t>
  </si>
  <si>
    <t>2021BU02300203</t>
  </si>
  <si>
    <t>buurten.fd7991f3-6ba2-4f3a-a9f4-bbc0cbe892a3</t>
  </si>
  <si>
    <t>BU02300207</t>
  </si>
  <si>
    <t>Verspreide huizen 't Harde Noord-West</t>
  </si>
  <si>
    <t>2021BU02300207</t>
  </si>
  <si>
    <t>buurten.eb4eb6c3-0528-4f4c-a77a-7294322f1c9b</t>
  </si>
  <si>
    <t>BU02300209</t>
  </si>
  <si>
    <t>Verspreide huizen 't Harde Zuid-Oost</t>
  </si>
  <si>
    <t>2021BU02300209</t>
  </si>
  <si>
    <t>buurten.68556032-f39b-46ef-b04f-2c5dc467ff9c</t>
  </si>
  <si>
    <t>Voor de gemeente Epe zijn integrale aanpak van opgaven, participatie, betaalbaarheid, waardevolle leefomgeving en lokaal eigendom de belangrijkste voorwaarden waaronder de energie, en warmtetransitie mogelijk gemaakt kan worden.</t>
  </si>
  <si>
    <t>De Transitievisie Warmte beschrijft de route om te komen tot een aardgasvrije gemeente en markeert de start voor het aardgasvrij maken van de eerste buurten via de Wijkuitvoeringsplannen. Uiteindelijk wordt de Transitievisie Warmte onderdeel van de gemee</t>
  </si>
  <si>
    <t>https://www.epe.nl/document.php?m=10&amp;fileid=71736&amp;f=4602b843a572d7aded1c37f82b3251ca&amp;attachment=1&amp;c=43730</t>
  </si>
  <si>
    <t>2034</t>
  </si>
  <si>
    <t>voorkeursoptie, Leidingen worden voor 2030 vervangen. Moment aangrijpen om met bewoners in gesprek te gaan over CO2 vrij alternatief.</t>
  </si>
  <si>
    <t>Lucht (warmtepomp)</t>
  </si>
  <si>
    <t>BU02300300</t>
  </si>
  <si>
    <t>Doornspijk</t>
  </si>
  <si>
    <t>WK023003</t>
  </si>
  <si>
    <t>2021BU02300300</t>
  </si>
  <si>
    <t>buurten.29ec8944-6aa1-4210-aaea-2cb2fb704662</t>
  </si>
  <si>
    <t>BU02300304</t>
  </si>
  <si>
    <t>Hoge Enk</t>
  </si>
  <si>
    <t>2021BU02300304</t>
  </si>
  <si>
    <t>buurten.1970f16a-88ae-425c-a1b9-bf9b6f283eb4</t>
  </si>
  <si>
    <t>BU02300306</t>
  </si>
  <si>
    <t>Verspreide huizen Doornspijk-West</t>
  </si>
  <si>
    <t>2021BU02300306</t>
  </si>
  <si>
    <t>buurten.ec99beec-c5d8-4fe4-b78e-4ffe3ad12c06</t>
  </si>
  <si>
    <t>BU02300308</t>
  </si>
  <si>
    <t>Verspreide huizen Doornspijk-Oost</t>
  </si>
  <si>
    <t>2021BU02300308</t>
  </si>
  <si>
    <t>buurten.c1e8f104-2d9b-4e41-9a1b-4fce47165ad0</t>
  </si>
  <si>
    <t>BU02320000</t>
  </si>
  <si>
    <t>Epe Centrum</t>
  </si>
  <si>
    <t>WK023200</t>
  </si>
  <si>
    <t>GM0232</t>
  </si>
  <si>
    <t>Epe</t>
  </si>
  <si>
    <t>2021BU02320000</t>
  </si>
  <si>
    <t>buurten.ccb31899-1499-4526-8113-13ca06812818</t>
  </si>
  <si>
    <t>DC023201</t>
  </si>
  <si>
    <t>Transitievisie Energie en Warmte</t>
  </si>
  <si>
    <t>De warmtevisie (hoofdstuk 5, 6 en 7) beschrijft de aanpak van de gemeente Epe en haar partners om in 2050 al haar woningen en gebouwen te hebben voorzien van aardgasvrije verwarming. De Transitievisie Warmte gaat over het aardgasvrij maken van alle gebou</t>
  </si>
  <si>
    <t>PL0232010001</t>
  </si>
  <si>
    <t>Kweekweg, Gildehoek</t>
  </si>
  <si>
    <t>2032</t>
  </si>
  <si>
    <t>onderzoekend, onderzoeken lopen</t>
  </si>
  <si>
    <t>voorkeursoptie, komende 2 jaar verkennen naar haalbaarheid op techniek en financien</t>
  </si>
  <si>
    <t>De kanttekening wordt geplaatst dat verder onderzoek naar de potentieen haalbaarheid van dergelijke warmtebronnen en warmtenet benodigd is richting deWijkuitvoeringsplannen.</t>
  </si>
  <si>
    <t>WUP uitvoeren, inhoudelijke doelstelling hangen af van behaalde resultaten in de WUP</t>
  </si>
  <si>
    <t>BU02320001</t>
  </si>
  <si>
    <t>Hoge Weerd</t>
  </si>
  <si>
    <t>2021BU02320001</t>
  </si>
  <si>
    <t>buurten.c744ed9e-0d00-410c-b88a-cc68e04dff15</t>
  </si>
  <si>
    <t>PL0232010003</t>
  </si>
  <si>
    <t>Buitengebied Epe Noord, Epe Noord, KernOene</t>
  </si>
  <si>
    <t>concept, Grondgevoelige leidingen worden vervangen</t>
  </si>
  <si>
    <t>All-Electric (hybride als tussenstap)</t>
  </si>
  <si>
    <t>BU02320002</t>
  </si>
  <si>
    <t>Hogeland</t>
  </si>
  <si>
    <t>2021BU02320002</t>
  </si>
  <si>
    <t>buurten.91a65bbb-4cd4-445d-aea2-e0d1077da6ac</t>
  </si>
  <si>
    <t>BU02320003</t>
  </si>
  <si>
    <t>Epe Noord</t>
  </si>
  <si>
    <t>2021BU02320003</t>
  </si>
  <si>
    <t>buurten.cc2b2d7c-5dc5-4f01-9aa1-22df25aeafc8</t>
  </si>
  <si>
    <t>BU02320004</t>
  </si>
  <si>
    <t>Burgerenk</t>
  </si>
  <si>
    <t>2021BU02320004</t>
  </si>
  <si>
    <t>buurten.e33ad02f-ffc6-47c5-af33-ee8acc28a4d3</t>
  </si>
  <si>
    <t>PL0232010004</t>
  </si>
  <si>
    <t>Klaarbeek, Vaassen Centrum,Vulcanus De Pirk</t>
  </si>
  <si>
    <t>voorkeursoptie, Nieuwbouwwijken met natuurlijk vervangingsmoment in periode 2035-2040</t>
  </si>
  <si>
    <t>Samen met de belangrijke stakeholder Woonstichting Triada, die in deze buurten een groot aantal woningen in bezit heeft, wordt tijdens het opstellen van het Wijkuitvoeringsplan de uitvoering van de verduurzamingmaatregelen gekoppeld aan de investeringsmo</t>
  </si>
  <si>
    <t>n.t.b.</t>
  </si>
  <si>
    <t>BU02320005</t>
  </si>
  <si>
    <t>Enkweg</t>
  </si>
  <si>
    <t>2021BU02320005</t>
  </si>
  <si>
    <t>buurten.7333d770-20f8-4100-8cc1-8f85de204d20</t>
  </si>
  <si>
    <t>BU02320006</t>
  </si>
  <si>
    <t>Gildehoek</t>
  </si>
  <si>
    <t>2021BU02320006</t>
  </si>
  <si>
    <t>buurten.e4e1d094-7801-4f3f-b593-2e4c922f766e</t>
  </si>
  <si>
    <t>BU02320007</t>
  </si>
  <si>
    <t>Kweekweg</t>
  </si>
  <si>
    <t>2021BU02320007</t>
  </si>
  <si>
    <t>buurten.18723b55-234a-4b49-b4f2-022ced08eb32</t>
  </si>
  <si>
    <t>BU02320008</t>
  </si>
  <si>
    <t>Vegtelarij</t>
  </si>
  <si>
    <t>2021BU02320008</t>
  </si>
  <si>
    <t>buurten.0853cebf-e300-430f-a62a-2657e66a0be2</t>
  </si>
  <si>
    <t>BU02320009</t>
  </si>
  <si>
    <t>Klaarbeek</t>
  </si>
  <si>
    <t>2021BU02320009</t>
  </si>
  <si>
    <t>buurten.c6b585d6-fa2f-4703-a9fa-509981829d7f</t>
  </si>
  <si>
    <t>BU02320010</t>
  </si>
  <si>
    <t>Buitengebied Epe Noord</t>
  </si>
  <si>
    <t>2021BU02320010</t>
  </si>
  <si>
    <t>buurten.7bda8abc-11b2-448a-a19d-f3d067f48142</t>
  </si>
  <si>
    <t>Verspreide woningen met diverse bouwjaren</t>
  </si>
  <si>
    <t>Woningen na 2000, maar ook woningen van na de oorlog. Dus verschillend van isolatiegraad. Maar ze moeten bij implementatie allemaal geschikt worden gemaakt voor lagetemperatuur verwarming.</t>
  </si>
  <si>
    <t>BU02320011</t>
  </si>
  <si>
    <t>Buitengebied Epe West</t>
  </si>
  <si>
    <t>2021BU02320011</t>
  </si>
  <si>
    <t>buurten.8f15edd3-3a68-4462-a1c1-3292987f1a1e</t>
  </si>
  <si>
    <t>BU02320012</t>
  </si>
  <si>
    <t>Buitengebied Epe Oost</t>
  </si>
  <si>
    <t>2021BU02320012</t>
  </si>
  <si>
    <t>buurten.e244741e-f1c7-4cd4-834e-f832acbc0011</t>
  </si>
  <si>
    <t>GM0246</t>
  </si>
  <si>
    <t>aardgasvrij in 2050, In 2050 worden in Heerde woningen en andere gebouwen niet meer met aardgas verwarmd.</t>
  </si>
  <si>
    <t>DC024601</t>
  </si>
  <si>
    <t>Tot 2030 200 woningen per jaar aardgasvrij maken, vanaf 2030 360 woningen per jaar aardgasvrij maken</t>
  </si>
  <si>
    <t>PL0246010010</t>
  </si>
  <si>
    <t>2027</t>
  </si>
  <si>
    <t>Onderzoeken welke mogelijkheden er zijn om TEO te gebruiken van het Apeldoorns kanaal, het Heerderstrand en de Grote Wetering. Waarbij we willen onderzoeken in hoeverre het gebruik van TEO mogelijk is voor de wijken Zuppeld, Heerde Oost, Bovenkamp/Heerde</t>
  </si>
  <si>
    <t>Isolatiegraad geen specifiek niveau benoemd</t>
  </si>
  <si>
    <t>BU02320100</t>
  </si>
  <si>
    <t>Kern Emst</t>
  </si>
  <si>
    <t>WK023201</t>
  </si>
  <si>
    <t>2021BU02320100</t>
  </si>
  <si>
    <t>buurten.a77b9508-73bd-41e2-bc5a-7113756c768d</t>
  </si>
  <si>
    <t>BU02320101</t>
  </si>
  <si>
    <t>Buitengebied Emst</t>
  </si>
  <si>
    <t>2021BU02320101</t>
  </si>
  <si>
    <t>buurten.f5a7ce87-e064-4e34-86b7-0b0f8d4be25f</t>
  </si>
  <si>
    <t>PL0232010002</t>
  </si>
  <si>
    <t>BU02320200</t>
  </si>
  <si>
    <t>Vaassen Centrum</t>
  </si>
  <si>
    <t>WK023202</t>
  </si>
  <si>
    <t>2021BU02320200</t>
  </si>
  <si>
    <t>buurten.637c3c3c-833b-410b-90c5-15ccfdcfee69</t>
  </si>
  <si>
    <t>BU02320201</t>
  </si>
  <si>
    <t>Heggerenk</t>
  </si>
  <si>
    <t>2021BU02320201</t>
  </si>
  <si>
    <t>buurten.eff3d998-d64f-41fc-b7f9-c7fdd1799432</t>
  </si>
  <si>
    <t>Eekterveld, Heggerenk</t>
  </si>
  <si>
    <t>BU02320202</t>
  </si>
  <si>
    <t>Krugerstraat Noord</t>
  </si>
  <si>
    <t>2021BU02320202</t>
  </si>
  <si>
    <t>buurten.a58df420-1ca6-420c-a910-200699b8e782</t>
  </si>
  <si>
    <t>BU02320203</t>
  </si>
  <si>
    <t>Krugerstraat Zuid</t>
  </si>
  <si>
    <t>2021BU02320203</t>
  </si>
  <si>
    <t>buurten.c434cbb4-8d40-47f7-b149-1efef09fa43f</t>
  </si>
  <si>
    <t>BU02320204</t>
  </si>
  <si>
    <t>Oosterhof</t>
  </si>
  <si>
    <t>2021BU02320204</t>
  </si>
  <si>
    <t>buurten.364dc99f-b11a-41ed-8807-404a41a609ed</t>
  </si>
  <si>
    <t>BU02320205</t>
  </si>
  <si>
    <t>Berkenoord 1</t>
  </si>
  <si>
    <t>2021BU02320205</t>
  </si>
  <si>
    <t>buurten.85cfae4d-d321-4266-94e6-2826aa680fbf</t>
  </si>
  <si>
    <t>BU02320206</t>
  </si>
  <si>
    <t>Berkenoord 2</t>
  </si>
  <si>
    <t>2021BU02320206</t>
  </si>
  <si>
    <t>buurten.6b5028b2-9334-4fea-b2ea-2aaf5ce8a855</t>
  </si>
  <si>
    <t>BU02320207</t>
  </si>
  <si>
    <t>Woestijnweg</t>
  </si>
  <si>
    <t>2021BU02320207</t>
  </si>
  <si>
    <t>buurten.d9f0d133-ddf8-487a-ac23-d1f33e039ef0</t>
  </si>
  <si>
    <t>BU02320208</t>
  </si>
  <si>
    <t>2021BU02320208</t>
  </si>
  <si>
    <t>buurten.025cf239-7db5-42b1-ae53-cc2734e8268b</t>
  </si>
  <si>
    <t>BU02320209</t>
  </si>
  <si>
    <t>Vulcanus - de Pirk</t>
  </si>
  <si>
    <t>2021BU02320209</t>
  </si>
  <si>
    <t>buurten.929717a8-4942-4830-a10b-0a638b3f430a</t>
  </si>
  <si>
    <t>BU02320210</t>
  </si>
  <si>
    <t>Eekterveld</t>
  </si>
  <si>
    <t>2021BU02320210</t>
  </si>
  <si>
    <t>buurten.58d67cd0-6e54-4042-8ffb-c83934af1723</t>
  </si>
  <si>
    <t>BU02320211</t>
  </si>
  <si>
    <t>Buitengebied Vaassen</t>
  </si>
  <si>
    <t>2021BU02320211</t>
  </si>
  <si>
    <t>buurten.970fa385-ce8f-47a8-aa4d-4e853d4b2ebb</t>
  </si>
  <si>
    <t>BU02320300</t>
  </si>
  <si>
    <t>Kern Oene</t>
  </si>
  <si>
    <t>WK023203</t>
  </si>
  <si>
    <t>2021BU02320300</t>
  </si>
  <si>
    <t>buurten.62c1add1-0c41-4d7b-824b-d2bda82955d3</t>
  </si>
  <si>
    <t>BU02320301</t>
  </si>
  <si>
    <t>Buitengebied Oene</t>
  </si>
  <si>
    <t>2021BU02320301</t>
  </si>
  <si>
    <t>buurten.b95cf2f5-88d8-45c0-8c20-184f8b5705f4</t>
  </si>
  <si>
    <t>BU02330000</t>
  </si>
  <si>
    <t>WK023300</t>
  </si>
  <si>
    <t>2021BU02330000</t>
  </si>
  <si>
    <t>buurten.79f7c22e-5124-4ccf-b41f-f6b90d370d2b</t>
  </si>
  <si>
    <t>een aardgasvrije gebouwde omgeving in 2050; volledig klimaatneutraal zijn in 2050; een kwart vd woningen in de gemeente van het gas af (2400 woningen)</t>
  </si>
  <si>
    <t>DC023301</t>
  </si>
  <si>
    <t>Wonen in Ermelo zonder aardgas</t>
  </si>
  <si>
    <t>2020-02-28</t>
  </si>
  <si>
    <t>er is een gedeelde verantwoordelijkheid in de financiering van de warmtetransitie in Ermelo</t>
  </si>
  <si>
    <t>https://veluweduurzaam.nl/wp-content/uploads/2020/12/Transitievisie-warmte-gemeente-Ermelo.pdf</t>
  </si>
  <si>
    <t>PL0233010001</t>
  </si>
  <si>
    <t>PL0233010006</t>
  </si>
  <si>
    <t>Bedrijventerreinen Veldzicht en Kerkdennen</t>
  </si>
  <si>
    <t>t Trefpunt en overige recente woningen</t>
  </si>
  <si>
    <t>2018</t>
  </si>
  <si>
    <t>handelingsperspectief bewoners en eigenaren, betaalbaarheid, helder en realistisch tijdspad; Capaciteit en middelen bij zowel de gemeente als de stakeholders en uitvoerende partijen</t>
  </si>
  <si>
    <t>240 woningen, Isolatie-aanpak, toewerken naar aardgasvrijready</t>
  </si>
  <si>
    <t>aardgasvrij of aardgasvrijready</t>
  </si>
  <si>
    <t>collectieve aanpak. Voorkeur voor all-electric en bodem-energie, en/of Afleverset</t>
  </si>
  <si>
    <t>Collectieve warmtepomp</t>
  </si>
  <si>
    <t>BU02330001</t>
  </si>
  <si>
    <t>Ermelo-Oost</t>
  </si>
  <si>
    <t>2021BU02330001</t>
  </si>
  <si>
    <t>buurten.7c3ecebb-b67b-41a6-b091-4d963c5f23ae</t>
  </si>
  <si>
    <t>Overige wijken Ermelo</t>
  </si>
  <si>
    <t>900 woningen aardgasvrijready (=isolatieaanpak)</t>
  </si>
  <si>
    <t>BU02330002</t>
  </si>
  <si>
    <t>Ermelo-West</t>
  </si>
  <si>
    <t>2021BU02330002</t>
  </si>
  <si>
    <t>buurten.bbe22da7-af9d-45ba-9e36-36efb014081a</t>
  </si>
  <si>
    <t>PL0233010002</t>
  </si>
  <si>
    <t>Ermelo-West (Wijk vd Toekomst)</t>
  </si>
  <si>
    <t>2033</t>
  </si>
  <si>
    <t>Warmtepomp en/of Infrarood</t>
  </si>
  <si>
    <t>BU02330003</t>
  </si>
  <si>
    <t>Veldwijk-'s Heerenloo</t>
  </si>
  <si>
    <t>2021BU02330003</t>
  </si>
  <si>
    <t>buurten.502bbb7d-1013-438b-95d2-3661e1a27caf</t>
  </si>
  <si>
    <t>PL0243010015</t>
  </si>
  <si>
    <t>All-Electric en/of Gasketel</t>
  </si>
  <si>
    <t>eWP,Hr</t>
  </si>
  <si>
    <t>duurzaam gas (pas na 2030 beperkt beschikbaar)</t>
  </si>
  <si>
    <t>BU02330004</t>
  </si>
  <si>
    <t>Tonsel</t>
  </si>
  <si>
    <t>2021BU02330004</t>
  </si>
  <si>
    <t>buurten.cc6c2527-2775-43ba-a06c-3f5a4386b87b</t>
  </si>
  <si>
    <t>PL0233010004</t>
  </si>
  <si>
    <t>PL0243010018</t>
  </si>
  <si>
    <t>Mogelijk deels WKO</t>
  </si>
  <si>
    <t>BU02330005</t>
  </si>
  <si>
    <t>Horst</t>
  </si>
  <si>
    <t>2021BU02330005</t>
  </si>
  <si>
    <t>buurten.2d685baa-f8c1-4e86-b53e-dea3cd99943e</t>
  </si>
  <si>
    <t>BU02330006</t>
  </si>
  <si>
    <t>Buurt Ermelo ten dele bij de kern</t>
  </si>
  <si>
    <t>2021BU02330006</t>
  </si>
  <si>
    <t>buurten.fc5fec64-7b29-4ff2-965a-75409429b3c6</t>
  </si>
  <si>
    <t>BU02330007</t>
  </si>
  <si>
    <t>Verspreide huizen Telgt</t>
  </si>
  <si>
    <t>2021BU02330007</t>
  </si>
  <si>
    <t>buurten.a9a91819-402f-410e-a4c0-1dc7b6545c4a</t>
  </si>
  <si>
    <t>BU02330008</t>
  </si>
  <si>
    <t>Verspreide huizen Zuiderzeeland</t>
  </si>
  <si>
    <t>2021BU02330008</t>
  </si>
  <si>
    <t>buurten.35607b99-20b0-4bf4-9d73-d58de7fcc91f</t>
  </si>
  <si>
    <t>BU02330009</t>
  </si>
  <si>
    <t>Verspreide huizen bosgebied</t>
  </si>
  <si>
    <t>2021BU02330009</t>
  </si>
  <si>
    <t>buurten.41194f82-e9b5-45cc-baa7-c092c9d8c429</t>
  </si>
  <si>
    <t>BU02330100</t>
  </si>
  <si>
    <t>Speuld</t>
  </si>
  <si>
    <t>WK023301</t>
  </si>
  <si>
    <t>2021BU02330100</t>
  </si>
  <si>
    <t>buurten.95c8df5f-8c0f-406c-ad95-a7af1debf099</t>
  </si>
  <si>
    <t>BU02330105</t>
  </si>
  <si>
    <t>Verspreide huizen Staverden</t>
  </si>
  <si>
    <t>2021BU02330105</t>
  </si>
  <si>
    <t>buurten.32d13caf-c453-44a5-becc-f232c296a4c9</t>
  </si>
  <si>
    <t>BU02330106</t>
  </si>
  <si>
    <t>Verspreide huizen Houtdorp</t>
  </si>
  <si>
    <t>2021BU02330106</t>
  </si>
  <si>
    <t>buurten.2098c6be-da3d-42b3-a3d2-dc09d553bf80</t>
  </si>
  <si>
    <t>BU02330107</t>
  </si>
  <si>
    <t>Verspreide huizen Leuvenum</t>
  </si>
  <si>
    <t>2021BU02330107</t>
  </si>
  <si>
    <t>buurten.75217d83-f583-4900-82a0-559d4365181d</t>
  </si>
  <si>
    <t>BU02330108</t>
  </si>
  <si>
    <t>Verspreide huizen De Beek</t>
  </si>
  <si>
    <t>2021BU02330108</t>
  </si>
  <si>
    <t>buurten.c59ed020-3c3e-4f9d-98c9-cabb08619030</t>
  </si>
  <si>
    <t>BU02330109</t>
  </si>
  <si>
    <t>2021BU02330109</t>
  </si>
  <si>
    <t>buurten.1d0ec006-c226-49aa-afbb-6736a98ef6af</t>
  </si>
  <si>
    <t>BU02430101</t>
  </si>
  <si>
    <t>WK024301</t>
  </si>
  <si>
    <t>2021BU02430101</t>
  </si>
  <si>
    <t>buurten.a078ec9d-f2fb-4e66-8751-6050523922a6</t>
  </si>
  <si>
    <t>PL0243010019</t>
  </si>
  <si>
    <t>BU02430102</t>
  </si>
  <si>
    <t>2021BU02430102</t>
  </si>
  <si>
    <t>buurten.830480a7-dce4-4e13-a7ff-4d68bfcb4e8e</t>
  </si>
  <si>
    <t>PL0243010027</t>
  </si>
  <si>
    <t>Afleverset en/of Gasketel</t>
  </si>
  <si>
    <t>BU02430201</t>
  </si>
  <si>
    <t>WK024302</t>
  </si>
  <si>
    <t>2021BU02430201</t>
  </si>
  <si>
    <t>buurten.dd1c8dc8-4943-4348-bdd5-86c5e681c58d</t>
  </si>
  <si>
    <t>PL0243010023</t>
  </si>
  <si>
    <t>gebiedsontwikkeling</t>
  </si>
  <si>
    <t>BU02430202</t>
  </si>
  <si>
    <t>De Kades</t>
  </si>
  <si>
    <t>2021BU02430202</t>
  </si>
  <si>
    <t>buurten.11305f54-54f0-4909-95f5-f01e3c31fafb</t>
  </si>
  <si>
    <t>BU02430203</t>
  </si>
  <si>
    <t>Stadswerven</t>
  </si>
  <si>
    <t>2021BU02430203</t>
  </si>
  <si>
    <t>buurten.965f1a8d-8a01-4642-8e8f-c535a420769c</t>
  </si>
  <si>
    <t>historische binnenstad</t>
  </si>
  <si>
    <t>BU02430204</t>
  </si>
  <si>
    <t>De Knar</t>
  </si>
  <si>
    <t>2021BU02430204</t>
  </si>
  <si>
    <t>buurten.1d78de63-93cf-41c6-8474-f73cb1d78239</t>
  </si>
  <si>
    <t>BU02430301</t>
  </si>
  <si>
    <t>Zeebuurt-Oost</t>
  </si>
  <si>
    <t>WK024303</t>
  </si>
  <si>
    <t>2021BU02430301</t>
  </si>
  <si>
    <t>buurten.8fee3075-feb4-451a-8bee-47413898a54a</t>
  </si>
  <si>
    <t>PL0243010024</t>
  </si>
  <si>
    <t>BU02430302</t>
  </si>
  <si>
    <t>Zeebuurt-west</t>
  </si>
  <si>
    <t>2021BU02430302</t>
  </si>
  <si>
    <t>buurten.abc7869e-5156-4e95-aa12-0d646528777d</t>
  </si>
  <si>
    <t>PL0243010016</t>
  </si>
  <si>
    <t>BU02430401</t>
  </si>
  <si>
    <t>Friesegracht-Noord</t>
  </si>
  <si>
    <t>WK024304</t>
  </si>
  <si>
    <t>2021BU02430401</t>
  </si>
  <si>
    <t>buurten.95da7055-b09d-4afe-b34d-75b36909a46e</t>
  </si>
  <si>
    <t>BU02430402</t>
  </si>
  <si>
    <t>Friesegracht-Zuid</t>
  </si>
  <si>
    <t>2021BU02430402</t>
  </si>
  <si>
    <t>buurten.38859766-8aa8-4a5f-a46b-30f293001f0a</t>
  </si>
  <si>
    <t>BU02430501</t>
  </si>
  <si>
    <t>Stadsdennen-Noord</t>
  </si>
  <si>
    <t>WK024305</t>
  </si>
  <si>
    <t>2021BU02430501</t>
  </si>
  <si>
    <t>buurten.b5306742-2f18-4f74-a8a4-6f9bbbb729c2</t>
  </si>
  <si>
    <t>PL0243010025</t>
  </si>
  <si>
    <t>BU02430502</t>
  </si>
  <si>
    <t>Stadsdennen-Midden</t>
  </si>
  <si>
    <t>2021BU02430502</t>
  </si>
  <si>
    <t>buurten.fa499603-b816-43c4-9586-fe058b32ef32</t>
  </si>
  <si>
    <t>bedrijventerrein</t>
  </si>
  <si>
    <t>BU02430503</t>
  </si>
  <si>
    <t>Stadsdennen-Oost</t>
  </si>
  <si>
    <t>2021BU02430503</t>
  </si>
  <si>
    <t>buurten.4d7c3ccc-207b-4070-a910-9e9df5c01939</t>
  </si>
  <si>
    <t>PL0243010026</t>
  </si>
  <si>
    <t>De Wittenhagen Noord</t>
  </si>
  <si>
    <t>Stadsdennen Midden</t>
  </si>
  <si>
    <t>Afleverset en/of All-Electric en/of gasketel</t>
  </si>
  <si>
    <t>BU02430504</t>
  </si>
  <si>
    <t>Stadsdennen-Zuidwest</t>
  </si>
  <si>
    <t>2021BU02430504</t>
  </si>
  <si>
    <t>buurten.26d9b7e6-87f2-44a8-87f4-a9c0caaf5a7c</t>
  </si>
  <si>
    <t>BU02430601</t>
  </si>
  <si>
    <t>Sypel-Oost</t>
  </si>
  <si>
    <t>WK024306</t>
  </si>
  <si>
    <t>2021BU02430601</t>
  </si>
  <si>
    <t>buurten.326ba028-c60f-4cbe-aadf-ba089b306d4c</t>
  </si>
  <si>
    <t>PL0243010031</t>
  </si>
  <si>
    <t>BU02430602</t>
  </si>
  <si>
    <t>Sypel-West</t>
  </si>
  <si>
    <t>2021BU02430602</t>
  </si>
  <si>
    <t>buurten.4b4c73d1-7286-4a5f-99ac-cfda57d9208d</t>
  </si>
  <si>
    <t>PL0243010032</t>
  </si>
  <si>
    <t>BU02430701</t>
  </si>
  <si>
    <t>nachthok</t>
  </si>
  <si>
    <t>WK024307</t>
  </si>
  <si>
    <t>2021BU02430701</t>
  </si>
  <si>
    <t>buurten.56e4399d-1440-402f-bb20-7e4acb5dc99d</t>
  </si>
  <si>
    <t>Slingerbos Noord</t>
  </si>
  <si>
    <t>BU02430702</t>
  </si>
  <si>
    <t>Weiburg</t>
  </si>
  <si>
    <t>2021BU02430702</t>
  </si>
  <si>
    <t>buurten.36699a82-d2ab-46ca-bf95-cee44af4b884</t>
  </si>
  <si>
    <t>BU02430801</t>
  </si>
  <si>
    <t>Kruithuis</t>
  </si>
  <si>
    <t>WK024308</t>
  </si>
  <si>
    <t>2021BU02430801</t>
  </si>
  <si>
    <t>buurten.87cc2668-c209-4038-a322-5356add3541a</t>
  </si>
  <si>
    <t>PL0243010028</t>
  </si>
  <si>
    <t>BU02430802</t>
  </si>
  <si>
    <t>Hanzewaard</t>
  </si>
  <si>
    <t>2021BU02430802</t>
  </si>
  <si>
    <t>buurten.09f74d92-5ef7-4b39-b824-fcfd7f343457</t>
  </si>
  <si>
    <t>Stromenwaard</t>
  </si>
  <si>
    <t>BU02430803</t>
  </si>
  <si>
    <t>Scheepswaard</t>
  </si>
  <si>
    <t>2021BU02430803</t>
  </si>
  <si>
    <t>buurten.4157117b-2025-44af-bb5c-b2c322866b1f</t>
  </si>
  <si>
    <t>BU02430804</t>
  </si>
  <si>
    <t>Stedenwaard</t>
  </si>
  <si>
    <t>2021BU02430804</t>
  </si>
  <si>
    <t>buurten.134a1b28-850a-4e0f-9547-b1f34377f1f5</t>
  </si>
  <si>
    <t>PL0243010012</t>
  </si>
  <si>
    <t>Rijwoningen 1946  2005</t>
  </si>
  <si>
    <t>BU02430805</t>
  </si>
  <si>
    <t>Vogelwaard</t>
  </si>
  <si>
    <t>2021BU02430805</t>
  </si>
  <si>
    <t>buurten.9d10eb9d-34ff-4f8f-a392-fcb0f6664987</t>
  </si>
  <si>
    <t>13</t>
  </si>
  <si>
    <t>BU02430806</t>
  </si>
  <si>
    <t>Weidewaard</t>
  </si>
  <si>
    <t>2021BU02430806</t>
  </si>
  <si>
    <t>buurten.79e2cae7-97c4-482d-9546-459441a0dca7</t>
  </si>
  <si>
    <t>PL0243010033</t>
  </si>
  <si>
    <t>Slingerbos Zuid</t>
  </si>
  <si>
    <t>BU02430807</t>
  </si>
  <si>
    <t>Drift</t>
  </si>
  <si>
    <t>2021BU02430807</t>
  </si>
  <si>
    <t>buurten.ef0a1b4b-de55-4222-9ec7-4fb895d66e39</t>
  </si>
  <si>
    <t>BU02430808</t>
  </si>
  <si>
    <t>2021BU02430808</t>
  </si>
  <si>
    <t>buurten.8407c910-343e-46d3-9397-ad9cc7790cab</t>
  </si>
  <si>
    <t>BU02430901</t>
  </si>
  <si>
    <t>Slingerbos-Noord</t>
  </si>
  <si>
    <t>WK024309</t>
  </si>
  <si>
    <t>2021BU02430901</t>
  </si>
  <si>
    <t>buurten.d46b6ada-dd15-4376-a92c-dc14c932c4a6</t>
  </si>
  <si>
    <t>PL0243010034</t>
  </si>
  <si>
    <t>Veldkamp</t>
  </si>
  <si>
    <t>BU02430902</t>
  </si>
  <si>
    <t>Slingerbos-Zuid</t>
  </si>
  <si>
    <t>2021BU02430902</t>
  </si>
  <si>
    <t>buurten.59e4ca07-29d4-41c3-b053-bc019254f820</t>
  </si>
  <si>
    <t>BU02431001</t>
  </si>
  <si>
    <t>WK024310</t>
  </si>
  <si>
    <t>2021BU02431001</t>
  </si>
  <si>
    <t>buurten.a58a86f1-171f-4c40-9c25-e6caa27cc25c</t>
  </si>
  <si>
    <t>BU02431002</t>
  </si>
  <si>
    <t>2021BU02431002</t>
  </si>
  <si>
    <t>buurten.03a63a90-0b0b-4315-b5e4-5167247c31d8</t>
  </si>
  <si>
    <t>BU02431003</t>
  </si>
  <si>
    <t>Bedrijventerrein "De Sypel"</t>
  </si>
  <si>
    <t>2021BU02431003</t>
  </si>
  <si>
    <t>buurten.e304603b-26d3-4307-8278-9d68eeb5c2b6</t>
  </si>
  <si>
    <t>BU02431004</t>
  </si>
  <si>
    <t>Tinnegieter</t>
  </si>
  <si>
    <t>2021BU02431004</t>
  </si>
  <si>
    <t>buurten.59cbf600-2c06-462e-b2d6-3a745a51210e</t>
  </si>
  <si>
    <t>BU02431005</t>
  </si>
  <si>
    <t>De Wittenhagen-Noord</t>
  </si>
  <si>
    <t>2021BU02431005</t>
  </si>
  <si>
    <t>buurten.8599ab16-7110-444a-999a-d7988b58f2a0</t>
  </si>
  <si>
    <t>BU02431006</t>
  </si>
  <si>
    <t>De Wittenhagen-Zuid</t>
  </si>
  <si>
    <t>2021BU02431006</t>
  </si>
  <si>
    <t>buurten.b8df2b04-5886-4b0f-8a0b-5106924b13b1</t>
  </si>
  <si>
    <t>PL0243010014</t>
  </si>
  <si>
    <t>gestapelde woningen</t>
  </si>
  <si>
    <t>BU02431101</t>
  </si>
  <si>
    <t>Broekland</t>
  </si>
  <si>
    <t>WK024311</t>
  </si>
  <si>
    <t>2021BU02431101</t>
  </si>
  <si>
    <t>buurten.a39d0092-3f7d-4270-9ecf-fab50e22582c</t>
  </si>
  <si>
    <t>BU02431102</t>
  </si>
  <si>
    <t>De Akker</t>
  </si>
  <si>
    <t>2021BU02431102</t>
  </si>
  <si>
    <t>buurten.ee09f746-331d-49a7-b03d-5f110489c8df</t>
  </si>
  <si>
    <t>BU02431103</t>
  </si>
  <si>
    <t>Walstein</t>
  </si>
  <si>
    <t>2021BU02431103</t>
  </si>
  <si>
    <t>buurten.5276980e-9c6b-415f-8a7f-16974c229b10</t>
  </si>
  <si>
    <t>BU02431104</t>
  </si>
  <si>
    <t>Overveld</t>
  </si>
  <si>
    <t>2021BU02431104</t>
  </si>
  <si>
    <t>buurten.888225b4-0844-442c-8338-7822f40800ac</t>
  </si>
  <si>
    <t>PL0243010021</t>
  </si>
  <si>
    <t>BU02431201</t>
  </si>
  <si>
    <t>Muziekland I</t>
  </si>
  <si>
    <t>WK024312</t>
  </si>
  <si>
    <t>2021BU02431201</t>
  </si>
  <si>
    <t>buurten.8e590022-571b-4919-bccb-7597cb2f29fd</t>
  </si>
  <si>
    <t>PL0243010035</t>
  </si>
  <si>
    <t>BU02431202</t>
  </si>
  <si>
    <t>Muziekland II</t>
  </si>
  <si>
    <t>2021BU02431202</t>
  </si>
  <si>
    <t>buurten.8d6227f9-bbc5-45f9-bb14-f98d40b127bb</t>
  </si>
  <si>
    <t>BU02431203</t>
  </si>
  <si>
    <t>Muziekland III</t>
  </si>
  <si>
    <t>2021BU02431203</t>
  </si>
  <si>
    <t>buurten.206d7f8c-f649-42dc-9c43-439a6cb262c4</t>
  </si>
  <si>
    <t>BU02431204</t>
  </si>
  <si>
    <t>Muziekland IV</t>
  </si>
  <si>
    <t>2021BU02431204</t>
  </si>
  <si>
    <t>buurten.563ce846-2c69-43a7-827b-da682458463d</t>
  </si>
  <si>
    <t>PL0243010036</t>
  </si>
  <si>
    <t>BU02431205</t>
  </si>
  <si>
    <t>Drielanden-Centrum</t>
  </si>
  <si>
    <t>2021BU02431205</t>
  </si>
  <si>
    <t>buurten.c9d048a1-0c5a-4eef-aecb-3deae800499d</t>
  </si>
  <si>
    <t>BU02431206</t>
  </si>
  <si>
    <t>Harderhout I</t>
  </si>
  <si>
    <t>2021BU02431206</t>
  </si>
  <si>
    <t>buurten.6741790a-e2a1-4a9b-86c6-861ebb093c7a</t>
  </si>
  <si>
    <t>BU02431207</t>
  </si>
  <si>
    <t>Harderhout II</t>
  </si>
  <si>
    <t>2021BU02431207</t>
  </si>
  <si>
    <t>buurten.441ad307-d4c0-4c1d-90bf-97dbccff15a2</t>
  </si>
  <si>
    <t>BU02431208</t>
  </si>
  <si>
    <t>De Burcht</t>
  </si>
  <si>
    <t>2021BU02431208</t>
  </si>
  <si>
    <t>buurten.de02d770-5e05-4733-b2d9-56b1ab793459</t>
  </si>
  <si>
    <t>BU02431209</t>
  </si>
  <si>
    <t>De Gronden</t>
  </si>
  <si>
    <t>2021BU02431209</t>
  </si>
  <si>
    <t>buurten.0ac264f2-2f21-4a6f-af66-3371e132fcbd</t>
  </si>
  <si>
    <t>BU02431210</t>
  </si>
  <si>
    <t>Groerne Zoom</t>
  </si>
  <si>
    <t>2021BU02431210</t>
  </si>
  <si>
    <t>buurten.c369cece-26f5-4191-8fb6-a165459ad18e</t>
  </si>
  <si>
    <t>BU02431211</t>
  </si>
  <si>
    <t>2021BU02431211</t>
  </si>
  <si>
    <t>buurten.9e588a51-c25a-4213-ac38-788547374a9d</t>
  </si>
  <si>
    <t>BU02431212</t>
  </si>
  <si>
    <t>Weisteeg</t>
  </si>
  <si>
    <t>2021BU02431212</t>
  </si>
  <si>
    <t>buurten.81865ee4-bbc0-48b5-ba67-1508ef22075f</t>
  </si>
  <si>
    <t>PL0243010017</t>
  </si>
  <si>
    <t>BU02431301</t>
  </si>
  <si>
    <t>Lorentz I</t>
  </si>
  <si>
    <t>WK024313</t>
  </si>
  <si>
    <t>2021BU02431301</t>
  </si>
  <si>
    <t>buurten.1a46edb0-6005-4b4b-8901-214472c13918</t>
  </si>
  <si>
    <t>BU02431302</t>
  </si>
  <si>
    <t>Lorentz II</t>
  </si>
  <si>
    <t>2021BU02431302</t>
  </si>
  <si>
    <t>buurten.ba230a5c-1e20-4a7c-9edf-a050d456d19d</t>
  </si>
  <si>
    <t>BU02431303</t>
  </si>
  <si>
    <t>Lorentz III</t>
  </si>
  <si>
    <t>2021BU02431303</t>
  </si>
  <si>
    <t>buurten.a8327a0b-f7b3-4ac8-9ee5-a1d7b4deaa0a</t>
  </si>
  <si>
    <t>BU02431401</t>
  </si>
  <si>
    <t>Strokel</t>
  </si>
  <si>
    <t>WK024314</t>
  </si>
  <si>
    <t>2021BU02431401</t>
  </si>
  <si>
    <t>buurten.b4d08f7a-4aee-4c41-b041-6af70f421f7f</t>
  </si>
  <si>
    <t>BU02431402</t>
  </si>
  <si>
    <t>Sonnevanck</t>
  </si>
  <si>
    <t>2021BU02431402</t>
  </si>
  <si>
    <t>buurten.315b978f-389d-46c9-9b35-840bfe6beb8b</t>
  </si>
  <si>
    <t>BU02431403</t>
  </si>
  <si>
    <t>Harderwijkerbos</t>
  </si>
  <si>
    <t>2021BU02431403</t>
  </si>
  <si>
    <t>buurten.a0287cc0-126b-43c1-ac65-bd3a005ee2c5</t>
  </si>
  <si>
    <t>BU02431501</t>
  </si>
  <si>
    <t>Hierden-Dorp</t>
  </si>
  <si>
    <t>WK024315</t>
  </si>
  <si>
    <t>2021BU02431501</t>
  </si>
  <si>
    <t>buurten.9bb30560-3d5a-4e30-91fd-d8d447309213</t>
  </si>
  <si>
    <t>PL0243010020</t>
  </si>
  <si>
    <t>BU02431502</t>
  </si>
  <si>
    <t>Hierden Glindweg</t>
  </si>
  <si>
    <t>2021BU02431502</t>
  </si>
  <si>
    <t>buurten.a5aef388-cd08-462f-af4a-4d603b5a1804</t>
  </si>
  <si>
    <t>BU02431503</t>
  </si>
  <si>
    <t>Hierden Mheenlanden</t>
  </si>
  <si>
    <t>2021BU02431503</t>
  </si>
  <si>
    <t>buurten.ccde17fe-c958-46be-85f7-90b06788d153</t>
  </si>
  <si>
    <t>BU02431504</t>
  </si>
  <si>
    <t>Hierden de Enk</t>
  </si>
  <si>
    <t>2021BU02431504</t>
  </si>
  <si>
    <t>buurten.e9aaaf11-6fe7-4ffd-adec-14a9b4199d9a</t>
  </si>
  <si>
    <t>BU02431505</t>
  </si>
  <si>
    <t>Hierden De Duinen</t>
  </si>
  <si>
    <t>2021BU02431505</t>
  </si>
  <si>
    <t>buurten.918f9bb0-b5fb-4eba-8d8f-61516fb93eb3</t>
  </si>
  <si>
    <t>BU02431506</t>
  </si>
  <si>
    <t>Hierden De Biest</t>
  </si>
  <si>
    <t>2021BU02431506</t>
  </si>
  <si>
    <t>buurten.99aaa31b-10f9-4828-862e-4fdc87f6fe35</t>
  </si>
  <si>
    <t>BU02431601</t>
  </si>
  <si>
    <t>Woldenwijd-Noord</t>
  </si>
  <si>
    <t>WK024316</t>
  </si>
  <si>
    <t>2021BU02431601</t>
  </si>
  <si>
    <t>buurten.b7a9793d-0cd9-4b17-93f0-786abac6370a</t>
  </si>
  <si>
    <t>BU02440000</t>
  </si>
  <si>
    <t>WK024400</t>
  </si>
  <si>
    <t>GM0244</t>
  </si>
  <si>
    <t>Hattem</t>
  </si>
  <si>
    <t>2021BU02440000</t>
  </si>
  <si>
    <t>buurten.cecf9e23-2914-42ee-876b-1f4bf45c7a27</t>
  </si>
  <si>
    <t>DC024401</t>
  </si>
  <si>
    <t>Transitievisie Warmte Hattem; op weg naar een aardgasvrije gebouwde omgeving</t>
  </si>
  <si>
    <t>2022-10-19</t>
  </si>
  <si>
    <t>Transitievisie Warmte geeft focus en richting maar is geen eindpunt. De Transitievisie Warmte zal minimaal eens in de vijf jaar geactualiseerd worden. Hierdoor is het mogelijk periodiek de voortgang te volgen en op tijd bij te sturen als blijkt dat het e</t>
  </si>
  <si>
    <t>Transitiegereedmaken geheel Hattem en beginnen met de eerste aardgasvrije wijken.</t>
  </si>
  <si>
    <t>https://veluweduurzaam.nl/wp-content/uploads/2021/03/Warmtevisie-Hattem-1.pdf</t>
  </si>
  <si>
    <t>PL0244010003</t>
  </si>
  <si>
    <t>PL0244010007</t>
  </si>
  <si>
    <t>Binnenstad (8051G)</t>
  </si>
  <si>
    <t>Overige buurten bebouwde kom</t>
  </si>
  <si>
    <t>Direct ten westen van het historische centrum van Hattem liggen kansen voor een kleinschalig collectief warmtenet. Het gaat daarbij om in totaal 0,35 ha aan utiliteit zoals voor woonzorgcentrum Hanzeheerd De Bongerd, meerdere winkels en bedrijven, een sc</t>
  </si>
  <si>
    <t>Transitiegereed maken vastgoed</t>
  </si>
  <si>
    <t>Toewerken naar een minimumniveau (65-80 kWh/m2), in vervolgstap of eventueel gelijktijdig door naar basisniveau conform standaard</t>
  </si>
  <si>
    <t>Doelstelling in kWh/m2 (vergelijkbaar Schillabel A/B)</t>
  </si>
  <si>
    <t>gemiddelde warmte/koude opslag, mogelijke aquathermie</t>
  </si>
  <si>
    <t>WKO en/of aquathermie</t>
  </si>
  <si>
    <t>BU02440001</t>
  </si>
  <si>
    <t>Zandkamp en omgeving</t>
  </si>
  <si>
    <t>2021BU02440001</t>
  </si>
  <si>
    <t>buurten.bbb41287-94a6-4d32-8ca6-9c2d890766c7</t>
  </si>
  <si>
    <t>PL0244010002</t>
  </si>
  <si>
    <t>Zandkamp-Noord</t>
  </si>
  <si>
    <t>financiele middelen en priotiteiten woningcorporatie Triada; Onderzoek naar betrekken particuliere woningeigenaren</t>
  </si>
  <si>
    <t>bodemenergie en/of zonnewarmte</t>
  </si>
  <si>
    <t>BU02440002</t>
  </si>
  <si>
    <t>Ten oosten van Apeldoornseweg</t>
  </si>
  <si>
    <t>2021BU02440002</t>
  </si>
  <si>
    <t>buurten.e5aa8f25-d879-4b3c-820a-03309d1d5fb4</t>
  </si>
  <si>
    <t>PL0244010005</t>
  </si>
  <si>
    <t>t Veen</t>
  </si>
  <si>
    <t>Leren van aanpak aardgasvrije bedrijven in Netelhorst</t>
  </si>
  <si>
    <t>In het historische centrum zien we dat het laten liggen van het gasnet voorlopig de meest verstandige keuze is. Daar zijn recent ook de gas- en elektriciteitsnetten vernieuwd.</t>
  </si>
  <si>
    <t>Voor bedrijventerrein t Veen is een gebiedsgerichte aanpak een logische stap. Dit gebied wordt de komende jaren getransformeerd van een bedrijventerrein naar een locatie waar wonen en werken gecombineerd wordt. Sinds 1 juli 2018 is de aansluitplicht van</t>
  </si>
  <si>
    <t>BU02440003</t>
  </si>
  <si>
    <t>Hogenkamp en omgeving</t>
  </si>
  <si>
    <t>2021BU02440003</t>
  </si>
  <si>
    <t>buurten.7909f679-79f3-4b86-8933-787cf8ea9b36</t>
  </si>
  <si>
    <t>BU02440004</t>
  </si>
  <si>
    <t>Villapark</t>
  </si>
  <si>
    <t>2021BU02440004</t>
  </si>
  <si>
    <t>buurten.afe4c1b9-b132-441f-998f-257a9d7e6236</t>
  </si>
  <si>
    <t>Bedrijventerrein Wapenveld Noord incl. aanwezige woningbouw</t>
  </si>
  <si>
    <t>onderzoekend, mogelijke warmteoplossingen per gebied</t>
  </si>
  <si>
    <t>Afhankelijk van onderzoek naar warmtevraag en - aanbod op de terreinen, groot aandeel bebouwing van voor de oorlog</t>
  </si>
  <si>
    <t>Voorbereidend</t>
  </si>
  <si>
    <t>Collectieve oplossing: op bedrijventerreinen warmtenet MT/HT restwarmte van het terrein zelf. Woningbouw rendabel isoleren waar mogelijk en all electric warmtepomp. Slecht geïsoleerde woningen: hybride warmtepomp op groen gas. Terugvaloptie: Individuele</t>
  </si>
  <si>
    <t>BU02440005</t>
  </si>
  <si>
    <t>De Hilst</t>
  </si>
  <si>
    <t>2021BU02440005</t>
  </si>
  <si>
    <t>buurten.203d9175-182c-40ee-8342-e159513e6d08</t>
  </si>
  <si>
    <t>PL0244010001</t>
  </si>
  <si>
    <t>De Hilst is een nieuwe wijk waarin de meeste woningen gebouwd zijn tussen 1990 en nu. In deze buurt lijkt een all-electric oplossing het meest interessant, o.a. vanwege de nu al hoge isolatieniveaus. Hier kunnen aardgasvrije woningen tegen de laagste maa</t>
  </si>
  <si>
    <t>bodemwarmte/zonthermie</t>
  </si>
  <si>
    <t>BU02440008</t>
  </si>
  <si>
    <t>2021BU02440008</t>
  </si>
  <si>
    <t>buurten.01d71d90-37a5-4f2b-ad91-dc2da487abe0</t>
  </si>
  <si>
    <t>BU02440009</t>
  </si>
  <si>
    <t>Verspreide huizen Hoenwaard</t>
  </si>
  <si>
    <t>2021BU02440009</t>
  </si>
  <si>
    <t>buurten.74099fc1-0323-4bdd-bfd2-268d6266a7a7</t>
  </si>
  <si>
    <t>Het corporatiebezit in dit deel van de wijk is hoog. De meeste woningen van Triada zijn reeds op schillabel B gebracht. Deze woningen moeten echter nog een stap maken om lage temperatuurverwarming mogelijk te maken. Hiervoor kan samen met Triada een aanp</t>
  </si>
  <si>
    <t>BU02440108</t>
  </si>
  <si>
    <t>Verspreide huizen Koeweg en Molecaten</t>
  </si>
  <si>
    <t>WK024401</t>
  </si>
  <si>
    <t>2021BU02440108</t>
  </si>
  <si>
    <t>buurten.ac6b792f-2f96-4c5b-a2c8-28a236c4e9ff</t>
  </si>
  <si>
    <t>2037</t>
  </si>
  <si>
    <t>Woningcorporatie Triada wil betaalbare energielasten behouden en geen desinvesteringen maken. Mogelijk moeten de afgiftesystemen (radiatoren) vervangen worden voor lage temperatuurradiatoren.</t>
  </si>
  <si>
    <t>BU02440109</t>
  </si>
  <si>
    <t>Verspreide huizen Gelderse Dijk en omgeving</t>
  </si>
  <si>
    <t>2021BU02440109</t>
  </si>
  <si>
    <t>buurten.bbbaf19e-9de1-4b2f-97e9-b8905f079b82</t>
  </si>
  <si>
    <t>Bedrijventerrein Netelhorst</t>
  </si>
  <si>
    <t>BU02460000</t>
  </si>
  <si>
    <t>WK024600</t>
  </si>
  <si>
    <t>2021BU02460000</t>
  </si>
  <si>
    <t>buurten.c2924f66-5fdb-40df-a45e-054c283158f5</t>
  </si>
  <si>
    <t>PL0246010001</t>
  </si>
  <si>
    <t>PL0246010012</t>
  </si>
  <si>
    <t>Bedrijventerrein Heerde</t>
  </si>
  <si>
    <t>opstellen wijkuitvoeringsplan</t>
  </si>
  <si>
    <t>Afhankelijk van onderzoek naar warmtevraag en - aanbod op de terreinen</t>
  </si>
  <si>
    <t>Woningen zijn geschikt voor LT, meeste bouw na 2000</t>
  </si>
  <si>
    <t>Collectieve oplossing: TEA warmtenet vanuit de RWZI Heerde en/of TEO uit het Apeldoorns kanaal. Terugvaloptie: Individuele oplossingen: all electric warmtepomp voor de goed geïsoleerde of te isoleren woningen. Voor nog te isoleren woningen hybride warmt</t>
  </si>
  <si>
    <t>label B</t>
  </si>
  <si>
    <t>elektriciteit, gasnet</t>
  </si>
  <si>
    <t>E, G, W</t>
  </si>
  <si>
    <t>BU02460001</t>
  </si>
  <si>
    <t>Veessen</t>
  </si>
  <si>
    <t>2021BU02460001</t>
  </si>
  <si>
    <t>buurten.d6452e7d-e2b5-4040-904f-106c34798419</t>
  </si>
  <si>
    <t>PL0246010011</t>
  </si>
  <si>
    <t>E, G</t>
  </si>
  <si>
    <t>BU02460002</t>
  </si>
  <si>
    <t>Vorchten</t>
  </si>
  <si>
    <t>2021BU02460002</t>
  </si>
  <si>
    <t>buurten.1707bfe0-2c1e-416c-ba9d-ae803a0f2385</t>
  </si>
  <si>
    <t>BU02460003</t>
  </si>
  <si>
    <t>2021BU02460003</t>
  </si>
  <si>
    <t>buurten.e601ac67-ed99-49b3-a10b-cc1b37a0b38b</t>
  </si>
  <si>
    <t>BU02460004</t>
  </si>
  <si>
    <t>Verspreide huizen Veessen</t>
  </si>
  <si>
    <t>2021BU02460004</t>
  </si>
  <si>
    <t>buurten.92f00528-987e-4db6-a3a1-bde987f25444</t>
  </si>
  <si>
    <t>BU02460005</t>
  </si>
  <si>
    <t>Verspreide huizen Heerde-Noord en Hoorn</t>
  </si>
  <si>
    <t>2021BU02460005</t>
  </si>
  <si>
    <t>buurten.fd4cce26-0417-4dbb-9936-a508e6002b98</t>
  </si>
  <si>
    <t>Woningen zijn geschikt (te maken) voor LT, veel bouwjaar na 1990, ondezoek naar betaalbaarheid TEO Heerderstrand</t>
  </si>
  <si>
    <t>Collectieve oplossing: TEO warmtenet vanuit Heerderstrand en/of warmte vanuit zonnecollectoren/PVT panelen Individuele oplossing: all  electric warmtepomp voor de goed geïsoleerde of te isoleren woningen. Voor nog te isoleren woningen in tussenperiode h</t>
  </si>
  <si>
    <t>BU02460006</t>
  </si>
  <si>
    <t>Verspreide huizen Heerde-Zuid</t>
  </si>
  <si>
    <t>2021BU02460006</t>
  </si>
  <si>
    <t>buurten.9e742783-bb0d-4c32-b497-8d0b05b9d432</t>
  </si>
  <si>
    <t>Collectieve oplossing: TEO warmtenet vanuit De Grift, zonnecollectoren/PVT of kleine collectieven met bodem warmtepomp. Terugvaloptie: individuele oplossing: all electric warmtepomp</t>
  </si>
  <si>
    <t>E, W</t>
  </si>
  <si>
    <t>BU02460007</t>
  </si>
  <si>
    <t>Verspreide huizen Vorchten</t>
  </si>
  <si>
    <t>2021BU02460007</t>
  </si>
  <si>
    <t>buurten.73baa793-b398-4f6f-899c-c460ddfd6551</t>
  </si>
  <si>
    <t>BU02460008</t>
  </si>
  <si>
    <t>Verspreide huizen Lage Land</t>
  </si>
  <si>
    <t>2021BU02460008</t>
  </si>
  <si>
    <t>buurten.5e716c4d-59b2-4583-92ec-0a12dc180432</t>
  </si>
  <si>
    <t>BU02460009</t>
  </si>
  <si>
    <t>2021BU02460009</t>
  </si>
  <si>
    <t>buurten.df0594c7-3917-497c-8447-94fe7908cc49</t>
  </si>
  <si>
    <t>BU02460100</t>
  </si>
  <si>
    <t>Wapenveld</t>
  </si>
  <si>
    <t>WK024601</t>
  </si>
  <si>
    <t>2021BU02460100</t>
  </si>
  <si>
    <t>buurten.5797f9ba-1f09-4e80-8dad-523885af1b35</t>
  </si>
  <si>
    <t>PL0246010015</t>
  </si>
  <si>
    <t>Bedrijventerrein Wapenveld Zuid</t>
  </si>
  <si>
    <t>Wapenveld Zuid</t>
  </si>
  <si>
    <t>Woningen zijn geschikt voor LT, veelal gebouwd na 2005</t>
  </si>
  <si>
    <t>Collectieve oplossing: TEO warmtenet vanuit De Grote Wetering en/of zonnecollectoren/PVT panelen. Terugvaloptie: Individuele oplossing: all electric warmtepomp</t>
  </si>
  <si>
    <t>restwarmte, hernieuwbaar gas, elektrische warmtepomp</t>
  </si>
  <si>
    <t>BU02460106</t>
  </si>
  <si>
    <t>Verspreide huizen Wapenveld-Noord</t>
  </si>
  <si>
    <t>2021BU02460106</t>
  </si>
  <si>
    <t>buurten.9530d235-7719-4982-a085-850fa7d8a7ec</t>
  </si>
  <si>
    <t>BU02460107</t>
  </si>
  <si>
    <t>Verspreide huizen Wapenveld-Zuid</t>
  </si>
  <si>
    <t>2021BU02460107</t>
  </si>
  <si>
    <t>buurten.74bac060-7cd3-474f-858d-c4685650cfd1</t>
  </si>
  <si>
    <t>PL0246010014</t>
  </si>
  <si>
    <t>Hogere bebouwingsdichtheid, gebouwd na de oorlog en richting het zuiden steeds jongere bouw</t>
  </si>
  <si>
    <t>Collectieve oplossing: warmtenet voorzien van restwarmte bedrijven Wapenveld Noord en/of TEO vanuit het Apeldoorns kanaal. Terugvaloptie: Individuele oplossingen: goed geïsoleerde of te isoleren woningen all electric warmtepomp, overige woningen hybride</t>
  </si>
  <si>
    <t>BU02460108</t>
  </si>
  <si>
    <t>2021BU02460108</t>
  </si>
  <si>
    <t>buurten.b7b3419d-2b2a-4610-8105-eade29ff1126</t>
  </si>
  <si>
    <t>BU02460109</t>
  </si>
  <si>
    <t>2021BU02460109</t>
  </si>
  <si>
    <t>buurten.182ee7b9-2998-4df4-871b-6fcaf2a93170</t>
  </si>
  <si>
    <t>BU02520000</t>
  </si>
  <si>
    <t>Heumen</t>
  </si>
  <si>
    <t>WK025200</t>
  </si>
  <si>
    <t>GM0252</t>
  </si>
  <si>
    <t>2021BU02520000</t>
  </si>
  <si>
    <t>buurten.fb8e8838-c562-4b12-aa6e-47b4d7e1fe65</t>
  </si>
  <si>
    <t>100% duurzame warmte in 2050</t>
  </si>
  <si>
    <t>DC025201</t>
  </si>
  <si>
    <t>Transitievisie warmte Gemeente Heumen</t>
  </si>
  <si>
    <t>2021-11-08</t>
  </si>
  <si>
    <t>Een belangrijke randvoorwaarde is dat we transparant zijn over de kosten en dat we achterhalen of inwoners deze kosten kunnen dragen, al dan niet met behulp van (rijks-)subsidie</t>
  </si>
  <si>
    <t>Het college van de gemeente Heumen heeft op 25 mei 2021 besloten dat maatregelen voor woningen in het kader van de TVW haalbaar, betaalbaar en ruimtelijk inpasbaar moeten zijn</t>
  </si>
  <si>
    <t>1. Realistisch en betaalbaar voor iedereen; toegankelijke oplossingen met de laagst maatschappelijke kosten; 2. Starten met besparen; adviseren gebouweigenaren over energiebesparende maatregelen; 3. Beschikbaar en betrouwbaar richting de toekomst; inzich</t>
  </si>
  <si>
    <t>https://www.heumen.nl/warmtetransitie</t>
  </si>
  <si>
    <t>PL0252010001</t>
  </si>
  <si>
    <t>PL0252010003</t>
  </si>
  <si>
    <t>Duurzaamheidslening</t>
  </si>
  <si>
    <t>Loket Duurzaam Wonen Plus</t>
  </si>
  <si>
    <t>Bij het gemeentelijk energieloket Duurzaam Wonen Plus kunnen huurders, kopers, bedrijven en organisaties gratis terecht voor onafhankelijk en persoonlijk advies betreft duurzaamheidsmaatregelen voor hun woning of pand. Er wordt geadviseerd over de mogeli</t>
  </si>
  <si>
    <t>De wijken in, met een energie-adviseur, met als doel het informeren en stimuleren van huiseigenaren tot het uitvoeren van duurzaamheidsmaatregelen. Er is recent een voucheractie geweest voor kleine energiemaatregelen en momenteel worden er maatwerk energ</t>
  </si>
  <si>
    <t>BU02520001</t>
  </si>
  <si>
    <t>Malden-West</t>
  </si>
  <si>
    <t>2021BU02520001</t>
  </si>
  <si>
    <t>buurten.0c2b2f0d-6c21-423b-8a57-4a871e775c70</t>
  </si>
  <si>
    <t>PL0252010004</t>
  </si>
  <si>
    <t>Wijk van de Toekomst , Toekomst Malden Noordoost</t>
  </si>
  <si>
    <t>Met het project Toekomst Malden Noordoost hebben bewoners met ondersteuning vanuit de gemeente het initiatief genomen om een wijkproces op gebied van verduurzaming in gang te zetten. De gemeente biedt hierbij een procesbegeleider aan en ondersteunt waar</t>
  </si>
  <si>
    <t>BU02520002</t>
  </si>
  <si>
    <t>Malden-Oost</t>
  </si>
  <si>
    <t>2021BU02520002</t>
  </si>
  <si>
    <t>buurten.2a4d35c6-9c4a-4337-9a93-de9abd564a19</t>
  </si>
  <si>
    <t>BU02520003</t>
  </si>
  <si>
    <t>Broekkant en Droge</t>
  </si>
  <si>
    <t>2021BU02520003</t>
  </si>
  <si>
    <t>buurten.3714004c-5425-4d61-ad5f-46820c66b3b2</t>
  </si>
  <si>
    <t>GM0268</t>
  </si>
  <si>
    <t>Nijmegen</t>
  </si>
  <si>
    <t>energieneutraal in 2045</t>
  </si>
  <si>
    <t>DC026801</t>
  </si>
  <si>
    <t>Warmtevisie Op weg naar een aardgasvrij Nijmegen</t>
  </si>
  <si>
    <t>2018-06-12</t>
  </si>
  <si>
    <t>afhankelijk van het tempo waarop de Rijksoverheid ruimte creeert op het gebied van financiering en wettelijke mogelijkheden</t>
  </si>
  <si>
    <t>aardgasvrij in 2045</t>
  </si>
  <si>
    <t>https://nijmegen.bestuurlijkeinformatie.nl/Agenda/Document/fa6166c4-c686-4788-a42d-3b57feb0dccd?documentId=c185c325-4629-4d32-ab05-455d86b94e7e&amp;agendaItemId=d562a1e4-0e14-4a73-b5fb-c18a861db4b1</t>
  </si>
  <si>
    <t>PL0268010004</t>
  </si>
  <si>
    <t>leren</t>
  </si>
  <si>
    <t>afvalverbrandingsinstallatie (AVI) mogelijk aangevuld met geothermie en TEO</t>
  </si>
  <si>
    <t>restwarmte (AVI) en/of geothermie en aquathermie (TEO)</t>
  </si>
  <si>
    <t>BU02520004</t>
  </si>
  <si>
    <t>2021BU02520004</t>
  </si>
  <si>
    <t>buurten.f97079a7-e098-460c-84b9-ae97d11a32de</t>
  </si>
  <si>
    <t>GM0893</t>
  </si>
  <si>
    <t>Bergen (L.)</t>
  </si>
  <si>
    <t>DC089301</t>
  </si>
  <si>
    <t>Transitievisie warmte van de gemeenten Mook en Middelaar, Gennep en Bergen.</t>
  </si>
  <si>
    <t>2021-11-09</t>
  </si>
  <si>
    <t>De gemeenten hebben het Rijk nodig om aardgasvrij te worden in 2050. Allereerst op het vlak van financiering: van subsidies tot het organiseren van schaalvergroting voor kostenreductie van de benodigde maatregelen. Het moet in heel Nederland aantrekkelij</t>
  </si>
  <si>
    <t>Acties tot 2030: , Inwoners adviseren en motiveren, Isoleren voor een lagere warmtevraag , Een eerste tussenstation: hyrbide verwarmen, Combinatie duurzame elektriciteit en aardgasvrij, Uitvoering op maat (uitvoering niet alleen op wijk, maar ook op stra</t>
  </si>
  <si>
    <t>https://www.mookenmiddelaar.nl/_flysystem/mediaransitievisie-warmte-mook-en-middelaar-bergen-en-gennep.pdf</t>
  </si>
  <si>
    <t>PL0893010001</t>
  </si>
  <si>
    <t>Verduurzamen van alle gebouwen van de gemeenten Mook en Middelaar, Gennep en Bergen</t>
  </si>
  <si>
    <t>voorsorterend. No-regret maatregelen: eerst isoleren naar minimaal schillabel B. Daarna focus op met name all-electric of groengas in de buitengebieden en LT warmtenetten in de buurt van RWZI, Mookerplas, Leukermeer en Reindersmeer. Onderzoek nodig voor</t>
  </si>
  <si>
    <t>Onderzoek naar toekomstige koppelkansen (grootschalig wegenonderhoud, rioolvervanging en klimaatadaptie). Integratie van aardgasvrije technieken met duurzame elektriciteitsopwekking om de kansen op all-electric in de gemeenten groot zijn. Bij de uitwerki</t>
  </si>
  <si>
    <t>Wordt niet specifiek benoemd</t>
  </si>
  <si>
    <t>Schillabel B</t>
  </si>
  <si>
    <t>Onderzoek naar aquathermie uit de Maas, Mookerplas, RWZI, Leukermeer en Reindersmeer.GroengasWaterstof na 2030</t>
  </si>
  <si>
    <t>aquathermie (TEO) en/of aquathermie (RWZI) en/of groengas en/of waterstof</t>
  </si>
  <si>
    <t>BU02520005</t>
  </si>
  <si>
    <t>Kluis</t>
  </si>
  <si>
    <t>2021BU02520005</t>
  </si>
  <si>
    <t>buurten.cfd93ee5-d68d-4e02-9403-5e8d7e4aea9c</t>
  </si>
  <si>
    <t>BU02520006</t>
  </si>
  <si>
    <t>Verspreide huizen Malden</t>
  </si>
  <si>
    <t>2021BU02520006</t>
  </si>
  <si>
    <t>buurten.6af57b83-b408-4be4-8588-5c620ccf7349</t>
  </si>
  <si>
    <t>BU02520007</t>
  </si>
  <si>
    <t>Verspreide huizen bosgebied ten oosten kanaal</t>
  </si>
  <si>
    <t>2021BU02520007</t>
  </si>
  <si>
    <t>buurten.80b7312d-e7e2-4a72-875c-0b1ce41b3754</t>
  </si>
  <si>
    <t>GM1945</t>
  </si>
  <si>
    <t>Berg en Dal</t>
  </si>
  <si>
    <t>DC194501</t>
  </si>
  <si>
    <t>Berg en Dal aardgasvrij: samen op weg naar een breed gedragen Transitievisie Warmte</t>
  </si>
  <si>
    <t>Voorwaarden:, Iedereen kan meedoen, We starten met isoleren, We sluiten aan waar kansen zijn, bijvoorbeeld bij corporatiebezit en particuliere initiatieven, We benutten de initiatieven en energie in de gemeente, Flexibiliteit is belangrijk</t>
  </si>
  <si>
    <t>Middels een gemeentebrede aanpak, gebiedsgerichte aanpak en een individuele aanpak wilt de gemeente de warmtetransitie realiseren.</t>
  </si>
  <si>
    <t>https://bergendal.notubiz.nl/document/11007573/1</t>
  </si>
  <si>
    <t>PL1945010001</t>
  </si>
  <si>
    <t>Gemeentebrede isolatiespoor:- In samenwerking met de bewoners ontwikkelen van een support structuur voor eigenaren door het bedrijfsleven in samenwerking met het Loket Duurzaam Wonen Plus, die eigenaren door de verschillende fasen begeleidt. - Het bieden</t>
  </si>
  <si>
    <t>BU02520008</t>
  </si>
  <si>
    <t>Verspreide huizen Heumen</t>
  </si>
  <si>
    <t>2021BU02520008</t>
  </si>
  <si>
    <t>buurten.b997f5ba-f751-438d-8a97-78eb6c2f595a</t>
  </si>
  <si>
    <t>GM1684</t>
  </si>
  <si>
    <t>DC168401</t>
  </si>
  <si>
    <t>Transitievisie Warmte Cuijk: op weg naar een aardgasvrije gemeente</t>
  </si>
  <si>
    <t>2021-02-05</t>
  </si>
  <si>
    <t>Voorwaarden:, Energie besparen staat voorop, Er wordt meteen een start gemaakt, Er wordt gekozen voor haalbare technieken en er wordt naar bewoners geluisterd, Betaalbaar, betrouwbaar en goed voor de lokale economie, Samenwerking is nodig</t>
  </si>
  <si>
    <t>https://ris2.ibabs.eu/Agenda/Details/cuijk/0ac07b9e-28fd-4354-9f64-a63c246e9f99</t>
  </si>
  <si>
    <t>PL1684010003</t>
  </si>
  <si>
    <t>Het gesprek aangaan met de dorpsraden is een goede eerste stap om de inwoners bij de warmtetransitie te betrekken. Vervolgens kan deze mate van betrokkenheid en informeren langzaam worden uitgebreid afhankelijk van waar de behoefte ligt bij de inwoners.</t>
  </si>
  <si>
    <t>Diepe geothermieAquathermie (TEO uit de Maas)Restwarmte Nutricia, BECC en RWZI</t>
  </si>
  <si>
    <t>BU02520009</t>
  </si>
  <si>
    <t>Verspreide huizen bosgebied ten westen kanaal</t>
  </si>
  <si>
    <t>2021BU02520009</t>
  </si>
  <si>
    <t>buurten.a20ca7dc-8011-4b22-9ac0-2f30ef87bf68</t>
  </si>
  <si>
    <t>BU02520100</t>
  </si>
  <si>
    <t>Overasselt</t>
  </si>
  <si>
    <t>WK025201</t>
  </si>
  <si>
    <t>2021BU02520100</t>
  </si>
  <si>
    <t>buurten.09f9ea65-98a9-41df-a716-36c35545caae</t>
  </si>
  <si>
    <t>BU02520101</t>
  </si>
  <si>
    <t>Nederasselt</t>
  </si>
  <si>
    <t>2021BU02520101</t>
  </si>
  <si>
    <t>buurten.0dba5dac-ae2a-4aae-bc43-eada7035944d</t>
  </si>
  <si>
    <t>BU02520103</t>
  </si>
  <si>
    <t>Verspreide huizen Overasseltse Broek</t>
  </si>
  <si>
    <t>2021BU02520103</t>
  </si>
  <si>
    <t>buurten.b21484fc-bad5-498e-b0bf-ebd211063886</t>
  </si>
  <si>
    <t>BU02520104</t>
  </si>
  <si>
    <t>Verspreide huizen Overasseltse Uiterwaarden</t>
  </si>
  <si>
    <t>2021BU02520104</t>
  </si>
  <si>
    <t>buurten.ff68ce7d-0e32-4975-b7b3-307082f29447</t>
  </si>
  <si>
    <t>Cuijk</t>
  </si>
  <si>
    <t>2020-01-26</t>
  </si>
  <si>
    <t>Het bieden van perspectief aan bewoners en eigenaren en het geven van een indicatie aan de netbeheerder van de te verwachten veranderingen in netbelasting.</t>
  </si>
  <si>
    <t>Aardgasvrij Grave in 2050</t>
  </si>
  <si>
    <t>Technische en financiele haalbaarheid onderzoeken</t>
  </si>
  <si>
    <t>Verlagen CO2-uitstoot en transitiegereed maken van de gebouwde omgeving</t>
  </si>
  <si>
    <t>Aquathermie (TEO uit de Maas)</t>
  </si>
  <si>
    <t>aquathermie (TEO) en aquathermie (RWZI) en biomassa en restwarmte (voedselindustrie)</t>
  </si>
  <si>
    <t>BU02520105</t>
  </si>
  <si>
    <t>Verspreide huizen Valenberg en Heide</t>
  </si>
  <si>
    <t>2021BU02520105</t>
  </si>
  <si>
    <t>buurten.987bcc8f-8daa-4f72-ba8d-cffe55101efb</t>
  </si>
  <si>
    <t>BU02520106</t>
  </si>
  <si>
    <t>Verspreide huizen Nederasseltse Broek</t>
  </si>
  <si>
    <t>2021BU02520106</t>
  </si>
  <si>
    <t>buurten.c7cb0959-dc7d-439c-84f5-cc58e18cb0bd</t>
  </si>
  <si>
    <t>BU02520107</t>
  </si>
  <si>
    <t>Verspreide huizen Worsum</t>
  </si>
  <si>
    <t>2021BU02520107</t>
  </si>
  <si>
    <t>buurten.bcd36693-c743-45b7-b152-a90dd426d0a9</t>
  </si>
  <si>
    <t>Aardgasvrij Cuijk in 2050</t>
  </si>
  <si>
    <t>Op de hoogte zijn van bewonersinitiatieven, de initiatieven maximaal te ondersteunen en te stimuleren</t>
  </si>
  <si>
    <t>BU02520108</t>
  </si>
  <si>
    <t>Verspreide huizen in de polder Balgoij en Einde</t>
  </si>
  <si>
    <t>2021BU02520108</t>
  </si>
  <si>
    <t>buurten.39c478c2-e1ff-4319-b235-73132121b292</t>
  </si>
  <si>
    <t>GM0786</t>
  </si>
  <si>
    <t>Grave</t>
  </si>
  <si>
    <t>DC078601</t>
  </si>
  <si>
    <t>Transitievisie Warmte Grave: op weg naar een aardgasvrije gemeente</t>
  </si>
  <si>
    <t>https://ris2.ibabs.eu/Agenda/Details/grave/cff0a34c-487b-4698-abb7-cfba8df0c4ef</t>
  </si>
  <si>
    <t>PL0786010003</t>
  </si>
  <si>
    <t>BU02520109</t>
  </si>
  <si>
    <t>Verspreide huizen Nederasseltse Uiterwaarden</t>
  </si>
  <si>
    <t>2021BU02520109</t>
  </si>
  <si>
    <t>buurten.6c693631-4aa8-4601-89f5-79d47a857d98</t>
  </si>
  <si>
    <t>Elektrisch koken, vloerverwarming</t>
  </si>
  <si>
    <t>BU02620000</t>
  </si>
  <si>
    <t>Vesting</t>
  </si>
  <si>
    <t>WK026200</t>
  </si>
  <si>
    <t>GM0262</t>
  </si>
  <si>
    <t>Lochem</t>
  </si>
  <si>
    <t>2021BU02620000</t>
  </si>
  <si>
    <t>buurten.2cfb53a3-db22-4b53-a3df-440fba239376</t>
  </si>
  <si>
    <t>BU02620001</t>
  </si>
  <si>
    <t>Zuiderenk</t>
  </si>
  <si>
    <t>2021BU02620001</t>
  </si>
  <si>
    <t>buurten.6f55cb43-713b-4254-896f-f8b5ee102145</t>
  </si>
  <si>
    <t>DC026201</t>
  </si>
  <si>
    <t>Transitievisie warmte Lochem</t>
  </si>
  <si>
    <t>2021-11-12</t>
  </si>
  <si>
    <t>betaalbaar, duurzame transitie, realistisch en passend bij gemeente</t>
  </si>
  <si>
    <t>in de Transitievisie Warmte geeft een gemeente aan hoe zij het pad naar een aardgasvrij 2050 op dit moment ziet</t>
  </si>
  <si>
    <t>https://lochem.raadsinformatie.nl/modules/19/Raadsvoorstellen/713628</t>
  </si>
  <si>
    <t>PL0262010001</t>
  </si>
  <si>
    <t>PL0262010002</t>
  </si>
  <si>
    <t>Lochem Grote CO2-besparing stimuleren in Epse en Lochem-West</t>
  </si>
  <si>
    <t>Lochem de Molengronden</t>
  </si>
  <si>
    <t>financieel acceptabel</t>
  </si>
  <si>
    <t>bewoners stimuleren</t>
  </si>
  <si>
    <t>geen (onderzoek doen)</t>
  </si>
  <si>
    <t>Warmtenet en/of Bronnet</t>
  </si>
  <si>
    <t>Mogelijk LT bron</t>
  </si>
  <si>
    <t>LT warmte</t>
  </si>
  <si>
    <t>BU02620002</t>
  </si>
  <si>
    <t>Lochem-Zuid</t>
  </si>
  <si>
    <t>2021BU02620002</t>
  </si>
  <si>
    <t>buurten.efe97eef-ed11-4746-967f-63e0f143a810</t>
  </si>
  <si>
    <t>BU02620003</t>
  </si>
  <si>
    <t>Lochem-Oost</t>
  </si>
  <si>
    <t>2021BU02620003</t>
  </si>
  <si>
    <t>buurten.3576fc8b-31a1-4354-b8e3-56e9a4f5a875</t>
  </si>
  <si>
    <t>BU02620004</t>
  </si>
  <si>
    <t>Lochem-West</t>
  </si>
  <si>
    <t>2021BU02620004</t>
  </si>
  <si>
    <t>buurten.d0560671-53ac-418f-854e-47f07aeef74e</t>
  </si>
  <si>
    <t>BU02620005</t>
  </si>
  <si>
    <t>Lochem-Noord</t>
  </si>
  <si>
    <t>2021BU02620005</t>
  </si>
  <si>
    <t>buurten.ec20c242-0bb6-42c9-b40e-96030f521c9f</t>
  </si>
  <si>
    <t>BU02620006</t>
  </si>
  <si>
    <t>Molengronden</t>
  </si>
  <si>
    <t>2021BU02620006</t>
  </si>
  <si>
    <t>buurten.ed60edb9-ae52-4655-af4b-01078281057e</t>
  </si>
  <si>
    <t>BU02620100</t>
  </si>
  <si>
    <t>Zwiep</t>
  </si>
  <si>
    <t>WK026201</t>
  </si>
  <si>
    <t>2021BU02620100</t>
  </si>
  <si>
    <t>buurten.77396373-eb00-4e0c-8d76-da8595b20e5c</t>
  </si>
  <si>
    <t>BU02620106</t>
  </si>
  <si>
    <t>Verspreide huizen Het Veen en Grote Veld</t>
  </si>
  <si>
    <t>2021BU02620106</t>
  </si>
  <si>
    <t>buurten.9fed5dbf-448a-4169-a91d-8292f4f7f990</t>
  </si>
  <si>
    <t>BU02620107</t>
  </si>
  <si>
    <t>Verspreide huizen Klein Dochteren</t>
  </si>
  <si>
    <t>2021BU02620107</t>
  </si>
  <si>
    <t>buurten.aaad1010-7435-4a38-855a-2b25983edc18</t>
  </si>
  <si>
    <t>definitief, Gemeentebrede communicatiestrategie met een focus opreductie in centrumbuurten (vanwege hoog gasgebruik enhet buitengebied i.v.m. gebrek aan alternatieven) en buurtendie op termijn overgaan op een MT warmtenet</t>
  </si>
  <si>
    <t>BU02620108</t>
  </si>
  <si>
    <t>Verspreide huizen Ampsen</t>
  </si>
  <si>
    <t>2021BU02620108</t>
  </si>
  <si>
    <t>buurten.986ddbae-20dc-4775-bc11-00a90a85b4da</t>
  </si>
  <si>
    <t>BU02620109</t>
  </si>
  <si>
    <t>Verspreide huizen Nettelhorst, Langen en Zwiep</t>
  </si>
  <si>
    <t>2021BU02620109</t>
  </si>
  <si>
    <t>buurten.d64604f7-7436-4928-974e-41ce42f1f66a</t>
  </si>
  <si>
    <t>BU02620200</t>
  </si>
  <si>
    <t>Laren</t>
  </si>
  <si>
    <t>WK026202</t>
  </si>
  <si>
    <t>2021BU02620200</t>
  </si>
  <si>
    <t>buurten.558747c4-762d-4675-bbfd-2880c0c7d7a4</t>
  </si>
  <si>
    <t>BU02620201</t>
  </si>
  <si>
    <t>Exel</t>
  </si>
  <si>
    <t>2021BU02620201</t>
  </si>
  <si>
    <t>buurten.ffcaae42-cc41-44b9-a121-7bcc020838e5</t>
  </si>
  <si>
    <t>BU02620205</t>
  </si>
  <si>
    <t>Verspreide huizen Groot Dochteren</t>
  </si>
  <si>
    <t>2021BU02620205</t>
  </si>
  <si>
    <t>buurten.2f17ea4f-b613-46db-9e97-4d67d6bb723e</t>
  </si>
  <si>
    <t>BU02620206</t>
  </si>
  <si>
    <t>Verspreide huizen Oolde</t>
  </si>
  <si>
    <t>2021BU02620206</t>
  </si>
  <si>
    <t>buurten.c31efb51-b9aa-4eaf-84f2-649b57739b9d</t>
  </si>
  <si>
    <t>BU02620207</t>
  </si>
  <si>
    <t>Verspreide huizen Verwolde</t>
  </si>
  <si>
    <t>2021BU02620207</t>
  </si>
  <si>
    <t>buurten.e27e73fe-b72f-41a7-b4d7-fa2def668f88</t>
  </si>
  <si>
    <t>BU02620208</t>
  </si>
  <si>
    <t>Verspreide huizen Exel</t>
  </si>
  <si>
    <t>2021BU02620208</t>
  </si>
  <si>
    <t>buurten.70db1d2b-5116-4b5b-88f4-3f55077ca401</t>
  </si>
  <si>
    <t>BU02620209</t>
  </si>
  <si>
    <t>Exel Tol</t>
  </si>
  <si>
    <t>2021BU02620209</t>
  </si>
  <si>
    <t>buurten.9e0b030f-867a-4393-9e01-6cfe89a9cf22</t>
  </si>
  <si>
    <t>BU02620300</t>
  </si>
  <si>
    <t>Barchem</t>
  </si>
  <si>
    <t>WK026203</t>
  </si>
  <si>
    <t>2021BU02620300</t>
  </si>
  <si>
    <t>buurten.4d61ea3b-8ade-4061-a866-69c3cdee11a6</t>
  </si>
  <si>
    <t>BU02620307</t>
  </si>
  <si>
    <t>Verspreide huizen Lochemseweg</t>
  </si>
  <si>
    <t>2021BU02620307</t>
  </si>
  <si>
    <t>buurten.78339c5e-4970-4cbe-8d11-73986d913d28</t>
  </si>
  <si>
    <t>BU02620308</t>
  </si>
  <si>
    <t>Verspreide huizen Zwarte Veen en Barchemse Enk</t>
  </si>
  <si>
    <t>2021BU02620308</t>
  </si>
  <si>
    <t>buurten.a5ac7f23-586a-44c6-a1ac-238b1c6cf823</t>
  </si>
  <si>
    <t>BU02620309</t>
  </si>
  <si>
    <t>Verspreide huizen Boschheurne en Zwiepsche Broek</t>
  </si>
  <si>
    <t>2021BU02620309</t>
  </si>
  <si>
    <t>buurten.50aa9eb6-c21c-428d-abb1-1cc35ef8bedb</t>
  </si>
  <si>
    <t>BU02620400</t>
  </si>
  <si>
    <t>Gorssel</t>
  </si>
  <si>
    <t>WK026204</t>
  </si>
  <si>
    <t>2021BU02620400</t>
  </si>
  <si>
    <t>buurten.0567f1bf-3f85-4a5e-bafa-3fb3284931f1</t>
  </si>
  <si>
    <t>BU02620401</t>
  </si>
  <si>
    <t>Eefde</t>
  </si>
  <si>
    <t>2021BU02620401</t>
  </si>
  <si>
    <t>buurten.95a34e00-30ff-407c-97b3-b7dfb1d35cc8</t>
  </si>
  <si>
    <t>BU02620402</t>
  </si>
  <si>
    <t>Epse</t>
  </si>
  <si>
    <t>2021BU02620402</t>
  </si>
  <si>
    <t>buurten.669d257c-c73e-45ab-ab59-f93858dcf260</t>
  </si>
  <si>
    <t>BU02620406</t>
  </si>
  <si>
    <t>Verspreide huizen Joppe</t>
  </si>
  <si>
    <t>2021BU02620406</t>
  </si>
  <si>
    <t>buurten.50d24e45-3ec9-4cf3-97b0-459124d367b6</t>
  </si>
  <si>
    <t>BU02620407</t>
  </si>
  <si>
    <t>Verspreide huizen Gorssel</t>
  </si>
  <si>
    <t>2021BU02620407</t>
  </si>
  <si>
    <t>buurten.e18d4698-e6ee-4165-97dc-086c045ee1e8</t>
  </si>
  <si>
    <t>BU02620408</t>
  </si>
  <si>
    <t>Verspreide huizen Epse</t>
  </si>
  <si>
    <t>2021BU02620408</t>
  </si>
  <si>
    <t>buurten.c5e889cf-7899-45e0-ac91-1fb6051dd7ca</t>
  </si>
  <si>
    <t>BU02620409</t>
  </si>
  <si>
    <t>Verspreide huizen Eefde</t>
  </si>
  <si>
    <t>2021BU02620409</t>
  </si>
  <si>
    <t>buurten.46e4c618-749e-49f1-b899-137adc11fb6d</t>
  </si>
  <si>
    <t>PL0301010003</t>
  </si>
  <si>
    <t>Voorsteralleekwartier</t>
  </si>
  <si>
    <t>orienterend, Verkennende gesprekken met bewoners en waterschap lopen</t>
  </si>
  <si>
    <t>voorkeursoptie. Bewonersinitiatief informeren over beschikbaar van restwarmte vanuit RWZ</t>
  </si>
  <si>
    <t>Sturende rol door de gemeente waar aan de voorkant aan de randvoorwaarden is voldaan</t>
  </si>
  <si>
    <t>2030 2300 woningen van het aardgas af</t>
  </si>
  <si>
    <t>Restwarmte uit de RWZI</t>
  </si>
  <si>
    <t>BU02620500</t>
  </si>
  <si>
    <t>Almen</t>
  </si>
  <si>
    <t>WK026205</t>
  </si>
  <si>
    <t>2021BU02620500</t>
  </si>
  <si>
    <t>buurten.a81e94c5-4a04-44cf-bf78-28d156849d68</t>
  </si>
  <si>
    <t>BU02620501</t>
  </si>
  <si>
    <t>Harfsen</t>
  </si>
  <si>
    <t>2021BU02620501</t>
  </si>
  <si>
    <t>buurten.895f8b55-aa9c-4cfe-bff1-5e7006ec2fde</t>
  </si>
  <si>
    <t>BU02620506</t>
  </si>
  <si>
    <t>Verspreide huizen Almen ten zuiden van Twentekanaal</t>
  </si>
  <si>
    <t>2021BU02620506</t>
  </si>
  <si>
    <t>buurten.7da3f4f2-7a7c-49e6-bfa4-0d8e5505d711</t>
  </si>
  <si>
    <t>BU02620507</t>
  </si>
  <si>
    <t>Verspreide huizen Almen ten noorden van Twentekanaal</t>
  </si>
  <si>
    <t>2021BU02620507</t>
  </si>
  <si>
    <t>buurten.4d4e8ab0-64a4-4d72-b284-2b9d164c5212</t>
  </si>
  <si>
    <t>BU02620508</t>
  </si>
  <si>
    <t>Verspreide huizen Harfsen</t>
  </si>
  <si>
    <t>2021BU02620508</t>
  </si>
  <si>
    <t>buurten.5e65336f-6a9f-4029-9981-4235b12de2d5</t>
  </si>
  <si>
    <t>BU02620509</t>
  </si>
  <si>
    <t>Verspreide huizen Kring van Dorth</t>
  </si>
  <si>
    <t>2021BU02620509</t>
  </si>
  <si>
    <t>buurten.53f7c108-ff59-48b3-b4f9-997518f88f19</t>
  </si>
  <si>
    <t>BU02630000</t>
  </si>
  <si>
    <t>Kerkdriel</t>
  </si>
  <si>
    <t>WK026300</t>
  </si>
  <si>
    <t>GM0263</t>
  </si>
  <si>
    <t>Maasdriel</t>
  </si>
  <si>
    <t>2021BU02630000</t>
  </si>
  <si>
    <t>buurten.61dc8e96-c8a1-48e7-b5dc-7c9f4b51c4d9</t>
  </si>
  <si>
    <t>BU02630001</t>
  </si>
  <si>
    <t>Velddriel</t>
  </si>
  <si>
    <t>2021BU02630001</t>
  </si>
  <si>
    <t>buurten.37258a43-50eb-42a1-aecb-6462522515e1</t>
  </si>
  <si>
    <t>BU02630002</t>
  </si>
  <si>
    <t>Hoenzadriel</t>
  </si>
  <si>
    <t>2021BU02630002</t>
  </si>
  <si>
    <t>buurten.1214a873-66cc-4726-86c8-34882f0aefa6</t>
  </si>
  <si>
    <t>BU02630003</t>
  </si>
  <si>
    <t>Alem</t>
  </si>
  <si>
    <t>2021BU02630003</t>
  </si>
  <si>
    <t>buurten.6e4afdd5-90c9-4071-ab3f-2e88a966e2ae</t>
  </si>
  <si>
    <t>BU02630006</t>
  </si>
  <si>
    <t>Verspreide huizen Noord Beemden</t>
  </si>
  <si>
    <t>2021BU02630006</t>
  </si>
  <si>
    <t>buurten.e4d2e6e8-d38a-4e1c-b80d-5032c045c2ae</t>
  </si>
  <si>
    <t>BU02630007</t>
  </si>
  <si>
    <t>Verspreide huizen Kerkdriel, Berm en Hoorzik</t>
  </si>
  <si>
    <t>2021BU02630007</t>
  </si>
  <si>
    <t>buurten.3f9b4997-bfaf-4131-a5a4-88e3dcc64656</t>
  </si>
  <si>
    <t>BU02630008</t>
  </si>
  <si>
    <t>Verspreide huizen Velddriel, Vlierd en Beemden</t>
  </si>
  <si>
    <t>2021BU02630008</t>
  </si>
  <si>
    <t>buurten.abbb9282-113e-4630-9602-00340e681f4a</t>
  </si>
  <si>
    <t>GM0297</t>
  </si>
  <si>
    <t>Zaltbommel</t>
  </si>
  <si>
    <t>aardgasvrij 2050</t>
  </si>
  <si>
    <t>DC029701</t>
  </si>
  <si>
    <t>Ver van mijn bed, dichtbij huisTransitievisie Warmte gemeente Zaltbommel</t>
  </si>
  <si>
    <t>Betaalbaarheid voor de eindgebruikerBetrouwbaarheid voor de eindgebruikerSamenwerking met belanghebbenden en andere gemeentenParticipatie met bewoners en ondernemersNu beginnen, maar flexibel zijnFaciliteren van ontwikkelingenDe gemeente heeft een voorbe</t>
  </si>
  <si>
    <t>Keuzevrijheid en autonomieKostenneutraliteitGemeente in regierolBetaalbaarheid voor iedereenGeen afhankelijkheid van een bedrijf</t>
  </si>
  <si>
    <t>Draagvlak en mindsetIsoleren en besparenHaalbaarheidsstudies alternatievenWijkuitvoeringsplannen opstellen</t>
  </si>
  <si>
    <t>https://services.arcgis.com/kE0BiyvJHb5SwQv7/arcgis/rest/services/TVW_publish/FeatureServer/0/52/attachments/52</t>
  </si>
  <si>
    <t>PL0297010023</t>
  </si>
  <si>
    <t>Verspreide huizen Kerkwijk en Bruchem</t>
  </si>
  <si>
    <t>BU02630009</t>
  </si>
  <si>
    <t>Verspreide huizen Maasdijk en Uiterwaarden</t>
  </si>
  <si>
    <t>2021BU02630009</t>
  </si>
  <si>
    <t>buurten.adaecb64-0cca-4b75-b5f1-548cf024f318</t>
  </si>
  <si>
    <t>GM0828</t>
  </si>
  <si>
    <t>Oss</t>
  </si>
  <si>
    <t>DC082801</t>
  </si>
  <si>
    <t>Transitievisie Warmte Oss 2021</t>
  </si>
  <si>
    <t>Betaalbaar, betrouwbaar en duurzaam</t>
  </si>
  <si>
    <t>Het overkoepelende doel is een alternatieve warmtevoorziening voor aardgas, die betaalbaar, betrouwbaar en duurzaam is, voldoende comfort biedt en toekomstbestendig voor de lange termijn.</t>
  </si>
  <si>
    <t>Reductie CO2-emissie: 49% in 2030 in vergelijking tot 1990; Besparing: 11% in 2030 in vergelijking tot 2017; Grootschalige opwekking: 0,93 PJ duurzame energie in 2030; vergund in 2025; Volledig energieneutraal in 2050.</t>
  </si>
  <si>
    <t>https://oss.bestuurlijkeinformatie.nl/Document/View/8a5d6945-e568-48b5-8740-6e64b8a692d7</t>
  </si>
  <si>
    <t>PL0828010031</t>
  </si>
  <si>
    <t>Buitengebieden/bedrijven</t>
  </si>
  <si>
    <t>In concept (afwachtend). In deze buurten kiezen we voor een geleidelijk tempo: niet de hele buurt tegelijk, maar elk gebouw op een logisch moment, bijvoorbeeld bij een verbouwing of verhuizing. De gemeente wil bewoners hier zo lang mogelijk de tijd voor</t>
  </si>
  <si>
    <t>BU02630010</t>
  </si>
  <si>
    <t>Verspreide huizen Alem</t>
  </si>
  <si>
    <t>2021BU02630010</t>
  </si>
  <si>
    <t>buurten.db1d5320-6c20-4efa-9d6a-73dab9dc4b2d</t>
  </si>
  <si>
    <t>BU02630100</t>
  </si>
  <si>
    <t>Ammerzoden</t>
  </si>
  <si>
    <t>WK026301</t>
  </si>
  <si>
    <t>2021BU02630100</t>
  </si>
  <si>
    <t>buurten.c1ac1b3e-9511-4653-b637-b821522e88d9</t>
  </si>
  <si>
    <t>BU02630101</t>
  </si>
  <si>
    <t>Well</t>
  </si>
  <si>
    <t>2021BU02630101</t>
  </si>
  <si>
    <t>buurten.67a6b33e-ebac-40ab-a35a-de4f83596af8</t>
  </si>
  <si>
    <t>BU02630102</t>
  </si>
  <si>
    <t>Wellseind-Slijkwell</t>
  </si>
  <si>
    <t>2021BU02630102</t>
  </si>
  <si>
    <t>buurten.505737cb-44d4-4d5e-996c-301669cde66d</t>
  </si>
  <si>
    <t>PL0297010022</t>
  </si>
  <si>
    <t>PL0297010027</t>
  </si>
  <si>
    <t>Nederhemert-Noordzijde</t>
  </si>
  <si>
    <t>Verspreide huizen polders Delwijnen en Bruchem</t>
  </si>
  <si>
    <t>BU02630108</t>
  </si>
  <si>
    <t>Verspreide huizen Het Heust</t>
  </si>
  <si>
    <t>2021BU02630108</t>
  </si>
  <si>
    <t>buurten.5fee903b-8a16-4e2a-8e78-cb55501bacb5</t>
  </si>
  <si>
    <t>PL0297010019</t>
  </si>
  <si>
    <t>Beneden-Delwijnen</t>
  </si>
  <si>
    <t>BU02630109</t>
  </si>
  <si>
    <t>Verspreide huizen Uilecoten</t>
  </si>
  <si>
    <t>2021BU02630109</t>
  </si>
  <si>
    <t>buurten.a7cf8afe-8987-485b-9fdc-6dae758e1403</t>
  </si>
  <si>
    <t>BU02630200</t>
  </si>
  <si>
    <t>Hedel</t>
  </si>
  <si>
    <t>WK026302</t>
  </si>
  <si>
    <t>2021BU02630200</t>
  </si>
  <si>
    <t>buurten.96951ae3-b020-446a-9526-7207219298c4</t>
  </si>
  <si>
    <t>BU02630208</t>
  </si>
  <si>
    <t>Verspreide huizen in het bouwgebied</t>
  </si>
  <si>
    <t>2021BU02630208</t>
  </si>
  <si>
    <t>buurten.51075f6d-8a48-4fe0-8cf2-9bebf5707e9d</t>
  </si>
  <si>
    <t>BU02630209</t>
  </si>
  <si>
    <t>Verspreide huizen in de polder Hedel</t>
  </si>
  <si>
    <t>2021BU02630209</t>
  </si>
  <si>
    <t>buurten.685dee74-2fd3-4b41-848c-11b73563466c</t>
  </si>
  <si>
    <t>BU02630300</t>
  </si>
  <si>
    <t>Heerewaarden</t>
  </si>
  <si>
    <t>WK026303</t>
  </si>
  <si>
    <t>2021BU02630300</t>
  </si>
  <si>
    <t>buurten.12e3bf78-1595-4d24-ac83-ec329bf4267d</t>
  </si>
  <si>
    <t>BU02630301</t>
  </si>
  <si>
    <t>Huizendijk, Voorne, De Kop en Veluwe</t>
  </si>
  <si>
    <t>2021BU02630301</t>
  </si>
  <si>
    <t>buurten.938703f4-ce07-455b-89ed-ea151abfc56a</t>
  </si>
  <si>
    <t>BU02630309</t>
  </si>
  <si>
    <t>Verspreide huizen Heerewaarden</t>
  </si>
  <si>
    <t>2021BU02630309</t>
  </si>
  <si>
    <t>buurten.9d5d9783-c150-44e4-b705-6a4e94fcdbf0</t>
  </si>
  <si>
    <t>BU02630400</t>
  </si>
  <si>
    <t>Rossum</t>
  </si>
  <si>
    <t>WK026304</t>
  </si>
  <si>
    <t>2021BU02630400</t>
  </si>
  <si>
    <t>buurten.862d7824-6974-4e96-ae4a-2be7dfd98655</t>
  </si>
  <si>
    <t>BU02630401</t>
  </si>
  <si>
    <t>Hurwenen</t>
  </si>
  <si>
    <t>2021BU02630401</t>
  </si>
  <si>
    <t>buurten.139b3cd6-d66d-48a1-9d94-4bd2f8de6bb4</t>
  </si>
  <si>
    <t>BU02630408</t>
  </si>
  <si>
    <t>Verspreide huizen Hurwenen en Rossum</t>
  </si>
  <si>
    <t>2021BU02630408</t>
  </si>
  <si>
    <t>buurten.3912fb66-229c-4f0d-9c99-9ae0e9a794b3</t>
  </si>
  <si>
    <t>PL0297010005</t>
  </si>
  <si>
    <t>Verspreide huizen Oostzijde</t>
  </si>
  <si>
    <t>BU02630409</t>
  </si>
  <si>
    <t>Overige verspreide huizen</t>
  </si>
  <si>
    <t>2021BU02630409</t>
  </si>
  <si>
    <t>buurten.cd37e1ec-210e-473b-8a0f-4e0742dfca18</t>
  </si>
  <si>
    <t>BU02670101</t>
  </si>
  <si>
    <t>WK026701</t>
  </si>
  <si>
    <t>2021BU02670101</t>
  </si>
  <si>
    <t>buurten.b16c36c9-61ad-43bb-80ee-b68f7768bba7</t>
  </si>
  <si>
    <t>GM0547</t>
  </si>
  <si>
    <t>Leiderdorp</t>
  </si>
  <si>
    <t>DC054701</t>
  </si>
  <si>
    <t>Juiste dingen op het juiste moment, Duurzaam, Betaalbaar, Betrouwbaar &amp; toekomstbestendig, Draagvlak bewoners, Sociale Rechtvaardigheid.</t>
  </si>
  <si>
    <t>https://www.raadleiderdorp.nl/Vergaderingen/Raad/2021/22-november/20:30/9-Transitievisie-Warmte-Leiderdorp-RBS-getekend.pdf</t>
  </si>
  <si>
    <t>PL0267010001</t>
  </si>
  <si>
    <t>PL0547010002</t>
  </si>
  <si>
    <t>De maatschappelijke kosten lager voor een warmtenet dan voor een individuele oplossing</t>
  </si>
  <si>
    <t>De wijken worden aardgasbrij-ready. In 2030, 825 woningen transitie gereed doormiddel van schillabels</t>
  </si>
  <si>
    <t>BU02670102</t>
  </si>
  <si>
    <t>Groot Corlaer</t>
  </si>
  <si>
    <t>2021BU02670102</t>
  </si>
  <si>
    <t>buurten.ccac3423-d88a-4930-a193-b779f3841018</t>
  </si>
  <si>
    <t>PL0267010003</t>
  </si>
  <si>
    <t>In 2030, 1600 woningen transitie gereed</t>
  </si>
  <si>
    <t>BU02670103</t>
  </si>
  <si>
    <t>Corlaer</t>
  </si>
  <si>
    <t>2021BU02670103</t>
  </si>
  <si>
    <t>buurten.3d75fbce-c221-4d28-beb0-eb557be93e68</t>
  </si>
  <si>
    <t>BU02670104</t>
  </si>
  <si>
    <t>Nautena-zuid/Schulpkamp</t>
  </si>
  <si>
    <t>2021BU02670104</t>
  </si>
  <si>
    <t>buurten.fd3c5588-6b53-4de2-a136-fcd460ef6b98</t>
  </si>
  <si>
    <t>Kern Nijkerk, kern Hoevelaken</t>
  </si>
  <si>
    <t>BU02670105</t>
  </si>
  <si>
    <t>Nautena-noord/Havenstraat</t>
  </si>
  <si>
    <t>2021BU02670105</t>
  </si>
  <si>
    <t>buurten.8c35fe68-dcd3-4776-ba72-744612b95f46</t>
  </si>
  <si>
    <t>Haalbaarheid van een warmtenet per kern nader onderzoeken, daarnaast 2350 woningen transitie gereed maken.</t>
  </si>
  <si>
    <t>BU02670106</t>
  </si>
  <si>
    <t>2021BU02670106</t>
  </si>
  <si>
    <t>buurten.3370884e-39ec-48d1-9fa2-2b22fe4cc7d5</t>
  </si>
  <si>
    <t>BU02670107</t>
  </si>
  <si>
    <t>Bruins Slotlaan/Campenbuurt</t>
  </si>
  <si>
    <t>2021BU02670107</t>
  </si>
  <si>
    <t>buurten.830cc15c-321c-402f-b059-8169f4ff19d6</t>
  </si>
  <si>
    <t>Transitievisie warmte, Visiedocument voor de gemeente Leiderdorp</t>
  </si>
  <si>
    <t>In deze visie leggen we uit hoe we die verandering in onze gemeente voor elkaar willen krijgen.</t>
  </si>
  <si>
    <t>Campenbuurt, Renselaer</t>
  </si>
  <si>
    <t>BU02670108</t>
  </si>
  <si>
    <t>Zilverschoon/Oranjebuurt</t>
  </si>
  <si>
    <t>2021BU02670108</t>
  </si>
  <si>
    <t>buurten.1eb3e256-0449-42aa-b43f-1e0da8271d83</t>
  </si>
  <si>
    <t>BU02670109</t>
  </si>
  <si>
    <t>Coltoflaan/van Oldenbarneveldstraat</t>
  </si>
  <si>
    <t>2021BU02670109</t>
  </si>
  <si>
    <t>buurten.6bdaf293-7c63-4f36-a714-fc6095754c8c</t>
  </si>
  <si>
    <t>BU02670110</t>
  </si>
  <si>
    <t>Luxool</t>
  </si>
  <si>
    <t>2021BU02670110</t>
  </si>
  <si>
    <t>buurten.a46f8064-e3af-4ef0-b9b9-ccd987c8467f</t>
  </si>
  <si>
    <t>BU02670111</t>
  </si>
  <si>
    <t>Paasbos-west</t>
  </si>
  <si>
    <t>2021BU02670111</t>
  </si>
  <si>
    <t>buurten.3eb69ce0-1aa1-449d-b32c-593ff510198a</t>
  </si>
  <si>
    <t>BU02670112</t>
  </si>
  <si>
    <t>Paasbos-oost</t>
  </si>
  <si>
    <t>2021BU02670112</t>
  </si>
  <si>
    <t>buurten.098ae203-9663-42fd-90cb-1196ba2ca441</t>
  </si>
  <si>
    <t>BU02670113</t>
  </si>
  <si>
    <t>Strijland-west</t>
  </si>
  <si>
    <t>2021BU02670113</t>
  </si>
  <si>
    <t>buurten.f26969b7-95b3-422c-b244-6e81e3f237d8</t>
  </si>
  <si>
    <t>BU02670114</t>
  </si>
  <si>
    <t>Strijland-oost</t>
  </si>
  <si>
    <t>2021BU02670114</t>
  </si>
  <si>
    <t>buurten.234d983a-1561-4d41-af41-42c81a848c10</t>
  </si>
  <si>
    <t>BU02670115</t>
  </si>
  <si>
    <t>Spoorkamp/De Terrassen</t>
  </si>
  <si>
    <t>2021BU02670115</t>
  </si>
  <si>
    <t>buurten.b95e2c08-7b37-4071-b1d2-efc05d5d3e60</t>
  </si>
  <si>
    <t>BU02670116</t>
  </si>
  <si>
    <t>De Flier/Arkerpoort</t>
  </si>
  <si>
    <t>2021BU02670116</t>
  </si>
  <si>
    <t>buurten.34469164-c282-4db1-95e5-62082f58b7f6</t>
  </si>
  <si>
    <t>GM0307</t>
  </si>
  <si>
    <t>DC030701</t>
  </si>
  <si>
    <t>TransitievisieWarmte gemeente Amersfoort Stad met een hart</t>
  </si>
  <si>
    <t>PL0307010015</t>
  </si>
  <si>
    <t>Overige wijken</t>
  </si>
  <si>
    <t>BU02670117</t>
  </si>
  <si>
    <t>De Bogen</t>
  </si>
  <si>
    <t>2021BU02670117</t>
  </si>
  <si>
    <t>buurten.233acfee-2bb4-4e83-a70a-a30efa96aecc</t>
  </si>
  <si>
    <t>BU02670118</t>
  </si>
  <si>
    <t>Doornsteeg</t>
  </si>
  <si>
    <t>2021BU02670118</t>
  </si>
  <si>
    <t>buurten.0bc7402d-f534-434c-be2a-92e760203639</t>
  </si>
  <si>
    <t>BU02670201</t>
  </si>
  <si>
    <t>Kruishaar</t>
  </si>
  <si>
    <t>WK026702</t>
  </si>
  <si>
    <t>2021BU02670201</t>
  </si>
  <si>
    <t>buurten.b2adf7ff-039e-4ced-aba2-9b798c7b6193</t>
  </si>
  <si>
    <t>BU02670202</t>
  </si>
  <si>
    <t>Slichtenhorst</t>
  </si>
  <si>
    <t>2021BU02670202</t>
  </si>
  <si>
    <t>buurten.200c2391-5b94-4825-9596-715e2f7c6404</t>
  </si>
  <si>
    <t>BU02670203</t>
  </si>
  <si>
    <t>Appel/'t Woud</t>
  </si>
  <si>
    <t>2021BU02670203</t>
  </si>
  <si>
    <t>buurten.64a27d66-97c8-43d3-8106-51affeeb575a</t>
  </si>
  <si>
    <t>BU02670204</t>
  </si>
  <si>
    <t>Prinsenkamp</t>
  </si>
  <si>
    <t>2021BU02670204</t>
  </si>
  <si>
    <t>buurten.35cab263-4f99-4280-b2b4-643f9953097d</t>
  </si>
  <si>
    <t>BU02670300</t>
  </si>
  <si>
    <t>Nijkerkerveen-Noord</t>
  </si>
  <si>
    <t>WK026703</t>
  </si>
  <si>
    <t>2021BU02670300</t>
  </si>
  <si>
    <t>buurten.3ab9f85f-9f8b-49c2-8bd4-3ff3de71ae81</t>
  </si>
  <si>
    <t>BU02670301</t>
  </si>
  <si>
    <t>Nijkerkerveen-Zuid</t>
  </si>
  <si>
    <t>2021BU02670301</t>
  </si>
  <si>
    <t>buurten.8c5cd6c0-c61b-41c7-8b58-fc1ad1eeb69a</t>
  </si>
  <si>
    <t>BU02670302</t>
  </si>
  <si>
    <t>Holkerveen</t>
  </si>
  <si>
    <t>2021BU02670302</t>
  </si>
  <si>
    <t>buurten.b938ce2f-e052-49c1-9b90-be041a587da1</t>
  </si>
  <si>
    <t>BU02670401</t>
  </si>
  <si>
    <t>Arkemheen</t>
  </si>
  <si>
    <t>WK026704</t>
  </si>
  <si>
    <t>2021BU02670401</t>
  </si>
  <si>
    <t>buurten.2985deb1-f78e-4674-9716-5732904dcf25</t>
  </si>
  <si>
    <t>BU02670402</t>
  </si>
  <si>
    <t>De Veenhuis/Achterhoek</t>
  </si>
  <si>
    <t>2021BU02670402</t>
  </si>
  <si>
    <t>buurten.14f0714f-5112-4d27-80ee-1445f19c469a</t>
  </si>
  <si>
    <t>BU02670500</t>
  </si>
  <si>
    <t>Hoevelaken-Stoutenburgerlaan-Oost</t>
  </si>
  <si>
    <t>WK026705</t>
  </si>
  <si>
    <t>2021BU02670500</t>
  </si>
  <si>
    <t>buurten.1cec2e01-4760-4f23-9f34-e1eba35470e5</t>
  </si>
  <si>
    <t>BU02670501</t>
  </si>
  <si>
    <t>Hoevelaken-Oranjebuurt-Horstbeek</t>
  </si>
  <si>
    <t>2021BU02670501</t>
  </si>
  <si>
    <t>buurten.f8794394-dbff-4b2a-bc80-dea5122fbac3</t>
  </si>
  <si>
    <t>BU02670502</t>
  </si>
  <si>
    <t>Hoevelaken-Overhorst</t>
  </si>
  <si>
    <t>2021BU02670502</t>
  </si>
  <si>
    <t>buurten.5a4619c2-a72a-41b9-b8c5-61a7688ad4a8</t>
  </si>
  <si>
    <t>BU02670503</t>
  </si>
  <si>
    <t>Hoevelaken-Kleinhoven</t>
  </si>
  <si>
    <t>2021BU02670503</t>
  </si>
  <si>
    <t>buurten.60b55a46-d95e-4b9b-99f2-4bebd8e99755</t>
  </si>
  <si>
    <t>BU02670504</t>
  </si>
  <si>
    <t>Hoevelaken-Hogenbrink</t>
  </si>
  <si>
    <t>2021BU02670504</t>
  </si>
  <si>
    <t>buurten.1560b9f9-a5e0-4104-b9cb-39d31fc60c66</t>
  </si>
  <si>
    <t>BU02670505</t>
  </si>
  <si>
    <t>Hoevelaken-Middelaar</t>
  </si>
  <si>
    <t>2021BU02670505</t>
  </si>
  <si>
    <t>buurten.eda14de2-bd13-4359-a1ad-a5d2a9ef1a09</t>
  </si>
  <si>
    <t>BU02680100</t>
  </si>
  <si>
    <t>Benedenstad</t>
  </si>
  <si>
    <t>WK026801</t>
  </si>
  <si>
    <t>2021BU02680100</t>
  </si>
  <si>
    <t>buurten.13c1ee67-d89d-402b-990e-c8b826926c41</t>
  </si>
  <si>
    <t>BU02680101</t>
  </si>
  <si>
    <t>Stadscentrum</t>
  </si>
  <si>
    <t>2021BU02680101</t>
  </si>
  <si>
    <t>buurten.8538ede0-945d-4e8e-a182-6865887bd21a</t>
  </si>
  <si>
    <t>PL0268010003</t>
  </si>
  <si>
    <t>Bottendaal</t>
  </si>
  <si>
    <t>voorlopige keuze</t>
  </si>
  <si>
    <t>BU02680202</t>
  </si>
  <si>
    <t>WK026802</t>
  </si>
  <si>
    <t>2021BU02680202</t>
  </si>
  <si>
    <t>buurten.84f7fd31-8cc9-43f9-a8d3-305351faacee</t>
  </si>
  <si>
    <t>BU02680203</t>
  </si>
  <si>
    <t>2021BU02680203</t>
  </si>
  <si>
    <t>buurten.516f0f8f-ab03-4c06-9575-dbdbffd0b6c6</t>
  </si>
  <si>
    <t>PL0268010002</t>
  </si>
  <si>
    <t>PL0268010005</t>
  </si>
  <si>
    <t>Stationsgebied Heijendaal</t>
  </si>
  <si>
    <t>haalbaarheid in kaart brengen</t>
  </si>
  <si>
    <t>Afleverset met lokale installatie</t>
  </si>
  <si>
    <t>LT-warmtebron (lokaal)</t>
  </si>
  <si>
    <t>BU02680204</t>
  </si>
  <si>
    <t>Altrade</t>
  </si>
  <si>
    <t>2021BU02680204</t>
  </si>
  <si>
    <t>buurten.ceff9266-7697-4a83-a36c-0d6a2db67c1b</t>
  </si>
  <si>
    <t>Hengstdal</t>
  </si>
  <si>
    <t>BU02680205</t>
  </si>
  <si>
    <t>Hunnerberg</t>
  </si>
  <si>
    <t>2021BU02680205</t>
  </si>
  <si>
    <t>buurten.a9360cdd-8d30-4d32-a181-dc9478f7b0a4</t>
  </si>
  <si>
    <t>Aardgasvrij maken van 15.700 woningen in 2050.</t>
  </si>
  <si>
    <t>Gemeentebrede isolatiecampagne</t>
  </si>
  <si>
    <t>Terugdringen van de warmtevraag en woning- en gebouweigenaren stimuleren en faciliteren om te gaan isoleren.</t>
  </si>
  <si>
    <t>BU02680206</t>
  </si>
  <si>
    <t>2021BU02680206</t>
  </si>
  <si>
    <t>buurten.313a061a-445c-4ad7-8be6-a327d0c7df52</t>
  </si>
  <si>
    <t>BU02680207</t>
  </si>
  <si>
    <t>Kwakkenberg</t>
  </si>
  <si>
    <t>2021BU02680207</t>
  </si>
  <si>
    <t>buurten.26bf2524-aef6-42a9-9fc4-e65fa28b62c1</t>
  </si>
  <si>
    <t>BU02680208</t>
  </si>
  <si>
    <t>Groenewoud</t>
  </si>
  <si>
    <t>2021BU02680208</t>
  </si>
  <si>
    <t>buurten.4f508a2c-55dd-4f14-b6b2-9ed98c99065d</t>
  </si>
  <si>
    <t>BU02680209</t>
  </si>
  <si>
    <t>Ooyse Schependom</t>
  </si>
  <si>
    <t>2021BU02680209</t>
  </si>
  <si>
    <t>buurten.331454e3-50b9-4d50-8155-88dd78485a6a</t>
  </si>
  <si>
    <t>BU02680320</t>
  </si>
  <si>
    <t>Biezen</t>
  </si>
  <si>
    <t>WK026803</t>
  </si>
  <si>
    <t>2021BU02680320</t>
  </si>
  <si>
    <t>buurten.9f9b02c2-48fd-4ca7-a2ce-fb1ba92154fd</t>
  </si>
  <si>
    <t>BU02680321</t>
  </si>
  <si>
    <t>Wolfskuil</t>
  </si>
  <si>
    <t>2021BU02680321</t>
  </si>
  <si>
    <t>buurten.29fbc3b0-180d-400f-b64c-9fe0ba6e0891</t>
  </si>
  <si>
    <t>BU02680422</t>
  </si>
  <si>
    <t>Hees</t>
  </si>
  <si>
    <t>WK026804</t>
  </si>
  <si>
    <t>2021BU02680422</t>
  </si>
  <si>
    <t>buurten.92451f05-1a8f-4e1b-a7fd-abd6464b9f79</t>
  </si>
  <si>
    <t>BU02680423</t>
  </si>
  <si>
    <t>Heseveld</t>
  </si>
  <si>
    <t>2021BU02680423</t>
  </si>
  <si>
    <t>buurten.6d048c9f-9731-408b-b0aa-5bb98a87ac95</t>
  </si>
  <si>
    <t>BU02680424</t>
  </si>
  <si>
    <t>Neerbosch-Oost</t>
  </si>
  <si>
    <t>2021BU02680424</t>
  </si>
  <si>
    <t>buurten.8925cb4c-1d3f-4d10-aaa9-ef8221820d86</t>
  </si>
  <si>
    <t>PL0268010001</t>
  </si>
  <si>
    <t>Dukenburg</t>
  </si>
  <si>
    <t>integratie met andere gebiedsopgaven</t>
  </si>
  <si>
    <t>BU02680425</t>
  </si>
  <si>
    <t>Haven- en industrieterrein</t>
  </si>
  <si>
    <t>2021BU02680425</t>
  </si>
  <si>
    <t>buurten.06c76618-297f-4216-ab2d-ed4609fc80e2</t>
  </si>
  <si>
    <t>BU02680510</t>
  </si>
  <si>
    <t>Nije Veld</t>
  </si>
  <si>
    <t>WK026805</t>
  </si>
  <si>
    <t>2021BU02680510</t>
  </si>
  <si>
    <t>buurten.118aa0f7-554e-40b3-bb68-d702a3fb45e0</t>
  </si>
  <si>
    <t>BU02680511</t>
  </si>
  <si>
    <t>Hazenkamp</t>
  </si>
  <si>
    <t>2021BU02680511</t>
  </si>
  <si>
    <t>buurten.afc7e621-f3c1-4dc5-bf85-771802f3c0aa</t>
  </si>
  <si>
    <t>BU02680512</t>
  </si>
  <si>
    <t>Goffert</t>
  </si>
  <si>
    <t>2021BU02680512</t>
  </si>
  <si>
    <t>buurten.fce550f5-70cd-4813-bf81-6dd1a105a6d9</t>
  </si>
  <si>
    <t>Hatert</t>
  </si>
  <si>
    <t>BU02680513</t>
  </si>
  <si>
    <t>St. Anna</t>
  </si>
  <si>
    <t>2021BU02680513</t>
  </si>
  <si>
    <t>buurten.453d9a0b-6b59-4b81-b47b-b703129bdc66</t>
  </si>
  <si>
    <t>BU02680517</t>
  </si>
  <si>
    <t>Heijendaal</t>
  </si>
  <si>
    <t>2021BU02680517</t>
  </si>
  <si>
    <t>buurten.a4da1836-d846-44ea-87b2-f8303073821b</t>
  </si>
  <si>
    <t>BU02680614</t>
  </si>
  <si>
    <t>Hatertse Hei</t>
  </si>
  <si>
    <t>WK026806</t>
  </si>
  <si>
    <t>2021BU02680614</t>
  </si>
  <si>
    <t>buurten.3e86fd26-ae89-47bc-8b2e-3cc421b67cf6</t>
  </si>
  <si>
    <t>BU02680615</t>
  </si>
  <si>
    <t>Grootstal</t>
  </si>
  <si>
    <t>2021BU02680615</t>
  </si>
  <si>
    <t>buurten.b5baae6c-94f0-44ba-b3cc-61e427370c8a</t>
  </si>
  <si>
    <t>BU02680616</t>
  </si>
  <si>
    <t>2021BU02680616</t>
  </si>
  <si>
    <t>buurten.28771eb8-d372-4500-9d60-e172e1b02eeb</t>
  </si>
  <si>
    <t>BU02680618</t>
  </si>
  <si>
    <t>Brakkenstein</t>
  </si>
  <si>
    <t>2021BU02680618</t>
  </si>
  <si>
    <t>buurten.89c34dff-bb52-4f35-9e23-88876eeafa64</t>
  </si>
  <si>
    <t>BU02680731</t>
  </si>
  <si>
    <t>Tolhuis</t>
  </si>
  <si>
    <t>WK026807</t>
  </si>
  <si>
    <t>2021BU02680731</t>
  </si>
  <si>
    <t>buurten.32b29b2c-7b93-4e87-b471-b50800b605d3</t>
  </si>
  <si>
    <t>BU02680732</t>
  </si>
  <si>
    <t>Zwanenveld</t>
  </si>
  <si>
    <t>2021BU02680732</t>
  </si>
  <si>
    <t>buurten.dbfc7568-73e9-4551-9d1a-df11a9a80628</t>
  </si>
  <si>
    <t>BU02680733</t>
  </si>
  <si>
    <t>Meijhorst</t>
  </si>
  <si>
    <t>2021BU02680733</t>
  </si>
  <si>
    <t>buurten.88d5748e-7608-4129-a735-9eef8c0a2779</t>
  </si>
  <si>
    <t>BU02680734</t>
  </si>
  <si>
    <t>Lankforst</t>
  </si>
  <si>
    <t>2021BU02680734</t>
  </si>
  <si>
    <t>buurten.f8648355-ec77-40e1-8957-08dd423484bd</t>
  </si>
  <si>
    <t>BU02680735</t>
  </si>
  <si>
    <t>Aldenhof</t>
  </si>
  <si>
    <t>2021BU02680735</t>
  </si>
  <si>
    <t>buurten.1b221a83-5340-4e0e-8b52-9500f1a196e2</t>
  </si>
  <si>
    <t>BU02680736</t>
  </si>
  <si>
    <t>Malvert</t>
  </si>
  <si>
    <t>2021BU02680736</t>
  </si>
  <si>
    <t>buurten.21653dba-9309-46e6-b8ff-fd3b031c1005</t>
  </si>
  <si>
    <t>BU02680737</t>
  </si>
  <si>
    <t>Weezenhof</t>
  </si>
  <si>
    <t>2021BU02680737</t>
  </si>
  <si>
    <t>buurten.e1c221a0-ff83-46f2-9ea4-2a42af8e787a</t>
  </si>
  <si>
    <t>BU02680738</t>
  </si>
  <si>
    <t>Vogelzang</t>
  </si>
  <si>
    <t>2021BU02680738</t>
  </si>
  <si>
    <t>buurten.0e1d17b4-2468-4811-a374-cf4bf034c55d</t>
  </si>
  <si>
    <t>BU02680739</t>
  </si>
  <si>
    <t>Staddijk</t>
  </si>
  <si>
    <t>2021BU02680739</t>
  </si>
  <si>
    <t>buurten.6eda4dd1-404f-46aa-9e31-c9750bbef5e1</t>
  </si>
  <si>
    <t>BU02680840</t>
  </si>
  <si>
    <t>'t Acker</t>
  </si>
  <si>
    <t>WK026808</t>
  </si>
  <si>
    <t>2021BU02680840</t>
  </si>
  <si>
    <t>buurten.d881a759-d1a4-41bd-8300-2b7ef143911e</t>
  </si>
  <si>
    <t>BU02680841</t>
  </si>
  <si>
    <t>De Kamp</t>
  </si>
  <si>
    <t>2021BU02680841</t>
  </si>
  <si>
    <t>buurten.0e32e36a-248c-4115-9243-e476d501d5ba</t>
  </si>
  <si>
    <t>BU02680842</t>
  </si>
  <si>
    <t>'t Broek</t>
  </si>
  <si>
    <t>2021BU02680842</t>
  </si>
  <si>
    <t>buurten.305d0d2a-a389-450e-88bf-828bf42481ca</t>
  </si>
  <si>
    <t>BU02680843</t>
  </si>
  <si>
    <t>Kerkenbos</t>
  </si>
  <si>
    <t>2021BU02680843</t>
  </si>
  <si>
    <t>buurten.fec60974-9611-4a41-8078-5de9a11fc916</t>
  </si>
  <si>
    <t>BU02680847</t>
  </si>
  <si>
    <t>Westkanaaldijk</t>
  </si>
  <si>
    <t>2021BU02680847</t>
  </si>
  <si>
    <t>buurten.dac92ee6-b3dd-4d29-ad59-f27d2ee7e614</t>
  </si>
  <si>
    <t>BU02680848</t>
  </si>
  <si>
    <t>Neerbosch-West</t>
  </si>
  <si>
    <t>2021BU02680848</t>
  </si>
  <si>
    <t>buurten.78d5597a-a7e9-402f-865a-22c02bdf5ca9</t>
  </si>
  <si>
    <t>BU02680849</t>
  </si>
  <si>
    <t>Bijsterhuizen</t>
  </si>
  <si>
    <t>2021BU02680849</t>
  </si>
  <si>
    <t>buurten.5f5d0bb4-93f6-494f-95ac-f011886ac5cb</t>
  </si>
  <si>
    <t>BU02680950</t>
  </si>
  <si>
    <t>Oosterhout</t>
  </si>
  <si>
    <t>WK026809</t>
  </si>
  <si>
    <t>2021BU02680950</t>
  </si>
  <si>
    <t>buurten.065b92af-2da4-43ba-a37a-f597f5c3c383</t>
  </si>
  <si>
    <t>BU02680960</t>
  </si>
  <si>
    <t>Ressen</t>
  </si>
  <si>
    <t>2021BU02680960</t>
  </si>
  <si>
    <t>buurten.5d9a3ea9-e211-4923-9b95-5b645c719304</t>
  </si>
  <si>
    <t>BU02680970</t>
  </si>
  <si>
    <t>Lent</t>
  </si>
  <si>
    <t>2021BU02680970</t>
  </si>
  <si>
    <t>buurten.2b5f8ce5-6b4c-46c7-8f13-94ac0acd78aa</t>
  </si>
  <si>
    <t>BU02690000</t>
  </si>
  <si>
    <t>WK026900</t>
  </si>
  <si>
    <t>2021BU02690000</t>
  </si>
  <si>
    <t>buurten.58852188-c3a2-4ccb-9561-4d830bf4c081</t>
  </si>
  <si>
    <t>PL0269010002</t>
  </si>
  <si>
    <t>Oldebroek (centrum)</t>
  </si>
  <si>
    <t>Voorwaarden:- Aansluiten op koppelkansen: herinrichting openbare ruimte- In gesprek gaan met bewoners voor peilen draagvlak en het ontplooien van initiatieven- Middelen vanuit Rijk gebruiken voor coordinatie plan</t>
  </si>
  <si>
    <t>BU02690001</t>
  </si>
  <si>
    <t>Bovenstreek</t>
  </si>
  <si>
    <t>2021BU02690001</t>
  </si>
  <si>
    <t>buurten.92299bf7-c98e-4529-a6eb-4212e403a6b2</t>
  </si>
  <si>
    <t>PL0269010005</t>
  </si>
  <si>
    <t>BU02690002</t>
  </si>
  <si>
    <t>Broekdijk</t>
  </si>
  <si>
    <t>2021BU02690002</t>
  </si>
  <si>
    <t>buurten.090a390e-7ad3-4e0c-9996-2bd834dbea78</t>
  </si>
  <si>
    <t>BU02690004</t>
  </si>
  <si>
    <t>2021BU02690004</t>
  </si>
  <si>
    <t>buurten.fb3e3ce5-0863-452d-ae59-06bfae41b6e1</t>
  </si>
  <si>
    <t>PL0269010004</t>
  </si>
  <si>
    <t>t Loo</t>
  </si>
  <si>
    <t>BU02690005</t>
  </si>
  <si>
    <t>Verspreide huizen Oldebroek</t>
  </si>
  <si>
    <t>2021BU02690005</t>
  </si>
  <si>
    <t>buurten.bc3d208c-0817-4a29-8510-684ff616320f</t>
  </si>
  <si>
    <t>BU02690006</t>
  </si>
  <si>
    <t>Verspreide huizen Oldebroekse Heide</t>
  </si>
  <si>
    <t>2021BU02690006</t>
  </si>
  <si>
    <t>buurten.e4bd245b-4566-47ea-b558-ed355d69e88e</t>
  </si>
  <si>
    <t>BU02690007</t>
  </si>
  <si>
    <t>Verspreide huizen polder Oldebroek</t>
  </si>
  <si>
    <t>2021BU02690007</t>
  </si>
  <si>
    <t>buurten.63dab263-43ab-4b6c-88d3-231fc1755ce7</t>
  </si>
  <si>
    <t>BU02690008</t>
  </si>
  <si>
    <t>Verspreide huizen 't Loo</t>
  </si>
  <si>
    <t>2021BU02690008</t>
  </si>
  <si>
    <t>buurten.a12296da-6f29-473d-afc8-180f8132c5a0</t>
  </si>
  <si>
    <t>BU02690009</t>
  </si>
  <si>
    <t>Verspreide huizen heide 't Loo</t>
  </si>
  <si>
    <t>2021BU02690009</t>
  </si>
  <si>
    <t>buurten.0eaae5c3-0fa1-4439-85da-b562ef4e1511</t>
  </si>
  <si>
    <t>BU02690100</t>
  </si>
  <si>
    <t>Wezep-Centrum</t>
  </si>
  <si>
    <t>WK026901</t>
  </si>
  <si>
    <t>2021BU02690100</t>
  </si>
  <si>
    <t>buurten.6737da76-5199-46d9-9e5c-c6000e4a9590</t>
  </si>
  <si>
    <t>PL0269010001</t>
  </si>
  <si>
    <t>Wezep Centrum (deel)</t>
  </si>
  <si>
    <t>Voorwaarden:- Aansluiten op koppelkansen: renovatie huurcomplexen door DeltaWonen, rioolvervanging en herinrichting openbare ruimte- In gesprek gaan met bewoners voor peilen draagvlak en het ontplooien van initiatieven- Middelen vanuit Rijk gebruiken voo</t>
  </si>
  <si>
    <t>Restwarmte (CelaVita) en/of WKO, HT-warmtepompen</t>
  </si>
  <si>
    <t>restwarmte (voedselindustrie) en/of WKO en/of collectieve warmtepomp</t>
  </si>
  <si>
    <t>restwarmte, WKO, collectieve warmtepomp</t>
  </si>
  <si>
    <t>47</t>
  </si>
  <si>
    <t>BU02690101</t>
  </si>
  <si>
    <t>Wezep-Oost</t>
  </si>
  <si>
    <t>2021BU02690101</t>
  </si>
  <si>
    <t>buurten.f7d61258-4829-420f-82f2-adacee2520d7</t>
  </si>
  <si>
    <t>BU02690102</t>
  </si>
  <si>
    <t>Hattemerbroek</t>
  </si>
  <si>
    <t>2021BU02690102</t>
  </si>
  <si>
    <t>buurten.f5fb7085-efe3-4c2e-9784-08eb3c00ef74</t>
  </si>
  <si>
    <t>BU02690103</t>
  </si>
  <si>
    <t>Wezep-West</t>
  </si>
  <si>
    <t>2021BU02690103</t>
  </si>
  <si>
    <t>buurten.bd681100-9619-4c81-95e0-b2c4bc90a8b0</t>
  </si>
  <si>
    <t>BU02690104</t>
  </si>
  <si>
    <t>Wezep-Noord</t>
  </si>
  <si>
    <t>2021BU02690104</t>
  </si>
  <si>
    <t>buurten.62dfc2d1-f7d2-44f7-8534-0c33e7cc6f22</t>
  </si>
  <si>
    <t>BU02690105</t>
  </si>
  <si>
    <t>Verspreide huizen Wezep</t>
  </si>
  <si>
    <t>2021BU02690105</t>
  </si>
  <si>
    <t>buurten.795362ed-720f-48fc-b29d-81db6ebd8c6d</t>
  </si>
  <si>
    <t>BU02690106</t>
  </si>
  <si>
    <t>Verspreide huizen Duivendans</t>
  </si>
  <si>
    <t>2021BU02690106</t>
  </si>
  <si>
    <t>buurten.642f4229-64f3-4cce-9a36-2f99b105eea6</t>
  </si>
  <si>
    <t>BU02690107</t>
  </si>
  <si>
    <t>Verspreide huizen Wezepse Heide</t>
  </si>
  <si>
    <t>2021BU02690107</t>
  </si>
  <si>
    <t>buurten.88431921-3778-48d8-8655-9ec6d3f85d4c</t>
  </si>
  <si>
    <t>BU02690108</t>
  </si>
  <si>
    <t>Verspreide huizen polder Hattemerbroek</t>
  </si>
  <si>
    <t>2021BU02690108</t>
  </si>
  <si>
    <t>buurten.4f4ace0d-7a2a-481f-9185-329f93bf03c6</t>
  </si>
  <si>
    <t>BU02690109</t>
  </si>
  <si>
    <t>Verspreide huizen Hattemerbroekse Heide</t>
  </si>
  <si>
    <t>2021BU02690109</t>
  </si>
  <si>
    <t>buurten.8215627c-ecd9-4ac6-91a9-fae841b37c43</t>
  </si>
  <si>
    <t>BU02690110</t>
  </si>
  <si>
    <t>Verspreide huizen Heide Hoek</t>
  </si>
  <si>
    <t>2021BU02690110</t>
  </si>
  <si>
    <t>buurten.9ab09908-850c-41cc-b149-090a14e9c015</t>
  </si>
  <si>
    <t>BU02690200</t>
  </si>
  <si>
    <t>Oosterwolde</t>
  </si>
  <si>
    <t>WK026902</t>
  </si>
  <si>
    <t>2021BU02690200</t>
  </si>
  <si>
    <t>buurten.a45c82fb-3654-415c-b0d4-0760c051c704</t>
  </si>
  <si>
    <t>PL0269010003</t>
  </si>
  <si>
    <t>Voorwaarden:- Aansluiten op koppelkansen: nieuwbouw- In gesprek gaan met bewoners voor peilen draagvlak en het ontplooien van initiatieven- Middelen vanuit Rijk gebruiken voor coordinatie plan</t>
  </si>
  <si>
    <t>BU02690201</t>
  </si>
  <si>
    <t>Noordeinde</t>
  </si>
  <si>
    <t>2021BU02690201</t>
  </si>
  <si>
    <t>buurten.e3063041-b583-4d25-aa96-045b16bad273</t>
  </si>
  <si>
    <t>BU02690203</t>
  </si>
  <si>
    <t>Eekt</t>
  </si>
  <si>
    <t>2021BU02690203</t>
  </si>
  <si>
    <t>buurten.fa7d8be0-b98a-49e4-bb81-30298733cd67</t>
  </si>
  <si>
    <t>BU02690208</t>
  </si>
  <si>
    <t>Verspreide huizen Oosterwolde</t>
  </si>
  <si>
    <t>2021BU02690208</t>
  </si>
  <si>
    <t>buurten.33c7d328-a7e2-48b9-848e-cd9c202bfdac</t>
  </si>
  <si>
    <t>BU02690209</t>
  </si>
  <si>
    <t>Verspreide huizen Noordeinde</t>
  </si>
  <si>
    <t>2021BU02690209</t>
  </si>
  <si>
    <t>buurten.de38d38a-f0a1-498e-a357-68308ee2301d</t>
  </si>
  <si>
    <t>BU02690210</t>
  </si>
  <si>
    <t>2021BU02690210</t>
  </si>
  <si>
    <t>buurten.17011ee3-da3c-4971-a013-51fc9f502903</t>
  </si>
  <si>
    <t>BU02730000</t>
  </si>
  <si>
    <t>Putten-Centrum</t>
  </si>
  <si>
    <t>WK027300</t>
  </si>
  <si>
    <t>2021BU02730000</t>
  </si>
  <si>
    <t>buurten.9913327a-efe2-4056-bc68-c6e603eb1154</t>
  </si>
  <si>
    <t>PL0273010001</t>
  </si>
  <si>
    <t>Putten Zuid-West</t>
  </si>
  <si>
    <t>Onderzoeken koppelkansen met andere werkzaamheden en onderzoek businesscase kleine collectieve verwarmingssystemen</t>
  </si>
  <si>
    <t>Een interessant gebied voor all-electric individuele warmteoplossingen, omdat er veel woningen met bouwjaar na 2005 staan, aangevuld met woningen van 1990-2005. Bijsteren/Husselerveld is een goede plek om te starten met een gebiedsgerichte aanpak gericht</t>
  </si>
  <si>
    <t>Basisniveau (conform Standaard), vergevorderd</t>
  </si>
  <si>
    <t>BU02730001</t>
  </si>
  <si>
    <t>Putten-Zuid-Oost</t>
  </si>
  <si>
    <t>2021BU02730001</t>
  </si>
  <si>
    <t>buurten.83a2c1d5-a094-44a0-b05e-88406918b4df</t>
  </si>
  <si>
    <t>PL0273010002</t>
  </si>
  <si>
    <t>Bijsteren en Husselerveld</t>
  </si>
  <si>
    <t>Het organiseren van een parkmanagement om  Voor de verschillende bedrijventerreinen beginnen de kansen bij het organiseren van parkmanagement. Op die manier kunnen de bedrijven gezamenlijk werken aan een aanpak.</t>
  </si>
  <si>
    <t>warmte/koude opslag, mogelijk aquathermie</t>
  </si>
  <si>
    <t>aquathermie en/of WKO</t>
  </si>
  <si>
    <t>BU02730002</t>
  </si>
  <si>
    <t>Putten-Noord</t>
  </si>
  <si>
    <t>2021BU02730002</t>
  </si>
  <si>
    <t>buurten.717074ee-ea03-4f0e-b6ba-772c07c4337b</t>
  </si>
  <si>
    <t>Oprichten klankbordgroep en onderzoeken koppelkansen met andere werkzaamheden</t>
  </si>
  <si>
    <t>BU02730003</t>
  </si>
  <si>
    <t>Putten-Zuid-West</t>
  </si>
  <si>
    <t>2021BU02730003</t>
  </si>
  <si>
    <t>buurten.16c03054-371d-4e22-b3a1-27716744b6b7</t>
  </si>
  <si>
    <t>In deze wijk zal over een langere periode de woningen (gefaseerd) worden geisoleerd en gereed gemaakt voor een duurzame aardgasvrije verwarming (all-electric). Corporatiewoningen gebruiken als startmotor.</t>
  </si>
  <si>
    <t>BU02730004</t>
  </si>
  <si>
    <t>Putten-Stationsstraat industriegebied</t>
  </si>
  <si>
    <t>2021BU02730004</t>
  </si>
  <si>
    <t>buurten.f743f94d-e7ba-4a87-8420-b8d3d71b8bf2</t>
  </si>
  <si>
    <t>Uitvoeren haalbaarheid onderzoek warmtenet, inventarisaren warmtevraag en (beperkt) marktonderzoek; Opstellen van een bronnenstrategie; Uitwerken van een wijkuitvoeringsplan en wanneer mogelijk aanvragen van een (BZK) subsidie</t>
  </si>
  <si>
    <t>BU02730005</t>
  </si>
  <si>
    <t>Verspreide huizen Hell en Diermen</t>
  </si>
  <si>
    <t>2021BU02730005</t>
  </si>
  <si>
    <t>buurten.04f6d3cc-1ec4-44d4-85cf-b1b5b83f6aae</t>
  </si>
  <si>
    <t>BU02730006</t>
  </si>
  <si>
    <t>Verspreide huizen Huinen en Halvinkhuizen</t>
  </si>
  <si>
    <t>2021BU02730006</t>
  </si>
  <si>
    <t>buurten.0950c799-ea0a-46c8-8977-6354d2151ca9</t>
  </si>
  <si>
    <t>PL0273010004</t>
  </si>
  <si>
    <t>Bedrijventerrein en Keizerswoert en Hoge Eng</t>
  </si>
  <si>
    <t>Toekomstbestendigheid bedrijventerreinen</t>
  </si>
  <si>
    <t>BU02730007</t>
  </si>
  <si>
    <t>Verspreide huizen Gerven</t>
  </si>
  <si>
    <t>2021BU02730007</t>
  </si>
  <si>
    <t>buurten.482ea4ae-c311-4b12-9f5d-17f7c6dea8bb</t>
  </si>
  <si>
    <t>BU02730008</t>
  </si>
  <si>
    <t>Verspreide huizen Norden, Bijsteren en Hoef</t>
  </si>
  <si>
    <t>2021BU02730008</t>
  </si>
  <si>
    <t>buurten.482b36d8-a017-46d7-ae00-684702e5ee1a</t>
  </si>
  <si>
    <t>BU02730009</t>
  </si>
  <si>
    <t>Verspreide huizen Nulde</t>
  </si>
  <si>
    <t>2021BU02730009</t>
  </si>
  <si>
    <t>buurten.c2f42ef3-705a-4e76-ac81-267516fe8220</t>
  </si>
  <si>
    <t>BU02730100</t>
  </si>
  <si>
    <t>Koudhoorn</t>
  </si>
  <si>
    <t>WK027301</t>
  </si>
  <si>
    <t>2021BU02730100</t>
  </si>
  <si>
    <t>buurten.3062a237-216e-4a61-9dcf-46b705487cce</t>
  </si>
  <si>
    <t>BU02730108</t>
  </si>
  <si>
    <t>Verspreide huizen Krachtighuizen en omgeving</t>
  </si>
  <si>
    <t>2021BU02730108</t>
  </si>
  <si>
    <t>buurten.17257d50-5544-4d3b-918f-bbedb0817951</t>
  </si>
  <si>
    <t>BU02730109</t>
  </si>
  <si>
    <t>2021BU02730109</t>
  </si>
  <si>
    <t>buurten.72fc9a8d-1acf-4423-a9a6-9299bc0f7b54</t>
  </si>
  <si>
    <t>BU02740101</t>
  </si>
  <si>
    <t>Jufferswaard</t>
  </si>
  <si>
    <t>WK027401</t>
  </si>
  <si>
    <t>2021BU02740101</t>
  </si>
  <si>
    <t>buurten.2168849f-9fbc-4a2a-a3ec-a59585624f30</t>
  </si>
  <si>
    <t>PL0274010001</t>
  </si>
  <si>
    <t>Warmtenet Renkum en Heelsum</t>
  </si>
  <si>
    <t>haalbaarheid en hoeveelheid beschikbare restwarmte warmtenet</t>
  </si>
  <si>
    <t>restwarmte SmurfitKappa ? Parenco B.V.</t>
  </si>
  <si>
    <t>BU02740102</t>
  </si>
  <si>
    <t>Grunsfoort</t>
  </si>
  <si>
    <t>2021BU02740102</t>
  </si>
  <si>
    <t>buurten.909c0ef0-c87a-42de-975e-dba47e532a0a</t>
  </si>
  <si>
    <t>BU02740103</t>
  </si>
  <si>
    <t>Onder de Bomen</t>
  </si>
  <si>
    <t>2021BU02740103</t>
  </si>
  <si>
    <t>buurten.c3280a87-9ac9-4d16-b372-174d933ba032</t>
  </si>
  <si>
    <t>BU02740104</t>
  </si>
  <si>
    <t>Renkum Centrum</t>
  </si>
  <si>
    <t>2021BU02740104</t>
  </si>
  <si>
    <t>buurten.cf394353-54c2-410e-a598-a175acae4708</t>
  </si>
  <si>
    <t>BU02740105</t>
  </si>
  <si>
    <t>2021BU02740105</t>
  </si>
  <si>
    <t>buurten.5365a730-0eb9-4a4e-9738-6b5217acd560</t>
  </si>
  <si>
    <t>BU02740106</t>
  </si>
  <si>
    <t>Gelria</t>
  </si>
  <si>
    <t>2021BU02740106</t>
  </si>
  <si>
    <t>buurten.77a4f906-17d3-42d5-892a-f51a64b3dc9a</t>
  </si>
  <si>
    <t>PL0274010002</t>
  </si>
  <si>
    <t>matig stedelijke gebieden om de dorpskernen heen</t>
  </si>
  <si>
    <t>techniekstatus hangt af van lokale omstandigheden</t>
  </si>
  <si>
    <t>goede isolatie in woningen</t>
  </si>
  <si>
    <t>restwarmte en/of aquathermie en/of zonthermie</t>
  </si>
  <si>
    <t>Restwarmte en/of zonnewarmte en/of aquathermie</t>
  </si>
  <si>
    <t>aquathermie, restwarmte, zon</t>
  </si>
  <si>
    <t>BU02740201</t>
  </si>
  <si>
    <t>Keijenberg</t>
  </si>
  <si>
    <t>WK027402</t>
  </si>
  <si>
    <t>2021BU02740201</t>
  </si>
  <si>
    <t>buurten.fb53f451-dfcc-4516-a898-49ace7abc5af</t>
  </si>
  <si>
    <t>BU02740202</t>
  </si>
  <si>
    <t>2021BU02740202</t>
  </si>
  <si>
    <t>buurten.e40bb6a8-52f1-4017-87ca-330e6d034a7a</t>
  </si>
  <si>
    <t>BU02740203</t>
  </si>
  <si>
    <t>Bakkershaag</t>
  </si>
  <si>
    <t>2021BU02740203</t>
  </si>
  <si>
    <t>buurten.34eb91f9-7ab4-482e-b831-cbfdab8366a2</t>
  </si>
  <si>
    <t>BU02740204</t>
  </si>
  <si>
    <t>Schaapsdrift</t>
  </si>
  <si>
    <t>2021BU02740204</t>
  </si>
  <si>
    <t>buurten.855f11ca-3e02-430a-b68f-9fa89948a5c1</t>
  </si>
  <si>
    <t>BU02740205</t>
  </si>
  <si>
    <t>Fluitersmaat</t>
  </si>
  <si>
    <t>2021BU02740205</t>
  </si>
  <si>
    <t>buurten.8b08b718-2efd-45a4-9af5-b12df427f0da</t>
  </si>
  <si>
    <t>BU02740206</t>
  </si>
  <si>
    <t>Quadenoord</t>
  </si>
  <si>
    <t>2021BU02740206</t>
  </si>
  <si>
    <t>buurten.5bab00c8-ed21-46c1-a5c1-82ad27b7679b</t>
  </si>
  <si>
    <t>BU02740207</t>
  </si>
  <si>
    <t>Renkumse Heide</t>
  </si>
  <si>
    <t>2021BU02740207</t>
  </si>
  <si>
    <t>buurten.a8fc42d0-fa45-4af9-8191-446034a0cf29</t>
  </si>
  <si>
    <t>BU02740301</t>
  </si>
  <si>
    <t>Vosdal</t>
  </si>
  <si>
    <t>WK027403</t>
  </si>
  <si>
    <t>2021BU02740301</t>
  </si>
  <si>
    <t>buurten.78f4cc2b-05d9-4b7f-970a-ecbaccadd266</t>
  </si>
  <si>
    <t>BU02740302</t>
  </si>
  <si>
    <t>Aan de Beek</t>
  </si>
  <si>
    <t>2021BU02740302</t>
  </si>
  <si>
    <t>buurten.20f24427-bd5e-4859-85cd-d9e3175190a4</t>
  </si>
  <si>
    <t>BU02740303</t>
  </si>
  <si>
    <t>Heidestein</t>
  </si>
  <si>
    <t>2021BU02740303</t>
  </si>
  <si>
    <t>buurten.ec1e7253-3045-4712-9318-15dd1e4fdc02</t>
  </si>
  <si>
    <t>BU02740304</t>
  </si>
  <si>
    <t>Kamperdijk</t>
  </si>
  <si>
    <t>2021BU02740304</t>
  </si>
  <si>
    <t>buurten.3e2a67e8-df65-4122-965a-ae60a2bfdba7</t>
  </si>
  <si>
    <t>BU02740305</t>
  </si>
  <si>
    <t>Klein Zwitserland</t>
  </si>
  <si>
    <t>2021BU02740305</t>
  </si>
  <si>
    <t>buurten.c35b8e1a-7568-4fa7-8980-c51f19e38680</t>
  </si>
  <si>
    <t>BU02740306</t>
  </si>
  <si>
    <t>2021BU02740306</t>
  </si>
  <si>
    <t>buurten.36d76f82-f559-42fc-9123-75ba2e369c2b</t>
  </si>
  <si>
    <t>BU02740401</t>
  </si>
  <si>
    <t>Hoog Doorwerth</t>
  </si>
  <si>
    <t>WK027404</t>
  </si>
  <si>
    <t>2021BU02740401</t>
  </si>
  <si>
    <t>buurten.c65e649b-ad26-41c1-89e4-62c6dbc5cd27</t>
  </si>
  <si>
    <t>BU02740402</t>
  </si>
  <si>
    <t>Doorwerthsestraat</t>
  </si>
  <si>
    <t>2021BU02740402</t>
  </si>
  <si>
    <t>buurten.816204c0-005f-4102-8f70-6d47e3aa4019</t>
  </si>
  <si>
    <t>BU02740403</t>
  </si>
  <si>
    <t>2021BU02740403</t>
  </si>
  <si>
    <t>buurten.12df204a-79cf-4ebb-b201-d91dc5590cef</t>
  </si>
  <si>
    <t>BU02740501</t>
  </si>
  <si>
    <t>Boschhoeve</t>
  </si>
  <si>
    <t>WK027405</t>
  </si>
  <si>
    <t>2021BU02740501</t>
  </si>
  <si>
    <t>buurten.879947a1-4019-4a68-89ae-6b353d8c830f</t>
  </si>
  <si>
    <t>BU02740502</t>
  </si>
  <si>
    <t>Wolfhezerbeek</t>
  </si>
  <si>
    <t>2021BU02740502</t>
  </si>
  <si>
    <t>buurten.ea93d755-8b7a-4303-9b2f-9b6ebfc0b727</t>
  </si>
  <si>
    <t>BU02740503</t>
  </si>
  <si>
    <t>De Stichting</t>
  </si>
  <si>
    <t>2021BU02740503</t>
  </si>
  <si>
    <t>buurten.8c6e6e42-7728-4c0d-bab5-7dc1900434f4</t>
  </si>
  <si>
    <t>BU02740504</t>
  </si>
  <si>
    <t>Lawijckerhof</t>
  </si>
  <si>
    <t>2021BU02740504</t>
  </si>
  <si>
    <t>buurten.e7d18e62-bd5d-4de6-98cb-ca76cbe41d2c</t>
  </si>
  <si>
    <t>BU02740601</t>
  </si>
  <si>
    <t>De Buunderkamp</t>
  </si>
  <si>
    <t>WK027406</t>
  </si>
  <si>
    <t>2021BU02740601</t>
  </si>
  <si>
    <t>buurten.12094e2d-1ed8-44e2-9a34-eec3b6a4e1d6</t>
  </si>
  <si>
    <t>BU02740602</t>
  </si>
  <si>
    <t>Reijers-Camp</t>
  </si>
  <si>
    <t>2021BU02740602</t>
  </si>
  <si>
    <t>buurten.833038d4-c1ef-4b0b-b9c6-13b78835d65f</t>
  </si>
  <si>
    <t>BU02740603</t>
  </si>
  <si>
    <t>Duitsekampweg</t>
  </si>
  <si>
    <t>2021BU02740603</t>
  </si>
  <si>
    <t>buurten.8f671ae3-7d82-43b2-9fc4-3ea45ffb26f4</t>
  </si>
  <si>
    <t>BU02740604</t>
  </si>
  <si>
    <t>Het Hazeleger</t>
  </si>
  <si>
    <t>2021BU02740604</t>
  </si>
  <si>
    <t>buurten.eb9ce63f-0b59-40eb-a437-46bdc290efa1</t>
  </si>
  <si>
    <t>BU02740701</t>
  </si>
  <si>
    <t>Doorwerthse Waarden</t>
  </si>
  <si>
    <t>WK027407</t>
  </si>
  <si>
    <t>2021BU02740701</t>
  </si>
  <si>
    <t>buurten.61cbcb51-630d-4f68-ac4e-901e7ab354d9</t>
  </si>
  <si>
    <t>BU02740702</t>
  </si>
  <si>
    <t>Doorwerthse Bossen</t>
  </si>
  <si>
    <t>2021BU02740702</t>
  </si>
  <si>
    <t>buurten.76009db7-e67c-48de-81fc-b848031d9c04</t>
  </si>
  <si>
    <t>PL0274010004</t>
  </si>
  <si>
    <t>PL0274010005</t>
  </si>
  <si>
    <t>Doorwerth</t>
  </si>
  <si>
    <t>Heveadorp</t>
  </si>
  <si>
    <t>collectieve warmtepomp met gas-backup</t>
  </si>
  <si>
    <t>collectieve warmtepomp met gas-backup, of in geval van hybride warmtepomp: groen gas</t>
  </si>
  <si>
    <t>collectieve warmtepomp en gas</t>
  </si>
  <si>
    <t>collectieve warmtepomp en gas en/of hernieuwbaar gas</t>
  </si>
  <si>
    <t>BU02740703</t>
  </si>
  <si>
    <t>Kievitsdel</t>
  </si>
  <si>
    <t>2021BU02740703</t>
  </si>
  <si>
    <t>buurten.e32f11b7-710c-4434-8572-30f0de64714a</t>
  </si>
  <si>
    <t>BU02740801</t>
  </si>
  <si>
    <t>Doorwerth Zuid</t>
  </si>
  <si>
    <t>WK027408</t>
  </si>
  <si>
    <t>2021BU02740801</t>
  </si>
  <si>
    <t>buurten.e94620ac-54f6-4d69-b674-85c9bc720af4</t>
  </si>
  <si>
    <t>BU02740802</t>
  </si>
  <si>
    <t>Clusterwoningen</t>
  </si>
  <si>
    <t>2021BU02740802</t>
  </si>
  <si>
    <t>buurten.2104abde-0258-447a-8c6e-50edea77ee32</t>
  </si>
  <si>
    <t>BU02740803</t>
  </si>
  <si>
    <t>Cardanuslaan</t>
  </si>
  <si>
    <t>2021BU02740803</t>
  </si>
  <si>
    <t>buurten.0eb37d29-4e89-4ef1-912d-07557357759c</t>
  </si>
  <si>
    <t>BU02740901</t>
  </si>
  <si>
    <t>Hunneschans - Valckeniersbossen</t>
  </si>
  <si>
    <t>WK027409</t>
  </si>
  <si>
    <t>2021BU02740901</t>
  </si>
  <si>
    <t>buurten.a339121d-7d88-4b1d-9563-69b81ee3969a</t>
  </si>
  <si>
    <t>BU02740902</t>
  </si>
  <si>
    <t>2021BU02740902</t>
  </si>
  <si>
    <t>buurten.a4f0663c-5f2f-42ac-ae6d-712434cd672c</t>
  </si>
  <si>
    <t>BU02741001</t>
  </si>
  <si>
    <t>Hemelse Berg</t>
  </si>
  <si>
    <t>WK027410</t>
  </si>
  <si>
    <t>2021BU02741001</t>
  </si>
  <si>
    <t>buurten.cb64b297-84be-4fc9-82b4-49942245d3c4</t>
  </si>
  <si>
    <t>bestaande warmtenet uitbreiden en/of collectieve warmtepomp</t>
  </si>
  <si>
    <t>BU02741002</t>
  </si>
  <si>
    <t>Valkenberg</t>
  </si>
  <si>
    <t>2021BU02741002</t>
  </si>
  <si>
    <t>buurten.c2d32052-c4f8-4df7-be1d-69fc7a61e0e7</t>
  </si>
  <si>
    <t>BU02741003</t>
  </si>
  <si>
    <t>Wodanswoud</t>
  </si>
  <si>
    <t>2021BU02741003</t>
  </si>
  <si>
    <t>buurten.6f3e98b8-d246-42be-b794-4f66732da663</t>
  </si>
  <si>
    <t>BU02741004</t>
  </si>
  <si>
    <t>2021BU02741004</t>
  </si>
  <si>
    <t>buurten.3e638fd0-821b-459d-8d7c-e5c559ae6bff</t>
  </si>
  <si>
    <t>BU02741005</t>
  </si>
  <si>
    <t>Bilderberg</t>
  </si>
  <si>
    <t>2021BU02741005</t>
  </si>
  <si>
    <t>buurten.6201dffa-5268-4c6d-a183-21190fc70397</t>
  </si>
  <si>
    <t>BU02741101</t>
  </si>
  <si>
    <t>Oosterbeekse Waarden</t>
  </si>
  <si>
    <t>WK027411</t>
  </si>
  <si>
    <t>2021BU02741101</t>
  </si>
  <si>
    <t>buurten.52b51d67-cab0-4149-a6b2-c3094337522f</t>
  </si>
  <si>
    <t>BU02741102</t>
  </si>
  <si>
    <t>Bato's Wijk</t>
  </si>
  <si>
    <t>2021BU02741102</t>
  </si>
  <si>
    <t>buurten.42f9ad62-85d2-4669-9c72-6fb4d732a04d</t>
  </si>
  <si>
    <t>BU02741103</t>
  </si>
  <si>
    <t>2021BU02741103</t>
  </si>
  <si>
    <t>buurten.44ba946d-f461-48d1-8f82-bc69d6ea8b1d</t>
  </si>
  <si>
    <t>BU02741104</t>
  </si>
  <si>
    <t>Stenenkruis</t>
  </si>
  <si>
    <t>2021BU02741104</t>
  </si>
  <si>
    <t>buurten.c32d078a-fb70-4ce7-999a-add7ffadba17</t>
  </si>
  <si>
    <t>BU02741105</t>
  </si>
  <si>
    <t>2021BU02741105</t>
  </si>
  <si>
    <t>buurten.c03f96ea-9355-430e-b941-1b324b418e51</t>
  </si>
  <si>
    <t>BU02741201</t>
  </si>
  <si>
    <t>Beelaertslaan</t>
  </si>
  <si>
    <t>WK027412</t>
  </si>
  <si>
    <t>2021BU02741201</t>
  </si>
  <si>
    <t>buurten.1b66be2e-c662-42b2-908d-dc0044048733</t>
  </si>
  <si>
    <t>BU02741202</t>
  </si>
  <si>
    <t>Transvaal</t>
  </si>
  <si>
    <t>2021BU02741202</t>
  </si>
  <si>
    <t>buurten.5f65e800-a0b0-4cbe-a0d9-b6a12051a2ae</t>
  </si>
  <si>
    <t>BU02741203</t>
  </si>
  <si>
    <t>Dreyeroord</t>
  </si>
  <si>
    <t>2021BU02741203</t>
  </si>
  <si>
    <t>buurten.a1b493bd-903e-4761-a630-9d5a87690596</t>
  </si>
  <si>
    <t>BU02741204</t>
  </si>
  <si>
    <t>Dennenkamp</t>
  </si>
  <si>
    <t>2021BU02741204</t>
  </si>
  <si>
    <t>buurten.5664a9f8-2c52-496c-a629-6d9876465224</t>
  </si>
  <si>
    <t>BU02741205</t>
  </si>
  <si>
    <t>De Dreijen</t>
  </si>
  <si>
    <t>2021BU02741205</t>
  </si>
  <si>
    <t>buurten.148ba7d0-3459-4a37-b9d7-6558d7581d16</t>
  </si>
  <si>
    <t>BU02741206</t>
  </si>
  <si>
    <t>Talud</t>
  </si>
  <si>
    <t>2021BU02741206</t>
  </si>
  <si>
    <t>buurten.4ad14947-d4ce-4d9c-a63f-83c02ff0373e</t>
  </si>
  <si>
    <t>BU02750000</t>
  </si>
  <si>
    <t>Dieren-Zuid beneden spoorlijn</t>
  </si>
  <si>
    <t>WK027500</t>
  </si>
  <si>
    <t>2021BU02750000</t>
  </si>
  <si>
    <t>buurten.bffa349f-78fc-45e2-88e8-5ac27ed38998</t>
  </si>
  <si>
    <t>PL0275010014</t>
  </si>
  <si>
    <t>Dieren-zuid beneden spoorlijn</t>
  </si>
  <si>
    <t>HT/MT/LT warmte. Zonthermie en/of hernieuwbaar gas</t>
  </si>
  <si>
    <t>LT warmte: zonnewarmte en/of aquathermie, MT warmte: restwarmte</t>
  </si>
  <si>
    <t>zonnewarmte en/of hernieuwbaar gas</t>
  </si>
  <si>
    <t>zon, hernieuwbaar gas</t>
  </si>
  <si>
    <t>55</t>
  </si>
  <si>
    <t>BU02750001</t>
  </si>
  <si>
    <t>Dieren-Noord boven spoorlijn</t>
  </si>
  <si>
    <t>2021BU02750001</t>
  </si>
  <si>
    <t>buurten.5db74c3e-d753-4611-b46e-e8e917002dba</t>
  </si>
  <si>
    <t>PL0275010001</t>
  </si>
  <si>
    <t>PL0275010009</t>
  </si>
  <si>
    <t>Dieren-noord boven spoorlijn</t>
  </si>
  <si>
    <t>LT warmte uit zonthermie en/of aquathermie en/of asfaltthermie en/of mogelijk restwarmte voor HT/MT</t>
  </si>
  <si>
    <t>BU02750002</t>
  </si>
  <si>
    <t>Dieren-West boven spoorlijn</t>
  </si>
  <si>
    <t>2021BU02750002</t>
  </si>
  <si>
    <t>buurten.da617bf3-39c1-4769-9101-737561ae3303</t>
  </si>
  <si>
    <t>BU02750003</t>
  </si>
  <si>
    <t>Spankeren</t>
  </si>
  <si>
    <t>2021BU02750003</t>
  </si>
  <si>
    <t>buurten.acba2f08-04ef-4d18-86ab-fb791b20bcd0</t>
  </si>
  <si>
    <t>BU02750004</t>
  </si>
  <si>
    <t>Ellecom</t>
  </si>
  <si>
    <t>2021BU02750004</t>
  </si>
  <si>
    <t>buurten.e4d5b995-c773-4298-8b0d-a4ac19c22142</t>
  </si>
  <si>
    <t>BU02750005</t>
  </si>
  <si>
    <t>Laag-Soeren</t>
  </si>
  <si>
    <t>2021BU02750005</t>
  </si>
  <si>
    <t>buurten.d8977ec0-dfc6-4a36-8a13-15f7f8d75886</t>
  </si>
  <si>
    <t>BU02750007</t>
  </si>
  <si>
    <t>Verspreide huizen bosgebied Laag Soeren</t>
  </si>
  <si>
    <t>2021BU02750007</t>
  </si>
  <si>
    <t>buurten.e230ed3e-9095-4720-a092-d68e326cb8d5</t>
  </si>
  <si>
    <t>LT/MT warmenet o.b.v. zonthermie/TEO uit de Ijssel of Apeldoorns Kanaal/restwarmte</t>
  </si>
  <si>
    <t>LT/MT warmte: zonthermie en/of aquathermie</t>
  </si>
  <si>
    <t>BU02750008</t>
  </si>
  <si>
    <t>Verspreide huizen Spankeren</t>
  </si>
  <si>
    <t>2021BU02750008</t>
  </si>
  <si>
    <t>buurten.522c7dfa-d0b2-47c6-9799-fd99b99814a6</t>
  </si>
  <si>
    <t>LT/MT warmte: zonthermie en/of aquathermie (TEO)</t>
  </si>
  <si>
    <t>BU02750009</t>
  </si>
  <si>
    <t>2021BU02750009</t>
  </si>
  <si>
    <t>buurten.9ae5850c-a30b-4fee-88b2-b8f5b64ffebe</t>
  </si>
  <si>
    <t>BU02750010</t>
  </si>
  <si>
    <t>Verspreide huizen bosgebied Ellecom</t>
  </si>
  <si>
    <t>2021BU02750010</t>
  </si>
  <si>
    <t>buurten.88a9874b-ab50-4ddf-b674-432bfe5d11f7</t>
  </si>
  <si>
    <t>Verpreide huizen Havikerwaard en Middachten</t>
  </si>
  <si>
    <t>BU02750011</t>
  </si>
  <si>
    <t>Verspreide huizen bosgebied Dieren</t>
  </si>
  <si>
    <t>2021BU02750011</t>
  </si>
  <si>
    <t>buurten.ed02c715-cba7-4a1a-9c30-51a8e80f8078</t>
  </si>
  <si>
    <t>PL0275010005</t>
  </si>
  <si>
    <t>Dieren-west boven spoorlijn</t>
  </si>
  <si>
    <t>aquathermie, zon</t>
  </si>
  <si>
    <t>BU02750100</t>
  </si>
  <si>
    <t>WK027501</t>
  </si>
  <si>
    <t>2021BU02750100</t>
  </si>
  <si>
    <t>buurten.80224535-e92a-4077-988a-364761c0bced</t>
  </si>
  <si>
    <t>PL0275010010</t>
  </si>
  <si>
    <t>LT/MT warmenet o.b.v. zonthermie/TEO uit Steegse Haven, IJssel of plassen overzijde IJssel/restwarmte/asfaltthermie/condenswarmte</t>
  </si>
  <si>
    <t>LT/MT warmte: zonthermie en/of asfaltthermie en/of aquathermie (TEO) en/of restwarmte (AVI)</t>
  </si>
  <si>
    <t>BU02750101</t>
  </si>
  <si>
    <t>Rheden-West ten westen van Oranjeweg en Haverweg</t>
  </si>
  <si>
    <t>2021BU02750101</t>
  </si>
  <si>
    <t>buurten.c742b91e-b3da-4267-9287-614226bb00b0</t>
  </si>
  <si>
    <t>BU02750102</t>
  </si>
  <si>
    <t>Verspreide huizen Rheden</t>
  </si>
  <si>
    <t>2021BU02750102</t>
  </si>
  <si>
    <t>buurten.59eb4784-82b5-40f6-9674-4e74039a4644</t>
  </si>
  <si>
    <t>BU02750103</t>
  </si>
  <si>
    <t>De Steeg</t>
  </si>
  <si>
    <t>2021BU02750103</t>
  </si>
  <si>
    <t>buurten.35c700aa-c751-4454-9643-b54582623ffd</t>
  </si>
  <si>
    <t>PL0275010011</t>
  </si>
  <si>
    <t>Verpreide huizen Rheden</t>
  </si>
  <si>
    <t>LT/MT/HT warmte: zonthermie en/of aquathermie en/of restwarmte en/of hernieuwbaar gas</t>
  </si>
  <si>
    <t>zonthermie en/of aquathermie en/of restwarmte en/of hernieuwbaar gas</t>
  </si>
  <si>
    <t>BU02750106</t>
  </si>
  <si>
    <t>Verspreide huizen bosgebied De Steeg</t>
  </si>
  <si>
    <t>2021BU02750106</t>
  </si>
  <si>
    <t>buurten.6fd83113-4cfb-4dff-86ef-6a0da745c237</t>
  </si>
  <si>
    <t>BU02750107</t>
  </si>
  <si>
    <t>Verspreide huizen bosgebied Rheden</t>
  </si>
  <si>
    <t>2021BU02750107</t>
  </si>
  <si>
    <t>buurten.26f1874a-29a9-4501-9fcf-54f2c0c61a64</t>
  </si>
  <si>
    <t>BU02750108</t>
  </si>
  <si>
    <t>Verspreide huizen Havikerwaard en Middachten</t>
  </si>
  <si>
    <t>2021BU02750108</t>
  </si>
  <si>
    <t>buurten.fb716496-b1f7-430d-a448-c59d26bbfd1e</t>
  </si>
  <si>
    <t>BU02750200</t>
  </si>
  <si>
    <t>Velp-Noord boven spoorlijn</t>
  </si>
  <si>
    <t>WK027502</t>
  </si>
  <si>
    <t>2021BU02750200</t>
  </si>
  <si>
    <t>buurten.23e56c6a-b367-455f-b0ee-c8a3eecd1fad</t>
  </si>
  <si>
    <t>PL0275010003</t>
  </si>
  <si>
    <t>Warmtepomp en/of PVT panelen</t>
  </si>
  <si>
    <t>HT/MT/LT warmte uit: restwarmte voor HT/MT (mogelijk) en/of zonthermie</t>
  </si>
  <si>
    <t>BU02750201</t>
  </si>
  <si>
    <t>Velp-Zuid beneden spoorlijn</t>
  </si>
  <si>
    <t>2021BU02750201</t>
  </si>
  <si>
    <t>buurten.ba92d91f-505c-41ca-8fcf-5db85385de40</t>
  </si>
  <si>
    <t>PL0275010007</t>
  </si>
  <si>
    <t>Velp-zuid ten zuiden van Waterstraat</t>
  </si>
  <si>
    <t>LT/MT warmenet o.b.v. zonthermie/asfalthermie/aansluiten warmtenet AVR/TEO omliggende plassen/condenswarmte</t>
  </si>
  <si>
    <t>LT/MT warmte: zonthermie en/of asfaltthermie en/of aquathermie</t>
  </si>
  <si>
    <t>aquathermie, zon, asfalt</t>
  </si>
  <si>
    <t>23</t>
  </si>
  <si>
    <t>BU02750202</t>
  </si>
  <si>
    <t>Velp-Zuid ten zuiden van Waterstraat</t>
  </si>
  <si>
    <t>2021BU02750202</t>
  </si>
  <si>
    <t>buurten.dbf4597a-9f6f-409f-a0d4-1343f63bfb3c</t>
  </si>
  <si>
    <t>BU02750208</t>
  </si>
  <si>
    <t>Verspreide huizen Velp-Noordoost</t>
  </si>
  <si>
    <t>2021BU02750208</t>
  </si>
  <si>
    <t>buurten.654f468d-a128-4b77-a6c4-3d0e58bb0582</t>
  </si>
  <si>
    <t>restwarmte en/of zonnewarmte</t>
  </si>
  <si>
    <t>restwarmte, zon</t>
  </si>
  <si>
    <t>49</t>
  </si>
  <si>
    <t>BU02750209</t>
  </si>
  <si>
    <t>Verspreide huizen Velp-Zuidoost</t>
  </si>
  <si>
    <t>2021BU02750209</t>
  </si>
  <si>
    <t>buurten.9594d540-a590-4e8e-a573-6b4aae705e9b</t>
  </si>
  <si>
    <t>BU02770000</t>
  </si>
  <si>
    <t>WK027700</t>
  </si>
  <si>
    <t>2021BU02770000</t>
  </si>
  <si>
    <t>buurten.d986cd3d-9a36-48ed-ae51-0c29bb96a9e1</t>
  </si>
  <si>
    <t>Gasnet (mogelijk)</t>
  </si>
  <si>
    <t>BU02770009</t>
  </si>
  <si>
    <t>Verspreide huizen Imbosch en Terlet</t>
  </si>
  <si>
    <t>2021BU02770009</t>
  </si>
  <si>
    <t>buurten.5f41b5f2-35a4-42d9-bb4f-42dd5476611e</t>
  </si>
  <si>
    <t>BU02790000</t>
  </si>
  <si>
    <t>WK027900</t>
  </si>
  <si>
    <t>GM0279</t>
  </si>
  <si>
    <t>2021BU02790000</t>
  </si>
  <si>
    <t>buurten.931c1756-7c58-4f75-8c18-ba71c5eed630</t>
  </si>
  <si>
    <t>DC027901</t>
  </si>
  <si>
    <t>Transitievisie warmte Gemeente Woudenberg</t>
  </si>
  <si>
    <t>PL0279010001</t>
  </si>
  <si>
    <t>zuidwest</t>
  </si>
  <si>
    <t>verkennend. De straten worden in 2023-2024 aangepakt voor de riolering. Dit is een goed moment om bijvoorbeeld een warmtenet aan te leggen. De woningen stammen voornamelijk uit de jaren 60 en 70. Deze zijn waarschijnlijk rendabel te isoleren en hebben ee</t>
  </si>
  <si>
    <t>Voorkeursoptie. Naast deze wijk staat nieuwbouwwijk de Nieuwe Koepel gepland. Hiervoor wordt een warmtenet onderzocht. Deze kan mogelijk uitgebreid worden naar Wijk Bruinhorst.</t>
  </si>
  <si>
    <t>voorsorterend. In de periode tussen 2025 en 2040 wordt buurt voor buurt een buurtuitvoeringsplan gemaakt. Als hier uitkomt dat een collectieve oplossing het gunstigst is, wordt die in de 5-10 jaar na het onderzoek gerealiseerd. Als blijkt dat individuele</t>
  </si>
  <si>
    <t>Start van de voorlichting en koploperaanpak in 2022. Elke gebouweigenaar kan vervolgens op een eigen gekozen moment de overstap maken.</t>
  </si>
  <si>
    <t>omgevingswarmte en/of restwarmte en/of aquathermie (RWZI) en/of geothermie en/of zonnewarmte en/of gas en/of biomassa</t>
  </si>
  <si>
    <t>BU02790008</t>
  </si>
  <si>
    <t>Verspreide huizen ten zuiden van Scherpenzeel</t>
  </si>
  <si>
    <t>2021BU02790008</t>
  </si>
  <si>
    <t>buurten.07ac0136-dc4b-4e9a-84a1-b52e8c2c6066</t>
  </si>
  <si>
    <t>geen keuze gemaakt. In deze buurten staan veel oude panden. We wachten technologische ontwikkelingen en de ervaringen in de andere buurten af voordat we besluiten welke warmtevoorziening hier komt. Tot die tijd is het van belang de woning zo goed mogelij</t>
  </si>
  <si>
    <t>BU02790009</t>
  </si>
  <si>
    <t>Verspreide huizen ten noorden van Scherpenzeel</t>
  </si>
  <si>
    <t>2021BU02790009</t>
  </si>
  <si>
    <t>buurten.52f123d1-ff86-471f-8534-b0c41686c395</t>
  </si>
  <si>
    <t>PL0203010044</t>
  </si>
  <si>
    <t>vakantiehuizen</t>
  </si>
  <si>
    <t>Doelgroepgerichte aanpak op isolatie en besparen. Op termijn duurzaam gas of hybride aansluiting als oplossing. Lokaal gasvrije opties mogelijk.</t>
  </si>
  <si>
    <t>BU02810000</t>
  </si>
  <si>
    <t>WK028100</t>
  </si>
  <si>
    <t>2021BU02810000</t>
  </si>
  <si>
    <t>buurten.d510137c-7e5a-43af-a3e8-f057276f0eaf</t>
  </si>
  <si>
    <t>PL0281010007</t>
  </si>
  <si>
    <t>PL0281010008</t>
  </si>
  <si>
    <t>Oude Kern e.o.</t>
  </si>
  <si>
    <t>Tiel-Oost</t>
  </si>
  <si>
    <t>elektrisch/groen gas</t>
  </si>
  <si>
    <t>BU02810001</t>
  </si>
  <si>
    <t>Sterrebos</t>
  </si>
  <si>
    <t>2021BU02810001</t>
  </si>
  <si>
    <t>buurten.403eb4df-0978-40fc-86f8-5b8604ada926</t>
  </si>
  <si>
    <t>PL0281010004</t>
  </si>
  <si>
    <t>BU02810002</t>
  </si>
  <si>
    <t>Hertogenwijk</t>
  </si>
  <si>
    <t>2021BU02810002</t>
  </si>
  <si>
    <t>buurten.d2ef6b0b-c6ad-43e2-8907-5e7682966d39</t>
  </si>
  <si>
    <t>BU02810003</t>
  </si>
  <si>
    <t>2021BU02810003</t>
  </si>
  <si>
    <t>buurten.fddd34ee-9025-4e08-a7aa-09781b1f98c3</t>
  </si>
  <si>
    <t>Tiel-West</t>
  </si>
  <si>
    <t>BU02810004</t>
  </si>
  <si>
    <t>2021BU02810004</t>
  </si>
  <si>
    <t>buurten.d1efc3da-606d-45ab-b589-14a7640a398c</t>
  </si>
  <si>
    <t>PL0281010003</t>
  </si>
  <si>
    <t>BU02810005</t>
  </si>
  <si>
    <t>Santwijck</t>
  </si>
  <si>
    <t>2021BU02810005</t>
  </si>
  <si>
    <t>buurten.ba5ec945-a6f5-4aa9-b0f8-32fd19177dbd</t>
  </si>
  <si>
    <t>BU02810006</t>
  </si>
  <si>
    <t>De Lok</t>
  </si>
  <si>
    <t>2021BU02810006</t>
  </si>
  <si>
    <t>buurten.4e0d05ae-be9e-4dfa-bd51-2968784973c7</t>
  </si>
  <si>
    <t>Tiel-Noord</t>
  </si>
  <si>
    <t>BU02810007</t>
  </si>
  <si>
    <t>Het Ooij</t>
  </si>
  <si>
    <t>2021BU02810007</t>
  </si>
  <si>
    <t>buurten.8c881d02-ef3b-4320-b1ef-b8385b54c7fc</t>
  </si>
  <si>
    <t>BU02810009</t>
  </si>
  <si>
    <t>Latenstein</t>
  </si>
  <si>
    <t>2021BU02810009</t>
  </si>
  <si>
    <t>buurten.32dbc170-8b6f-48ea-b81f-03861dbed3ff</t>
  </si>
  <si>
    <t>PL0281010001</t>
  </si>
  <si>
    <t>BU02810010</t>
  </si>
  <si>
    <t>2021BU02810010</t>
  </si>
  <si>
    <t>buurten.d69c538d-3d97-4396-a2ad-4b02fbd2f57c</t>
  </si>
  <si>
    <t>BU02810011</t>
  </si>
  <si>
    <t>Wadenoijenlaan e.o.</t>
  </si>
  <si>
    <t>2021BU02810011</t>
  </si>
  <si>
    <t>buurten.17f85a0a-87ba-4ab9-99f3-cc8726e3cfd7</t>
  </si>
  <si>
    <t>BU02810100</t>
  </si>
  <si>
    <t>Elzenpas</t>
  </si>
  <si>
    <t>WK028101</t>
  </si>
  <si>
    <t>2021BU02810100</t>
  </si>
  <si>
    <t>buurten.87b7bf11-6643-4871-aeb9-4d7227889b0f</t>
  </si>
  <si>
    <t>BU02810101</t>
  </si>
  <si>
    <t>Westroijen</t>
  </si>
  <si>
    <t>2021BU02810101</t>
  </si>
  <si>
    <t>buurten.8a2624b9-2177-4a18-9d25-5af315214a0b</t>
  </si>
  <si>
    <t>PL0281010002</t>
  </si>
  <si>
    <t>BU02810102</t>
  </si>
  <si>
    <t>Rauwenhof e.o.</t>
  </si>
  <si>
    <t>2021BU02810102</t>
  </si>
  <si>
    <t>buurten.198c9587-15fe-4de0-bb47-1f259198f2ba</t>
  </si>
  <si>
    <t>BU02810103</t>
  </si>
  <si>
    <t>Rauwenhof</t>
  </si>
  <si>
    <t>2021BU02810103</t>
  </si>
  <si>
    <t>buurten.57017872-0243-485d-b9c8-346d6b89bd28</t>
  </si>
  <si>
    <t>BU02810104</t>
  </si>
  <si>
    <t>Drumpt</t>
  </si>
  <si>
    <t>2021BU02810104</t>
  </si>
  <si>
    <t>buurten.16a7060b-2652-47f3-bb06-e2d8685cca46</t>
  </si>
  <si>
    <t>BU02810107</t>
  </si>
  <si>
    <t>Industrieterrein Medel</t>
  </si>
  <si>
    <t>2021BU02810107</t>
  </si>
  <si>
    <t>buurten.2652b530-9ce9-4b43-9564-fad48e5b93c5</t>
  </si>
  <si>
    <t>BU02810108</t>
  </si>
  <si>
    <t>Veluwe</t>
  </si>
  <si>
    <t>2021BU02810108</t>
  </si>
  <si>
    <t>buurten.def19bd8-5993-4635-b7b6-77ec4c3a7d76</t>
  </si>
  <si>
    <t>BU02810109</t>
  </si>
  <si>
    <t>2021BU02810109</t>
  </si>
  <si>
    <t>buurten.650233ed-f9f7-4172-9d5f-7de4dfc1e655</t>
  </si>
  <si>
    <t>BU02810200</t>
  </si>
  <si>
    <t>Wadenoijen</t>
  </si>
  <si>
    <t>WK028102</t>
  </si>
  <si>
    <t>2021BU02810200</t>
  </si>
  <si>
    <t>buurten.73a2fca1-e512-4a80-9ab2-5954ab21ff5b</t>
  </si>
  <si>
    <t>BU02810201</t>
  </si>
  <si>
    <t>Kapel-Avezaath</t>
  </si>
  <si>
    <t>2021BU02810201</t>
  </si>
  <si>
    <t>buurten.c238a86e-90d5-41e0-ac87-60c486a22e51</t>
  </si>
  <si>
    <t>BU02810208</t>
  </si>
  <si>
    <t>Kapel-Avezaath e.o.</t>
  </si>
  <si>
    <t>2021BU02810208</t>
  </si>
  <si>
    <t>buurten.f1995d17-5717-46d2-b8cd-8cd8c209d43b</t>
  </si>
  <si>
    <t>BU02810209</t>
  </si>
  <si>
    <t>Wadenoijen e.o.</t>
  </si>
  <si>
    <t>2021BU02810209</t>
  </si>
  <si>
    <t>buurten.6b471ca9-b139-4dbf-8f91-36d7867a402d</t>
  </si>
  <si>
    <t>BU02810300</t>
  </si>
  <si>
    <t>Passewaaij-Noord-West</t>
  </si>
  <si>
    <t>WK028103</t>
  </si>
  <si>
    <t>2021BU02810300</t>
  </si>
  <si>
    <t>buurten.2e129011-d700-45cf-95f7-7e72a2db609e</t>
  </si>
  <si>
    <t>BU02810301</t>
  </si>
  <si>
    <t>Passewaaij-Noord-Oost</t>
  </si>
  <si>
    <t>2021BU02810301</t>
  </si>
  <si>
    <t>buurten.bb1c231f-bebc-47a9-9d9a-e6158438cc04</t>
  </si>
  <si>
    <t>BU02810302</t>
  </si>
  <si>
    <t>Passewaaij-Zuid-West</t>
  </si>
  <si>
    <t>2021BU02810302</t>
  </si>
  <si>
    <t>buurten.16ed5d5f-ea2c-4728-9e1b-36a4bcd2bf7e</t>
  </si>
  <si>
    <t>PL0281010005</t>
  </si>
  <si>
    <t>Tiel-Passewaaij</t>
  </si>
  <si>
    <t>BU02810303</t>
  </si>
  <si>
    <t>Passewaaij-Zuid-Oost</t>
  </si>
  <si>
    <t>2021BU02810303</t>
  </si>
  <si>
    <t>buurten.029a2a0d-9d2b-40e7-8a1f-24b00363c5c6</t>
  </si>
  <si>
    <t>BU02810304</t>
  </si>
  <si>
    <t>Passewaaij e.o.</t>
  </si>
  <si>
    <t>2021BU02810304</t>
  </si>
  <si>
    <t>buurten.83db6fb9-3fd1-41ae-85fc-2d04ee007611</t>
  </si>
  <si>
    <t>BU02810305</t>
  </si>
  <si>
    <t>Zennewijnen</t>
  </si>
  <si>
    <t>2021BU02810305</t>
  </si>
  <si>
    <t>buurten.b1619e52-c95b-4c47-9afb-71ed6b98c8c7</t>
  </si>
  <si>
    <t>PL0281010006</t>
  </si>
  <si>
    <t>BU02810306</t>
  </si>
  <si>
    <t>Zennewijnen e.o.</t>
  </si>
  <si>
    <t>2021BU02810306</t>
  </si>
  <si>
    <t>buurten.fb772f60-8f9c-486c-81a5-5c6631b92fb0</t>
  </si>
  <si>
    <t>BU02850000</t>
  </si>
  <si>
    <t>WK028500</t>
  </si>
  <si>
    <t>2021BU02850000</t>
  </si>
  <si>
    <t>buurten.77b8b231-9863-4976-985f-c852f6d64b5e</t>
  </si>
  <si>
    <t>BU02850001</t>
  </si>
  <si>
    <t>Bussloo</t>
  </si>
  <si>
    <t>2021BU02850001</t>
  </si>
  <si>
    <t>buurten.6892adee-421d-4477-adfb-d95878d25921</t>
  </si>
  <si>
    <t>BU02850002</t>
  </si>
  <si>
    <t>Gietelo</t>
  </si>
  <si>
    <t>2021BU02850002</t>
  </si>
  <si>
    <t>buurten.00a4c703-a1d2-4791-8d3f-b096f9bedea8</t>
  </si>
  <si>
    <t>BU02850005</t>
  </si>
  <si>
    <t>Verspreide huizen Voorst en Wilpse Klei</t>
  </si>
  <si>
    <t>2021BU02850005</t>
  </si>
  <si>
    <t>buurten.320abfe0-54b6-4a0e-8dfe-49408156b648</t>
  </si>
  <si>
    <t>BU02850006</t>
  </si>
  <si>
    <t>Verspreide huizen Gietelo-Bussloo</t>
  </si>
  <si>
    <t>2021BU02850006</t>
  </si>
  <si>
    <t>buurten.42cf8ff4-c5bb-4c09-bc76-ec5220db46e0</t>
  </si>
  <si>
    <t>BU02850007</t>
  </si>
  <si>
    <t>Verspreide huizen langs de IJssel Voorster Klei</t>
  </si>
  <si>
    <t>2021BU02850007</t>
  </si>
  <si>
    <t>buurten.a8df717e-27e2-4284-a43b-cf056d8be437</t>
  </si>
  <si>
    <t>BU02850008</t>
  </si>
  <si>
    <t>Verspreide huizen Appensche Veld</t>
  </si>
  <si>
    <t>2021BU02850008</t>
  </si>
  <si>
    <t>buurten.10e6cdae-391d-4fd1-a9dc-a6c3390123c0</t>
  </si>
  <si>
    <t>BU02850009</t>
  </si>
  <si>
    <t>Verspreide huizen akkerbouwgebied Noord-Empe</t>
  </si>
  <si>
    <t>2021BU02850009</t>
  </si>
  <si>
    <t>buurten.b8fc4032-4ae9-41f4-bd79-e36bb1093f9b</t>
  </si>
  <si>
    <t>BU02850100</t>
  </si>
  <si>
    <t>Twello-Midden</t>
  </si>
  <si>
    <t>WK028501</t>
  </si>
  <si>
    <t>2021BU02850100</t>
  </si>
  <si>
    <t>buurten.03b639b0-124c-478c-8395-b752a89ab555</t>
  </si>
  <si>
    <t>PL0285010003</t>
  </si>
  <si>
    <t>PL0285010005</t>
  </si>
  <si>
    <t>Cluster Twello-Zuidoost</t>
  </si>
  <si>
    <t>WUP opstellen (mogelijk starten)</t>
  </si>
  <si>
    <t>geothermie i.c.m. tuinderijen en/of TEO uit de Ijssel en/of restwarmtebronnen.</t>
  </si>
  <si>
    <t>geothermie en/of restwarmte (GLTB) en/of aquathermie (TEO)</t>
  </si>
  <si>
    <t>BU02850101</t>
  </si>
  <si>
    <t>Twello-Zuid</t>
  </si>
  <si>
    <t>2021BU02850101</t>
  </si>
  <si>
    <t>buurten.6f8b5b28-ff4c-4dc0-9d06-bb2428e60a34</t>
  </si>
  <si>
    <t>PL0285010002</t>
  </si>
  <si>
    <t>WKO net (kleinschalig)</t>
  </si>
  <si>
    <t>BU02850102</t>
  </si>
  <si>
    <t>Twello-Noord</t>
  </si>
  <si>
    <t>2021BU02850102</t>
  </si>
  <si>
    <t>buurten.9a40bfd7-b0ef-4943-bc0b-036e608898e6</t>
  </si>
  <si>
    <t>BU02850103</t>
  </si>
  <si>
    <t>Terwolde</t>
  </si>
  <si>
    <t>2021BU02850103</t>
  </si>
  <si>
    <t>buurten.72f05f2b-7bc3-4786-b860-4aa584dff311</t>
  </si>
  <si>
    <t>PL0285010004</t>
  </si>
  <si>
    <t>TEO en TEA (collectief)</t>
  </si>
  <si>
    <t>BU02850104</t>
  </si>
  <si>
    <t>Nijbroek</t>
  </si>
  <si>
    <t>2021BU02850104</t>
  </si>
  <si>
    <t>buurten.413e8f19-d837-4f5c-86fc-cd3fee1534e2</t>
  </si>
  <si>
    <t>PL0285010008</t>
  </si>
  <si>
    <t>BU02850105</t>
  </si>
  <si>
    <t>Verspreide huizen Twello-Zuid</t>
  </si>
  <si>
    <t>2021BU02850105</t>
  </si>
  <si>
    <t>buurten.0c74e14f-d270-49ab-85dd-8fb201fe660b</t>
  </si>
  <si>
    <t>PL0150010004</t>
  </si>
  <si>
    <t>BU02850106</t>
  </si>
  <si>
    <t>2021BU02850106</t>
  </si>
  <si>
    <t>buurten.5afd116f-9a34-497f-a3a3-93f472de3fd2</t>
  </si>
  <si>
    <t>BU02850107</t>
  </si>
  <si>
    <t>Verspreide huizen Twello-Noord</t>
  </si>
  <si>
    <t>2021BU02850107</t>
  </si>
  <si>
    <t>buurten.ab17c2df-6e16-47a2-a6fe-bf97b5d90f38</t>
  </si>
  <si>
    <t>BU02850108</t>
  </si>
  <si>
    <t>Verspreide huizen Nijbroek</t>
  </si>
  <si>
    <t>2021BU02850108</t>
  </si>
  <si>
    <t>buurten.12d38c0b-962c-4bca-a26f-3e32d3f7fe57</t>
  </si>
  <si>
    <t>BU02850109</t>
  </si>
  <si>
    <t>Verspreide huizen op de oeverwal Terwolde</t>
  </si>
  <si>
    <t>2021BU02850109</t>
  </si>
  <si>
    <t>buurten.2a2898f8-76ee-4f1d-88a5-a688e84b12d4</t>
  </si>
  <si>
    <t>BU02850200</t>
  </si>
  <si>
    <t>Klarenbeek (gedeeltelijk)</t>
  </si>
  <si>
    <t>WK028502</t>
  </si>
  <si>
    <t>2021BU02850200</t>
  </si>
  <si>
    <t>buurten.c0315186-443c-4866-81eb-b95dfe2dfe40</t>
  </si>
  <si>
    <t>BU02850201</t>
  </si>
  <si>
    <t>Teuge</t>
  </si>
  <si>
    <t>2021BU02850201</t>
  </si>
  <si>
    <t>buurten.be543453-66af-4a52-a08b-7a617a114283</t>
  </si>
  <si>
    <t>BU02850202</t>
  </si>
  <si>
    <t>Wilp-Achterhoek</t>
  </si>
  <si>
    <t>2021BU02850202</t>
  </si>
  <si>
    <t>buurten.54e3c2d8-3319-4b36-8b5a-9823c9e95b98</t>
  </si>
  <si>
    <t>BU02850203</t>
  </si>
  <si>
    <t>De Vecht</t>
  </si>
  <si>
    <t>2021BU02850203</t>
  </si>
  <si>
    <t>buurten.9d9e600e-6250-422b-9872-c4c72928abb9</t>
  </si>
  <si>
    <t>BU02850205</t>
  </si>
  <si>
    <t>Verspreide huizen De Vecht, De Pol en omgeving</t>
  </si>
  <si>
    <t>2021BU02850205</t>
  </si>
  <si>
    <t>buurten.5d3aa651-9b97-407d-b186-ee050dca556c</t>
  </si>
  <si>
    <t>BU02850206</t>
  </si>
  <si>
    <t>Verspreide huizen Teuge</t>
  </si>
  <si>
    <t>2021BU02850206</t>
  </si>
  <si>
    <t>buurten.c28cecdf-a213-4482-98dc-a6dd26cd1e60</t>
  </si>
  <si>
    <t>BU02850207</t>
  </si>
  <si>
    <t>Verspreide huizen Wilp-Achterhoek</t>
  </si>
  <si>
    <t>2021BU02850207</t>
  </si>
  <si>
    <t>buurten.0c72f2aa-719a-4a01-b11f-2350da41dc3a</t>
  </si>
  <si>
    <t>BU02850208</t>
  </si>
  <si>
    <t>Verspreide huizen Klarenbeek-Noord</t>
  </si>
  <si>
    <t>2021BU02850208</t>
  </si>
  <si>
    <t>buurten.3127411f-4697-4a53-8db3-61e22078312f</t>
  </si>
  <si>
    <t>BU02850209</t>
  </si>
  <si>
    <t>Verspreide huizen Klarenbeek-Zuid</t>
  </si>
  <si>
    <t>2021BU02850209</t>
  </si>
  <si>
    <t>buurten.04b7d7e6-e27f-475f-8689-a7bc85f856f1</t>
  </si>
  <si>
    <t>BU02850300</t>
  </si>
  <si>
    <t>Wilp</t>
  </si>
  <si>
    <t>WK028503</t>
  </si>
  <si>
    <t>2021BU02850300</t>
  </si>
  <si>
    <t>buurten.b865aff2-d338-4349-be8c-deda57cf691f</t>
  </si>
  <si>
    <t>PL0285010001</t>
  </si>
  <si>
    <t>BU02850301</t>
  </si>
  <si>
    <t>Posterenk</t>
  </si>
  <si>
    <t>2021BU02850301</t>
  </si>
  <si>
    <t>buurten.947870c0-5d2b-4b2f-a326-36f7ae386221</t>
  </si>
  <si>
    <t>PL0285010007</t>
  </si>
  <si>
    <t>BU02850308</t>
  </si>
  <si>
    <t>Verspreide huizen Wilp en Posterenk</t>
  </si>
  <si>
    <t>2021BU02850308</t>
  </si>
  <si>
    <t>buurten.79c9853f-181d-4f4d-b9af-2ed1aa6852db</t>
  </si>
  <si>
    <t>BU02850309</t>
  </si>
  <si>
    <t>Verspreide huizen op de Wilpse Klei</t>
  </si>
  <si>
    <t>2021BU02850309</t>
  </si>
  <si>
    <t>buurten.a9bda9c8-8994-4f1c-be33-97c45cd444f8</t>
  </si>
  <si>
    <t>BU02890101</t>
  </si>
  <si>
    <t>Rietveldbuurt</t>
  </si>
  <si>
    <t>WK028901</t>
  </si>
  <si>
    <t>GM0289</t>
  </si>
  <si>
    <t>Wageningen</t>
  </si>
  <si>
    <t>2021BU02890101</t>
  </si>
  <si>
    <t>buurten.de24c35f-b4e7-48c9-816b-58e6c45d0751</t>
  </si>
  <si>
    <t>CO2-neutraal verwarmd in 2040</t>
  </si>
  <si>
    <t>DC028901</t>
  </si>
  <si>
    <t>Warmtevisie Wageningen</t>
  </si>
  <si>
    <t>betaalbaar en haalbaar</t>
  </si>
  <si>
    <t>https://magazine.delynx.nl/warmtevisie-wageningen/warmtevisie-wageningen/</t>
  </si>
  <si>
    <t>PL0289010008</t>
  </si>
  <si>
    <t>Noordwest West</t>
  </si>
  <si>
    <t>draagvlak</t>
  </si>
  <si>
    <t>BU02890102</t>
  </si>
  <si>
    <t>2021BU02890102</t>
  </si>
  <si>
    <t>buurten.8547be67-d515-4939-81a9-e51ac0cf77a7</t>
  </si>
  <si>
    <t>PL0289010013</t>
  </si>
  <si>
    <t>Weiden en Horsten</t>
  </si>
  <si>
    <t>BU02890103</t>
  </si>
  <si>
    <t>Mondriaanbuurt</t>
  </si>
  <si>
    <t>2021BU02890103</t>
  </si>
  <si>
    <t>buurten.2739838d-750f-4a72-bfce-21132a0b25b9</t>
  </si>
  <si>
    <t>BU02890104</t>
  </si>
  <si>
    <t>Business &amp; Science Park</t>
  </si>
  <si>
    <t>2021BU02890104</t>
  </si>
  <si>
    <t>buurten.06d1a69c-b93a-4051-b108-61268a1bf340</t>
  </si>
  <si>
    <t>PL0289010007</t>
  </si>
  <si>
    <t>Kortenoord</t>
  </si>
  <si>
    <t>BU02890201</t>
  </si>
  <si>
    <t>Wageningen Campus en Droevendaal</t>
  </si>
  <si>
    <t>WK028902</t>
  </si>
  <si>
    <t>2021BU02890201</t>
  </si>
  <si>
    <t>buurten.c5a72fde-aa48-40d9-90a4-b528fcbed97b</t>
  </si>
  <si>
    <t>PL0289010012</t>
  </si>
  <si>
    <t>Campus</t>
  </si>
  <si>
    <t>geothermie (ondiepe)</t>
  </si>
  <si>
    <t>BU02890202</t>
  </si>
  <si>
    <t>De Blauwe Bergen en de Bongerd</t>
  </si>
  <si>
    <t>2021BU02890202</t>
  </si>
  <si>
    <t>buurten.0c4ff9a7-4b87-47cf-9e43-a0946c9e5b5f</t>
  </si>
  <si>
    <t>PL0289010003</t>
  </si>
  <si>
    <t>Bovenbuurt</t>
  </si>
  <si>
    <t>BU02890301</t>
  </si>
  <si>
    <t>De Weiden</t>
  </si>
  <si>
    <t>WK028903</t>
  </si>
  <si>
    <t>2021BU02890301</t>
  </si>
  <si>
    <t>buurten.d479f9cf-bb84-4cb0-93e2-a43e5f477063</t>
  </si>
  <si>
    <t>PL0289010002</t>
  </si>
  <si>
    <t>Boomgaarden</t>
  </si>
  <si>
    <t>BU02890302</t>
  </si>
  <si>
    <t>2021BU02890302</t>
  </si>
  <si>
    <t>buurten.93a98938-0a61-43fb-ab4d-09c9ec0629e0</t>
  </si>
  <si>
    <t>PL0289010011</t>
  </si>
  <si>
    <t>Pomona/Rooseveltweg</t>
  </si>
  <si>
    <t>BU02890401</t>
  </si>
  <si>
    <t>Tarthorst</t>
  </si>
  <si>
    <t>WK028904</t>
  </si>
  <si>
    <t>2021BU02890401</t>
  </si>
  <si>
    <t>buurten.28d0a28e-7f9b-4405-8ac9-cdab05d45be3</t>
  </si>
  <si>
    <t>BU02890402</t>
  </si>
  <si>
    <t>Roghorst</t>
  </si>
  <si>
    <t>2021BU02890402</t>
  </si>
  <si>
    <t>buurten.f76f7243-560c-432f-9dc8-92882013696b</t>
  </si>
  <si>
    <t>BU02890501</t>
  </si>
  <si>
    <t>Kortenoord-West</t>
  </si>
  <si>
    <t>WK028905</t>
  </si>
  <si>
    <t>2021BU02890501</t>
  </si>
  <si>
    <t>buurten.f1044022-2a43-48b5-ae30-8e4d5cbd7c3a</t>
  </si>
  <si>
    <t>BU02890502</t>
  </si>
  <si>
    <t>Kortenoord-Oost</t>
  </si>
  <si>
    <t>2021BU02890502</t>
  </si>
  <si>
    <t>buurten.b22f03f9-8210-4149-be58-0851893ec379</t>
  </si>
  <si>
    <t>BU02890503</t>
  </si>
  <si>
    <t>Haarweg</t>
  </si>
  <si>
    <t>2021BU02890503</t>
  </si>
  <si>
    <t>buurten.0294dfb3-3e61-40e3-b216-8fbc1df650b2</t>
  </si>
  <si>
    <t>PL0289010009</t>
  </si>
  <si>
    <t>Nude</t>
  </si>
  <si>
    <t>BU02890504</t>
  </si>
  <si>
    <t>Marijkebuurt</t>
  </si>
  <si>
    <t>2021BU02890504</t>
  </si>
  <si>
    <t>buurten.f451ef4a-f857-43d8-a724-2c0188168608</t>
  </si>
  <si>
    <t>BU02890601</t>
  </si>
  <si>
    <t>Pomona</t>
  </si>
  <si>
    <t>WK028906</t>
  </si>
  <si>
    <t>2021BU02890601</t>
  </si>
  <si>
    <t>buurten.20dbe981-48c5-4399-b1db-4bed96941246</t>
  </si>
  <si>
    <t>BU02890602</t>
  </si>
  <si>
    <t>Haverlanden</t>
  </si>
  <si>
    <t>2021BU02890602</t>
  </si>
  <si>
    <t>buurten.30f2fd31-6086-4572-b6af-4e89f51909cc</t>
  </si>
  <si>
    <t>PL0289010005</t>
  </si>
  <si>
    <t>De Buurt Oost</t>
  </si>
  <si>
    <t>BU02890603</t>
  </si>
  <si>
    <t>De Buurt-West</t>
  </si>
  <si>
    <t>2021BU02890603</t>
  </si>
  <si>
    <t>buurten.d6536493-608d-4d54-ab96-37a0a02a9182</t>
  </si>
  <si>
    <t>BU02890604</t>
  </si>
  <si>
    <t>De Buurt-Oost</t>
  </si>
  <si>
    <t>2021BU02890604</t>
  </si>
  <si>
    <t>buurten.9f91654f-c32b-4421-acff-55f3cd6d088b</t>
  </si>
  <si>
    <t>PL0289010001</t>
  </si>
  <si>
    <t>Benedenbuurt</t>
  </si>
  <si>
    <t>BU02890701</t>
  </si>
  <si>
    <t>WK028907</t>
  </si>
  <si>
    <t>2021BU02890701</t>
  </si>
  <si>
    <t>buurten.1923786b-4d39-4629-aca3-0971a4fc2458</t>
  </si>
  <si>
    <t>BU02890702</t>
  </si>
  <si>
    <t>2021BU02890702</t>
  </si>
  <si>
    <t>buurten.09eb28c9-a186-4785-94ed-437f385f59e5</t>
  </si>
  <si>
    <t>BU02890801</t>
  </si>
  <si>
    <t>Nude-buurt</t>
  </si>
  <si>
    <t>WK028908</t>
  </si>
  <si>
    <t>2021BU02890801</t>
  </si>
  <si>
    <t>buurten.2747d3d2-bc64-431d-b0b1-eb826b8b66d2</t>
  </si>
  <si>
    <t>PL0289010010</t>
  </si>
  <si>
    <t>Nudepark</t>
  </si>
  <si>
    <t>(Hybride) Warmtepompen en/of Zonneboilers</t>
  </si>
  <si>
    <t>BU02890802</t>
  </si>
  <si>
    <t>Nudepark, Rijnhaven en Industrieweg</t>
  </si>
  <si>
    <t>2021BU02890802</t>
  </si>
  <si>
    <t>buurten.f9c83bdc-4d4f-44d1-aa70-71f76d852614</t>
  </si>
  <si>
    <t>PL0289010004</t>
  </si>
  <si>
    <t>BU02890901</t>
  </si>
  <si>
    <t>WK028909</t>
  </si>
  <si>
    <t>2021BU02890901</t>
  </si>
  <si>
    <t>buurten.c197cdc1-9943-4c71-ae5e-311641968f70</t>
  </si>
  <si>
    <t>BU02890902</t>
  </si>
  <si>
    <t>Rustenburg</t>
  </si>
  <si>
    <t>2021BU02890902</t>
  </si>
  <si>
    <t>buurten.495c0840-57da-4ffc-8b3d-c269daa0d3d4</t>
  </si>
  <si>
    <t>BU02891001</t>
  </si>
  <si>
    <t>Veluvia</t>
  </si>
  <si>
    <t>WK028910</t>
  </si>
  <si>
    <t>2021BU02891001</t>
  </si>
  <si>
    <t>buurten.d48549a7-e5ae-4230-83be-194b09df01d7</t>
  </si>
  <si>
    <t>BU02891002</t>
  </si>
  <si>
    <t>2021BU02891002</t>
  </si>
  <si>
    <t>buurten.3b9b7a39-71a6-4adb-b35c-0f23130d60af</t>
  </si>
  <si>
    <t>BU02891003</t>
  </si>
  <si>
    <t>Hamelakkers</t>
  </si>
  <si>
    <t>2021BU02891003</t>
  </si>
  <si>
    <t>buurten.67136907-f0bd-4a52-b8f3-e3b4bdad192f</t>
  </si>
  <si>
    <t>BU02891101</t>
  </si>
  <si>
    <t>Wageningen-Hoog</t>
  </si>
  <si>
    <t>WK028911</t>
  </si>
  <si>
    <t>2021BU02891101</t>
  </si>
  <si>
    <t>buurten.8e0d8df7-d173-481e-acb1-321896ce1419</t>
  </si>
  <si>
    <t>BU02891201</t>
  </si>
  <si>
    <t>Het Binnenveld</t>
  </si>
  <si>
    <t>WK028912</t>
  </si>
  <si>
    <t>2021BU02891201</t>
  </si>
  <si>
    <t>buurten.8bcfd679-e6f6-4689-8b6a-4425ad6a53d4</t>
  </si>
  <si>
    <t>BU02891202</t>
  </si>
  <si>
    <t>De Eng</t>
  </si>
  <si>
    <t>2021BU02891202</t>
  </si>
  <si>
    <t>buurten.2c5d6273-d08f-4ea3-99ba-7fdb5f98dce7</t>
  </si>
  <si>
    <t>BU02891203</t>
  </si>
  <si>
    <t>Wageningse Berg</t>
  </si>
  <si>
    <t>2021BU02891203</t>
  </si>
  <si>
    <t>buurten.c686d317-0781-4961-9031-b35dc23b8304</t>
  </si>
  <si>
    <t>BU02891204</t>
  </si>
  <si>
    <t>Oude Nude</t>
  </si>
  <si>
    <t>2021BU02891204</t>
  </si>
  <si>
    <t>buurten.ba46d76b-1163-44b1-9ce5-228ec94accab</t>
  </si>
  <si>
    <t>BU02891205</t>
  </si>
  <si>
    <t>Uiterwaarden</t>
  </si>
  <si>
    <t>2021BU02891205</t>
  </si>
  <si>
    <t>buurten.7bb01fba-189b-4685-89ed-e9b3e77a84f3</t>
  </si>
  <si>
    <t>PL1740010005</t>
  </si>
  <si>
    <t>Verspreide huizen Opheusden</t>
  </si>
  <si>
    <t>BU02930000</t>
  </si>
  <si>
    <t>WK029300</t>
  </si>
  <si>
    <t>2021BU02930000</t>
  </si>
  <si>
    <t>buurten.8f2cb973-54a5-483e-b95b-3430a4ce42d6</t>
  </si>
  <si>
    <t>PL0293010001</t>
  </si>
  <si>
    <t>PL0293010017</t>
  </si>
  <si>
    <t>Broeklanden (west)</t>
  </si>
  <si>
    <t>Westervoort Kern</t>
  </si>
  <si>
    <t>In concept  (afwachtend). Wijken (of delen daarvan) met veel oudere woningen zijn in de regel lastig aardgasvrij te maken. Juist omdat het met de huidige warmtetechnieken nog lastig is om een dergelijke wijk aardgasvrij te maken, is deze wijk als laatste</t>
  </si>
  <si>
    <t>In concept (voorbereidend). Hier zijn we samen met bewoners al aan de slag met plannen voor de wijk, woningverbetering en het verder in beeld brengen van de benodigde transitie stappen. We zetten in op het toekomst gereed maken van de wijk, zodat de bewo</t>
  </si>
  <si>
    <t>In dit gebied starten we met het opstellen en afstemmen van een integraal wijktransitieplan afgestemd op de reeds lopende ontwikkelingen in deze wijk</t>
  </si>
  <si>
    <t>In dit gebied starten we met het opstellen en afstemmen van een integraal wijktransitieplan afgestemd op de reeds lopende ontwikkelingen in deze wijk. Het doel hiervan is om eengezamenlijk plan te vormen over hoe de wijk de komende jaren toekomstbestendi</t>
  </si>
  <si>
    <t>BU02930001</t>
  </si>
  <si>
    <t>Westervoort-Broeklanden</t>
  </si>
  <si>
    <t>2021BU02930001</t>
  </si>
  <si>
    <t>buurten.021be5fd-4d6a-4104-96fc-ade545370f30</t>
  </si>
  <si>
    <t>PL0293010004</t>
  </si>
  <si>
    <t>Broeklanden (oost)</t>
  </si>
  <si>
    <t>BU02930002</t>
  </si>
  <si>
    <t>Westervoort-Lange Maat en Hoogeind</t>
  </si>
  <si>
    <t>2021BU02930002</t>
  </si>
  <si>
    <t>buurten.96bf454a-cbd9-4b81-9ce2-8402958ea6a6</t>
  </si>
  <si>
    <t>Steenderens, Ganzepoel, Hoogeind en de Schans</t>
  </si>
  <si>
    <t>In concept (afwachtend). In deze wijken zien we kansen of ontwikkelingen waar de gemeente, samen met belanghebbenden, tijdig op wil inspelen. Maar niet op korte termijn omdat hier geen concrete aanleidingen voor zijn. De kansen voor deze wijken liggen va</t>
  </si>
  <si>
    <t>BU02930003</t>
  </si>
  <si>
    <t>De Leigraaf-De Steenderens</t>
  </si>
  <si>
    <t>2021BU02930003</t>
  </si>
  <si>
    <t>buurten.afd496c4-181c-4129-a41f-ec36d9ffc305</t>
  </si>
  <si>
    <t>PL0293010016</t>
  </si>
  <si>
    <t>BU02930004</t>
  </si>
  <si>
    <t>De Ganzepoel-Schans</t>
  </si>
  <si>
    <t>2021BU02930004</t>
  </si>
  <si>
    <t>buurten.d9a71dff-6c22-41b6-913e-25b754e5bad5</t>
  </si>
  <si>
    <t>BU02930009</t>
  </si>
  <si>
    <t>Verspreide huizen Westervoort</t>
  </si>
  <si>
    <t>2021BU02930009</t>
  </si>
  <si>
    <t>buurten.455551dc-f1df-458d-8c3e-207c921dfd5c</t>
  </si>
  <si>
    <t>BU02940000</t>
  </si>
  <si>
    <t>Centrale deel</t>
  </si>
  <si>
    <t>WK029400</t>
  </si>
  <si>
    <t>2021BU02940000</t>
  </si>
  <si>
    <t>buurten.1742eff3-3b40-4358-b25e-56d3bb47012e</t>
  </si>
  <si>
    <t>BU02940001</t>
  </si>
  <si>
    <t>Winterswijk-Zuidwest</t>
  </si>
  <si>
    <t>2021BU02940001</t>
  </si>
  <si>
    <t>buurten.d38a6b46-2436-4430-adff-be0f4da785d7</t>
  </si>
  <si>
    <t>BU02940002</t>
  </si>
  <si>
    <t>Winterswijk-Noordwest</t>
  </si>
  <si>
    <t>2021BU02940002</t>
  </si>
  <si>
    <t>buurten.cbcdbf71-ce27-4b16-a28c-373a467aae46</t>
  </si>
  <si>
    <t>BU02940003</t>
  </si>
  <si>
    <t>Winterswijk-Noordoost</t>
  </si>
  <si>
    <t>2021BU02940003</t>
  </si>
  <si>
    <t>buurten.edc8608c-a912-43c7-b7cf-5d878cef342e</t>
  </si>
  <si>
    <t>BU02940004</t>
  </si>
  <si>
    <t>Winterswijk-Zuidoost</t>
  </si>
  <si>
    <t>2021BU02940004</t>
  </si>
  <si>
    <t>buurten.5f9cc7b5-8e8f-4464-98ec-ca3a506c3ba6</t>
  </si>
  <si>
    <t>BU02940100</t>
  </si>
  <si>
    <t>Meddo</t>
  </si>
  <si>
    <t>WK029401</t>
  </si>
  <si>
    <t>2021BU02940100</t>
  </si>
  <si>
    <t>buurten.5ca13c51-c9cf-481c-abb0-488724e4da72</t>
  </si>
  <si>
    <t>BU02940101</t>
  </si>
  <si>
    <t>Kotten</t>
  </si>
  <si>
    <t>2021BU02940101</t>
  </si>
  <si>
    <t>buurten.6fec0db5-4a31-4ced-b13b-1436fc70825f</t>
  </si>
  <si>
    <t>BU02940102</t>
  </si>
  <si>
    <t>Miste</t>
  </si>
  <si>
    <t>2021BU02940102</t>
  </si>
  <si>
    <t>buurten.4d60cca8-fa24-4a68-82db-43886eadf975</t>
  </si>
  <si>
    <t>BU02940103</t>
  </si>
  <si>
    <t>Verspreide huizen Brinkheurne en omgeving</t>
  </si>
  <si>
    <t>2021BU02940103</t>
  </si>
  <si>
    <t>buurten.9a436b7c-b142-4238-8a27-e3c94066c8b7</t>
  </si>
  <si>
    <t>BU02940104</t>
  </si>
  <si>
    <t>Verspreide huizen Meddo</t>
  </si>
  <si>
    <t>2021BU02940104</t>
  </si>
  <si>
    <t>buurten.8d58bf78-1126-4702-9c16-a759d4a3aff0</t>
  </si>
  <si>
    <t>BU02940105</t>
  </si>
  <si>
    <t>Verspreide huizen ten noorden van Winterswijk</t>
  </si>
  <si>
    <t>2021BU02940105</t>
  </si>
  <si>
    <t>buurten.d73e0fc8-f39b-4124-a245-9554c1c6d467</t>
  </si>
  <si>
    <t>BU02940106</t>
  </si>
  <si>
    <t>Verspreide huizen Ratum, Henxel, Huppel</t>
  </si>
  <si>
    <t>2021BU02940106</t>
  </si>
  <si>
    <t>buurten.78fbcb2e-4952-40c8-953b-1332e554a775</t>
  </si>
  <si>
    <t>BU02940107</t>
  </si>
  <si>
    <t>Verspreide huizen Kotten</t>
  </si>
  <si>
    <t>2021BU02940107</t>
  </si>
  <si>
    <t>buurten.a678c36c-bb2c-4ec9-998f-3a74af5e37df</t>
  </si>
  <si>
    <t>BU02940108</t>
  </si>
  <si>
    <t>Woold</t>
  </si>
  <si>
    <t>2021BU02940108</t>
  </si>
  <si>
    <t>buurten.c8b79d30-4626-447a-8a62-c65de8dffabf</t>
  </si>
  <si>
    <t>BU02940109</t>
  </si>
  <si>
    <t>Verspreide huizen Miste</t>
  </si>
  <si>
    <t>2021BU02940109</t>
  </si>
  <si>
    <t>buurten.aedbe9e4-d552-437b-a352-46cfff4213ea</t>
  </si>
  <si>
    <t>BU02940120</t>
  </si>
  <si>
    <t>Verspreide huizen Corle en omgeving</t>
  </si>
  <si>
    <t>2021BU02940120</t>
  </si>
  <si>
    <t>buurten.00d20890-40c3-4516-b6f9-29535524b8c8</t>
  </si>
  <si>
    <t>BU02940121</t>
  </si>
  <si>
    <t>Verspreide huizen Woold</t>
  </si>
  <si>
    <t>2021BU02940121</t>
  </si>
  <si>
    <t>buurten.28e9a354-ea72-426c-a75e-6dd43efe6c2c</t>
  </si>
  <si>
    <t>BU02960000</t>
  </si>
  <si>
    <t>Verspreide huizen wezel</t>
  </si>
  <si>
    <t>WK029600</t>
  </si>
  <si>
    <t>2021BU02960000</t>
  </si>
  <si>
    <t>buurten.54ca5ca9-a8d8-4010-a685-1ef667958175</t>
  </si>
  <si>
    <t>PL0296010003</t>
  </si>
  <si>
    <t>De Flier, De gamert, De Lingert, Homberg, Valendries, Verspreide huizen Vormer, Wijchen Noord, Woezik</t>
  </si>
  <si>
    <t>BU02960001</t>
  </si>
  <si>
    <t>Verspreide huizen Vormer</t>
  </si>
  <si>
    <t>2021BU02960001</t>
  </si>
  <si>
    <t>buurten.1d9e5a14-39e3-4744-ae72-42db62641e39</t>
  </si>
  <si>
    <t>onderzoekend. Orienterend; onderzoek</t>
  </si>
  <si>
    <t>Samen met onze bewoners bepalen we welke stappen we kunnen zetten. Waar nodig doen wij nog meer onderzoek om de (on)mogelijkheden per buurt duidelijk te krijgen.</t>
  </si>
  <si>
    <t>Wijkuitvoeringsplan voor 2030</t>
  </si>
  <si>
    <t>BU02960002</t>
  </si>
  <si>
    <t>Verspreide huizen Bankhoef</t>
  </si>
  <si>
    <t>2021BU02960002</t>
  </si>
  <si>
    <t>buurten.be7473a4-7fc7-445c-829f-518968a1c613</t>
  </si>
  <si>
    <t>BU02960100</t>
  </si>
  <si>
    <t>Saltshof</t>
  </si>
  <si>
    <t>WK029601</t>
  </si>
  <si>
    <t>2021BU02960100</t>
  </si>
  <si>
    <t>buurten.0eb572fe-bca6-47ff-93b5-60d618f4b934</t>
  </si>
  <si>
    <t>BU02960101</t>
  </si>
  <si>
    <t>Bedrijventerrein Bijsterhuizen</t>
  </si>
  <si>
    <t>2021BU02960101</t>
  </si>
  <si>
    <t>buurten.b0906823-4580-43b7-acb0-9bd76758cb88</t>
  </si>
  <si>
    <t>BU02960102</t>
  </si>
  <si>
    <t>Woezik</t>
  </si>
  <si>
    <t>2021BU02960102</t>
  </si>
  <si>
    <t>buurten.b300ee55-473e-48d0-8240-f06d88e57c9d</t>
  </si>
  <si>
    <t>BU02960103</t>
  </si>
  <si>
    <t>Veenhof</t>
  </si>
  <si>
    <t>2021BU02960103</t>
  </si>
  <si>
    <t>buurten.63436015-a070-4fda-a07f-e12aa367d567</t>
  </si>
  <si>
    <t>BU02960104</t>
  </si>
  <si>
    <t>Verspreide huizen Woezik</t>
  </si>
  <si>
    <t>2021BU02960104</t>
  </si>
  <si>
    <t>buurten.44a474c9-42d7-415c-af4f-806b2f3a6517</t>
  </si>
  <si>
    <t>BU02960105</t>
  </si>
  <si>
    <t>Lambrasse</t>
  </si>
  <si>
    <t>2021BU02960105</t>
  </si>
  <si>
    <t>buurten.bde35e5f-be49-4f79-bbe3-3549134bb197</t>
  </si>
  <si>
    <t>BU02960106</t>
  </si>
  <si>
    <t>Kraaijenberg</t>
  </si>
  <si>
    <t>2021BU02960106</t>
  </si>
  <si>
    <t>buurten.f0b162d9-c9fb-4b14-be4f-b017631a89c0</t>
  </si>
  <si>
    <t>BU02960107</t>
  </si>
  <si>
    <t>Heilige Stoel</t>
  </si>
  <si>
    <t>2021BU02960107</t>
  </si>
  <si>
    <t>buurten.0fae97ea-c8f2-42a9-9dce-e280bc867853</t>
  </si>
  <si>
    <t>BU02960108</t>
  </si>
  <si>
    <t>Homberg</t>
  </si>
  <si>
    <t>2021BU02960108</t>
  </si>
  <si>
    <t>buurten.f79b65c2-30d3-4322-803c-d0fb8cbd48aa</t>
  </si>
  <si>
    <t>BU02960109</t>
  </si>
  <si>
    <t>Wijchen Noord</t>
  </si>
  <si>
    <t>2021BU02960109</t>
  </si>
  <si>
    <t>buurten.0194e529-a278-4813-8cee-dea3f55c9800</t>
  </si>
  <si>
    <t>PL0296010004</t>
  </si>
  <si>
    <t>Samen met onze bewoners bepalen we welke stappen we kunnen zetten. Waar nodig doen wij nog meer onderzoek om de (on)mogelijkheden per buurt duidelijk te krijgen. Dat vertalen we in een wijkuitvoeringsplan.</t>
  </si>
  <si>
    <t>WKO en Aquathermie uit het Wijchens Meer</t>
  </si>
  <si>
    <t>WKO en/of aquathermie (TEO)</t>
  </si>
  <si>
    <t>BU02960110</t>
  </si>
  <si>
    <t>Hofsedam</t>
  </si>
  <si>
    <t>2021BU02960110</t>
  </si>
  <si>
    <t>buurten.8ccbfd3f-33e3-45c3-9bf9-b79eb173fb7f</t>
  </si>
  <si>
    <t>BU02960111</t>
  </si>
  <si>
    <t>Bedrijventerrein Zesweg</t>
  </si>
  <si>
    <t>2021BU02960111</t>
  </si>
  <si>
    <t>buurten.baba32b2-4728-4339-a5e5-f69eef390944</t>
  </si>
  <si>
    <t>BU02960112</t>
  </si>
  <si>
    <t>Blauwe Hof</t>
  </si>
  <si>
    <t>2021BU02960112</t>
  </si>
  <si>
    <t>buurten.1e1bccfa-f02c-416e-b39c-61af909a9b2b</t>
  </si>
  <si>
    <t>BU02960113</t>
  </si>
  <si>
    <t>Aalsburg</t>
  </si>
  <si>
    <t>2021BU02960113</t>
  </si>
  <si>
    <t>buurten.abb76bc8-919b-4c5f-9cfc-5bf3bc89a3ef</t>
  </si>
  <si>
    <t>BU02960114</t>
  </si>
  <si>
    <t>2021BU02960114</t>
  </si>
  <si>
    <t>buurten.87fbbc24-c5f8-4a96-acbd-338a2e255e92</t>
  </si>
  <si>
    <t>BU02960115</t>
  </si>
  <si>
    <t>De Uilenboom</t>
  </si>
  <si>
    <t>2021BU02960115</t>
  </si>
  <si>
    <t>buurten.ce586780-94df-4500-8d5b-adebf0775177</t>
  </si>
  <si>
    <t>BU02960116</t>
  </si>
  <si>
    <t>Valendries</t>
  </si>
  <si>
    <t>2021BU02960116</t>
  </si>
  <si>
    <t>buurten.42635074-ec77-4368-82fe-9e9cba807990</t>
  </si>
  <si>
    <t>BU02960117</t>
  </si>
  <si>
    <t>Bedrijventerrein Nieuwenweg</t>
  </si>
  <si>
    <t>2021BU02960117</t>
  </si>
  <si>
    <t>buurten.55736d9c-7579-4d5f-9431-7598255b9b29</t>
  </si>
  <si>
    <t>BU02960118</t>
  </si>
  <si>
    <t>Verspreide huizen Valendries</t>
  </si>
  <si>
    <t>2021BU02960118</t>
  </si>
  <si>
    <t>buurten.ef3be376-24f9-44f2-965a-60c908b97c27</t>
  </si>
  <si>
    <t>BU02960119</t>
  </si>
  <si>
    <t>Zevendreef</t>
  </si>
  <si>
    <t>2021BU02960119</t>
  </si>
  <si>
    <t>buurten.fd30dfe7-81ac-43ac-ac94-8074470498aa</t>
  </si>
  <si>
    <t>BU02960120</t>
  </si>
  <si>
    <t>Zesakkers</t>
  </si>
  <si>
    <t>2021BU02960120</t>
  </si>
  <si>
    <t>buurten.0fdc159b-0bc7-434d-b8eb-022875368869</t>
  </si>
  <si>
    <t>PL0296010002</t>
  </si>
  <si>
    <t>Abersland, De Geer, De Grippen, De Ververt, De Weertjes, Diepvoorde, Elsland, Hoogmeer, Huissteden-Zuiderpoort, Kronenland, Oudelaan, Sluiskamp, Zesakkers, Zevendreef</t>
  </si>
  <si>
    <t>BU02960121</t>
  </si>
  <si>
    <t>De Grippen</t>
  </si>
  <si>
    <t>2021BU02960121</t>
  </si>
  <si>
    <t>buurten.30a3992a-7d70-4dfd-a290-ea03a514ca3d</t>
  </si>
  <si>
    <t>BU02960122</t>
  </si>
  <si>
    <t>De Weertjes</t>
  </si>
  <si>
    <t>2021BU02960122</t>
  </si>
  <si>
    <t>buurten.1c1a0661-5eb0-4f61-b4a6-5b5427ab1acc</t>
  </si>
  <si>
    <t>BU02960123</t>
  </si>
  <si>
    <t>Diepvoorde</t>
  </si>
  <si>
    <t>2021BU02960123</t>
  </si>
  <si>
    <t>buurten.1042d4c1-48eb-4583-a10d-808739c0cd45</t>
  </si>
  <si>
    <t>BU02960124</t>
  </si>
  <si>
    <t>Huissteden-Zuiderpoort</t>
  </si>
  <si>
    <t>2021BU02960124</t>
  </si>
  <si>
    <t>buurten.55a1c6a7-4ac1-4350-9fa5-f3d60c31cf9e</t>
  </si>
  <si>
    <t>BU02960125</t>
  </si>
  <si>
    <t>Hoogmeer</t>
  </si>
  <si>
    <t>2021BU02960125</t>
  </si>
  <si>
    <t>buurten.d890728d-a308-496a-b65f-75472547c76a</t>
  </si>
  <si>
    <t>BU02960126</t>
  </si>
  <si>
    <t>De Ververt</t>
  </si>
  <si>
    <t>2021BU02960126</t>
  </si>
  <si>
    <t>buurten.9f09af60-dd04-46ed-ae87-42a8a280ba9f</t>
  </si>
  <si>
    <t>BU02960127</t>
  </si>
  <si>
    <t>Sluiskamp</t>
  </si>
  <si>
    <t>2021BU02960127</t>
  </si>
  <si>
    <t>buurten.85d063da-f60b-40d3-8c5b-a098ff1bbf49</t>
  </si>
  <si>
    <t>BU02960128</t>
  </si>
  <si>
    <t>Oudelaan</t>
  </si>
  <si>
    <t>2021BU02960128</t>
  </si>
  <si>
    <t>buurten.cc592b2c-284a-41a1-8b21-6fd7c9019af9</t>
  </si>
  <si>
    <t>BU02960129</t>
  </si>
  <si>
    <t>Kronenland</t>
  </si>
  <si>
    <t>2021BU02960129</t>
  </si>
  <si>
    <t>buurten.076eb15e-c71c-4cce-ae3e-dd1cb3038421</t>
  </si>
  <si>
    <t>BU02960130</t>
  </si>
  <si>
    <t>Abersland</t>
  </si>
  <si>
    <t>2021BU02960130</t>
  </si>
  <si>
    <t>buurten.11d2aaf8-79ad-42a6-87c6-8e3891d1c0c9</t>
  </si>
  <si>
    <t>BU02960131</t>
  </si>
  <si>
    <t>Elsland</t>
  </si>
  <si>
    <t>2021BU02960131</t>
  </si>
  <si>
    <t>buurten.2ed69187-8cf2-4ce7-848c-4bcbe962b35d</t>
  </si>
  <si>
    <t>BU02960132</t>
  </si>
  <si>
    <t>De Geer</t>
  </si>
  <si>
    <t>2021BU02960132</t>
  </si>
  <si>
    <t>buurten.392faa8f-4f72-42ae-af95-9f7e12b15cbc</t>
  </si>
  <si>
    <t>BU02960133</t>
  </si>
  <si>
    <t>De gamert</t>
  </si>
  <si>
    <t>2021BU02960133</t>
  </si>
  <si>
    <t>buurten.d5818213-815c-4799-99aa-c9a1250b3ecc</t>
  </si>
  <si>
    <t>BU02960134</t>
  </si>
  <si>
    <t>De Meren</t>
  </si>
  <si>
    <t>2021BU02960134</t>
  </si>
  <si>
    <t>buurten.2e672b23-fad6-46b7-adad-9cc4fbc710c6</t>
  </si>
  <si>
    <t>BU02960135</t>
  </si>
  <si>
    <t>De Flier</t>
  </si>
  <si>
    <t>2021BU02960135</t>
  </si>
  <si>
    <t>buurten.45910033-09ed-4244-9c7c-d4e419e0ff5d</t>
  </si>
  <si>
    <t>BU02960136</t>
  </si>
  <si>
    <t>Diemewei</t>
  </si>
  <si>
    <t>2021BU02960136</t>
  </si>
  <si>
    <t>buurten.2a2c9f6c-dca1-4ce6-8b00-bb1f02c58c68</t>
  </si>
  <si>
    <t>BU02960137</t>
  </si>
  <si>
    <t>De Lingert</t>
  </si>
  <si>
    <t>2021BU02960137</t>
  </si>
  <si>
    <t>buurten.a83892ac-24a3-4531-8dcb-d721e9e831fa</t>
  </si>
  <si>
    <t>BU02960138</t>
  </si>
  <si>
    <t>Huurlingsedam</t>
  </si>
  <si>
    <t>2021BU02960138</t>
  </si>
  <si>
    <t>buurten.192161b4-b4f1-487c-9db1-e1b7280083c7</t>
  </si>
  <si>
    <t>BU02960200</t>
  </si>
  <si>
    <t>Balgoij</t>
  </si>
  <si>
    <t>WK029602</t>
  </si>
  <si>
    <t>2021BU02960200</t>
  </si>
  <si>
    <t>buurten.d769ca8a-ffcb-4e58-9812-d9f9ccd49cd0</t>
  </si>
  <si>
    <t>BU02960201</t>
  </si>
  <si>
    <t>Verspreidehuizen Balgoij</t>
  </si>
  <si>
    <t>2021BU02960201</t>
  </si>
  <si>
    <t>buurten.772f7cb9-37fb-4cdf-bab1-91613c2cfe51</t>
  </si>
  <si>
    <t>BU02960300</t>
  </si>
  <si>
    <t>Batenburg</t>
  </si>
  <si>
    <t>WK029603</t>
  </si>
  <si>
    <t>2021BU02960300</t>
  </si>
  <si>
    <t>buurten.db4b1673-ce29-4dbb-abea-61bdfc1396b6</t>
  </si>
  <si>
    <t>BU02960301</t>
  </si>
  <si>
    <t>Verspreide huizen Batenburg</t>
  </si>
  <si>
    <t>2021BU02960301</t>
  </si>
  <si>
    <t>buurten.bab3d49b-b92e-4236-a7d0-78202a25414b</t>
  </si>
  <si>
    <t>BU02960400</t>
  </si>
  <si>
    <t>Bergharen</t>
  </si>
  <si>
    <t>WK029604</t>
  </si>
  <si>
    <t>2021BU02960400</t>
  </si>
  <si>
    <t>buurten.3e4e9403-21fb-47ff-8f54-e3ea0189696d</t>
  </si>
  <si>
    <t>BU02960401</t>
  </si>
  <si>
    <t>Bedrijventerrein Breekwagen</t>
  </si>
  <si>
    <t>2021BU02960401</t>
  </si>
  <si>
    <t>buurten.fd4b79e7-af46-4f71-bdf3-a4393a121d9c</t>
  </si>
  <si>
    <t>BU02960402</t>
  </si>
  <si>
    <t>Verspreide huizen Bergharen</t>
  </si>
  <si>
    <t>2021BU02960402</t>
  </si>
  <si>
    <t>buurten.be66bfb2-2c0a-40e3-a3c5-6dfc23be7086</t>
  </si>
  <si>
    <t>BU02960500</t>
  </si>
  <si>
    <t>Hernen</t>
  </si>
  <si>
    <t>WK029605</t>
  </si>
  <si>
    <t>2021BU02960500</t>
  </si>
  <si>
    <t>buurten.d08222d6-d7eb-40c6-9917-d5c3f44e0b89</t>
  </si>
  <si>
    <t>BU02960501</t>
  </si>
  <si>
    <t>Verspreide huizen Hernen</t>
  </si>
  <si>
    <t>2021BU02960501</t>
  </si>
  <si>
    <t>buurten.d979e97a-6e46-4a71-a47e-4de320b8ae1f</t>
  </si>
  <si>
    <t>BU02960600</t>
  </si>
  <si>
    <t>Leur</t>
  </si>
  <si>
    <t>WK029606</t>
  </si>
  <si>
    <t>2021BU02960600</t>
  </si>
  <si>
    <t>buurten.cf5b1441-db4f-4353-a646-a2e7fb72d077</t>
  </si>
  <si>
    <t>BU02960601</t>
  </si>
  <si>
    <t>Verspreide huizen Leur</t>
  </si>
  <si>
    <t>2021BU02960601</t>
  </si>
  <si>
    <t>buurten.a1852740-d593-463a-92da-962ae125da92</t>
  </si>
  <si>
    <t>BU02960700</t>
  </si>
  <si>
    <t>Niftrik</t>
  </si>
  <si>
    <t>WK029607</t>
  </si>
  <si>
    <t>2021BU02960700</t>
  </si>
  <si>
    <t>buurten.0d3372d3-94ee-4c5b-a101-a2f583c1dd05</t>
  </si>
  <si>
    <t>BU02960701</t>
  </si>
  <si>
    <t>Loonse Waard</t>
  </si>
  <si>
    <t>2021BU02960701</t>
  </si>
  <si>
    <t>buurten.121ca441-65ed-4dfd-aafa-d01022075048</t>
  </si>
  <si>
    <t>BU02960702</t>
  </si>
  <si>
    <t>Verspreide huizen Niftrik</t>
  </si>
  <si>
    <t>2021BU02960702</t>
  </si>
  <si>
    <t>buurten.1a2e4c69-f80c-4f7e-8dae-da8e32a3bfd6</t>
  </si>
  <si>
    <t>BU02960800</t>
  </si>
  <si>
    <t>Verspreide huizen Hoogbroek</t>
  </si>
  <si>
    <t>WK029608</t>
  </si>
  <si>
    <t>2021BU02960800</t>
  </si>
  <si>
    <t>buurten.18f14335-f46a-42d8-8b1d-33259a83f90b</t>
  </si>
  <si>
    <t>BU02960801</t>
  </si>
  <si>
    <t>Verspreide huizen Heumenseweg-Boskant</t>
  </si>
  <si>
    <t>2021BU02960801</t>
  </si>
  <si>
    <t>buurten.df12a6d9-9c43-4f5b-8873-e96b7942ec69</t>
  </si>
  <si>
    <t>BU02960802</t>
  </si>
  <si>
    <t>Verspreide huizen Lunen</t>
  </si>
  <si>
    <t>2021BU02960802</t>
  </si>
  <si>
    <t>buurten.b07d4f45-7954-48e2-95ec-1fdc4b4d65f6</t>
  </si>
  <si>
    <t>BU02960803</t>
  </si>
  <si>
    <t>Alverna</t>
  </si>
  <si>
    <t>2021BU02960803</t>
  </si>
  <si>
    <t>buurten.f71e22a0-6ddb-4c4e-b6a4-843723d1cbfe</t>
  </si>
  <si>
    <t>BU02970000</t>
  </si>
  <si>
    <t>Zaltbommel Binnenstad</t>
  </si>
  <si>
    <t>WK029700</t>
  </si>
  <si>
    <t>2021BU02970000</t>
  </si>
  <si>
    <t>buurten.baec2591-3a0d-49c0-ae34-353dc4dd60eb</t>
  </si>
  <si>
    <t>PL0297010001</t>
  </si>
  <si>
    <t>Zaltbommel Vergt en omgeving</t>
  </si>
  <si>
    <t>BU02970001</t>
  </si>
  <si>
    <t>2021BU02970001</t>
  </si>
  <si>
    <t>buurten.c042789a-c3ac-4d27-9266-84edc397dc88</t>
  </si>
  <si>
    <t>PL0297010006</t>
  </si>
  <si>
    <t>BU02970002</t>
  </si>
  <si>
    <t>Zaltbommel Spellewaard</t>
  </si>
  <si>
    <t>2021BU02970002</t>
  </si>
  <si>
    <t>buurten.d933d5e4-0f2b-4816-a710-80beb87c9212</t>
  </si>
  <si>
    <t>PL0297010002</t>
  </si>
  <si>
    <t>Verspreide huizen Westzijde</t>
  </si>
  <si>
    <t>BU02970007</t>
  </si>
  <si>
    <t>Verspreide huizen Hoeven</t>
  </si>
  <si>
    <t>2021BU02970007</t>
  </si>
  <si>
    <t>buurten.c7210104-4812-4e59-8ee7-c847d27ce425</t>
  </si>
  <si>
    <t>BU02970008</t>
  </si>
  <si>
    <t>2021BU02970008</t>
  </si>
  <si>
    <t>buurten.b1d13a5d-702f-4244-8809-2ba1161ccc50</t>
  </si>
  <si>
    <t>BU02970009</t>
  </si>
  <si>
    <t>2021BU02970009</t>
  </si>
  <si>
    <t>buurten.e27e3af4-1ad0-4375-a4e6-dd42e179cc0d</t>
  </si>
  <si>
    <t>PL0297010024</t>
  </si>
  <si>
    <t>Bruchem</t>
  </si>
  <si>
    <t>BU02970100</t>
  </si>
  <si>
    <t>Brakel</t>
  </si>
  <si>
    <t>WK029701</t>
  </si>
  <si>
    <t>2021BU02970100</t>
  </si>
  <si>
    <t>buurten.9a1d7cb3-b1f1-4f8c-a1b6-e509978fb015</t>
  </si>
  <si>
    <t>PL0297010007</t>
  </si>
  <si>
    <t>PL0297010014</t>
  </si>
  <si>
    <t>Verspreide huizen in de polder Brakel</t>
  </si>
  <si>
    <t>Warmtenet aan tuinders</t>
  </si>
  <si>
    <t>Geothermie</t>
  </si>
  <si>
    <t>BU02970101</t>
  </si>
  <si>
    <t>Poederoijen</t>
  </si>
  <si>
    <t>2021BU02970101</t>
  </si>
  <si>
    <t>buurten.b9bdebe1-7b5f-45b3-8a8a-974e8c98b0a7</t>
  </si>
  <si>
    <t>PL0297010008</t>
  </si>
  <si>
    <t>PL0297010013</t>
  </si>
  <si>
    <t>Verspreide huizen in de polder Poederoijen</t>
  </si>
  <si>
    <t>BU02970102</t>
  </si>
  <si>
    <t>Aalst</t>
  </si>
  <si>
    <t>2021BU02970102</t>
  </si>
  <si>
    <t>buurten.e335622c-65e0-45c6-9f0b-05488c0a4a7d</t>
  </si>
  <si>
    <t>GM1959</t>
  </si>
  <si>
    <t>Altena</t>
  </si>
  <si>
    <t>3000 woningen aardgasvrij-ready in 2030</t>
  </si>
  <si>
    <t>DC195901</t>
  </si>
  <si>
    <t>Warmtevisie Altena 2021</t>
  </si>
  <si>
    <t>betaalbaarheid, uitvoerbaar, draagvlak, bereidwilligheid, vertrouwen</t>
  </si>
  <si>
    <t>organiseren van een klankbordgroep, dmv energieloket Altena Woont Slim advies geven op no-regret maatregelen</t>
  </si>
  <si>
    <t>3000 woningen aardgasvrij-gereed maken</t>
  </si>
  <si>
    <t>https://altena.raadsinformatie.nl/document/10585183/1/2021-09-23%20Raadsinformatiebrief%20Warmtevisie%20Altena%https://altena.raadsinformatie.nl/vergadering/778883</t>
  </si>
  <si>
    <t>PL0297010009</t>
  </si>
  <si>
    <t>PL1959010003</t>
  </si>
  <si>
    <t>Verspreide huizen in de polder Aalst</t>
  </si>
  <si>
    <t>uitbreiden elektriciteitsnet</t>
  </si>
  <si>
    <t>kennis opdoen over techniek, financiering en burgerparticipatie</t>
  </si>
  <si>
    <t>BU02970103</t>
  </si>
  <si>
    <t>Zuilichem</t>
  </si>
  <si>
    <t>2021BU02970103</t>
  </si>
  <si>
    <t>buurten.b0a76970-653a-4356-bacf-433166f918b7</t>
  </si>
  <si>
    <t>PL0297010010</t>
  </si>
  <si>
    <t>Verspreide huizen in de polder Zuilichem en omgeving</t>
  </si>
  <si>
    <t>BU02970104</t>
  </si>
  <si>
    <t>De Rietschoof</t>
  </si>
  <si>
    <t>2021BU02970104</t>
  </si>
  <si>
    <t>buurten.4d4bd1bb-ddc4-4bf3-bf75-3ec7e7b184cb</t>
  </si>
  <si>
    <t>BU02970105</t>
  </si>
  <si>
    <t>2021BU02970105</t>
  </si>
  <si>
    <t>buurten.35e42326-fdf6-49d2-ad54-9897fa1dc6b0</t>
  </si>
  <si>
    <t>Verspreide huizen polders Gameren en Nieuwaal</t>
  </si>
  <si>
    <t>BU02970106</t>
  </si>
  <si>
    <t>2021BU02970106</t>
  </si>
  <si>
    <t>buurten.eec8a996-8376-41da-a505-553d3460b267</t>
  </si>
  <si>
    <t>Verspreide huizen in het Munnikenland</t>
  </si>
  <si>
    <t>BU02970107</t>
  </si>
  <si>
    <t>2021BU02970107</t>
  </si>
  <si>
    <t>buurten.e8d48199-83d0-4fe7-8222-216e28d25b26</t>
  </si>
  <si>
    <t>PL0297010016</t>
  </si>
  <si>
    <t>BU02970108</t>
  </si>
  <si>
    <t>2021BU02970108</t>
  </si>
  <si>
    <t>buurten.e0ed5c90-3fd8-4c2a-857e-af2403a53678</t>
  </si>
  <si>
    <t>BU02970109</t>
  </si>
  <si>
    <t>2021BU02970109</t>
  </si>
  <si>
    <t>buurten.17736f76-3a48-4a18-b440-44c9129abebd</t>
  </si>
  <si>
    <t>BU02970200</t>
  </si>
  <si>
    <t>Kerkwijk</t>
  </si>
  <si>
    <t>WK029702</t>
  </si>
  <si>
    <t>2021BU02970200</t>
  </si>
  <si>
    <t>buurten.0ab782b1-2061-4510-b995-e7963fc10323</t>
  </si>
  <si>
    <t>PL0297010017</t>
  </si>
  <si>
    <t>BU02970201</t>
  </si>
  <si>
    <t>2021BU02970201</t>
  </si>
  <si>
    <t>buurten.9cd24fc4-33d0-4d9a-9fa4-0c3f705094f2</t>
  </si>
  <si>
    <t>BU02970202</t>
  </si>
  <si>
    <t>2021BU02970202</t>
  </si>
  <si>
    <t>buurten.95058276-f1cf-4f4d-93c7-1e3a2605ae46</t>
  </si>
  <si>
    <t>BU02970203</t>
  </si>
  <si>
    <t>Gameren</t>
  </si>
  <si>
    <t>2021BU02970203</t>
  </si>
  <si>
    <t>buurten.adf98c6d-2add-4547-a64e-8963b1c5a9da</t>
  </si>
  <si>
    <t>PL0297010020</t>
  </si>
  <si>
    <t>LT warmte uit Zonnethermie</t>
  </si>
  <si>
    <t>LT warmte: zonnewarmte</t>
  </si>
  <si>
    <t>BU02970204</t>
  </si>
  <si>
    <t>Nieuwaal</t>
  </si>
  <si>
    <t>2021BU02970204</t>
  </si>
  <si>
    <t>buurten.ae8403ed-445f-474e-9cce-34be0cfdffa9</t>
  </si>
  <si>
    <t>PL0297010021</t>
  </si>
  <si>
    <t>BU02970207</t>
  </si>
  <si>
    <t>2021BU02970207</t>
  </si>
  <si>
    <t>buurten.5ae15170-f0b0-4770-bd26-7584196726aa</t>
  </si>
  <si>
    <t>PL0297010012</t>
  </si>
  <si>
    <t>BU02970208</t>
  </si>
  <si>
    <t>2021BU02970208</t>
  </si>
  <si>
    <t>buurten.bf20cadd-aa7f-4786-ad86-482a61139398</t>
  </si>
  <si>
    <t>PL0297010004</t>
  </si>
  <si>
    <t>BU02970209</t>
  </si>
  <si>
    <t>2021BU02970209</t>
  </si>
  <si>
    <t>buurten.077d341d-1bb1-46bb-a4a3-c9ee9a0e03e5</t>
  </si>
  <si>
    <t>BU02970300</t>
  </si>
  <si>
    <t>WK029703</t>
  </si>
  <si>
    <t>2021BU02970300</t>
  </si>
  <si>
    <t>buurten.7b5714d9-0440-462e-825b-e40cfcef3df1</t>
  </si>
  <si>
    <t>PL0297010025</t>
  </si>
  <si>
    <t>Verspreide huizen Nederhemert</t>
  </si>
  <si>
    <t>BU02970301</t>
  </si>
  <si>
    <t>Nederhemert-Zuidzijde</t>
  </si>
  <si>
    <t>2021BU02970301</t>
  </si>
  <si>
    <t>buurten.99c55b92-3ca2-4661-a90d-6260e8005591</t>
  </si>
  <si>
    <t>PL0297010026</t>
  </si>
  <si>
    <t>BU02970309</t>
  </si>
  <si>
    <t>2021BU02970309</t>
  </si>
  <si>
    <t>buurten.3b821e87-df47-481a-b385-697c859567ff</t>
  </si>
  <si>
    <t>BU02990000</t>
  </si>
  <si>
    <t>WK029900</t>
  </si>
  <si>
    <t>2021BU02990000</t>
  </si>
  <si>
    <t>buurten.5544545b-287c-4739-982d-f8888a084842</t>
  </si>
  <si>
    <t>BU02990001</t>
  </si>
  <si>
    <t>Molenwijk</t>
  </si>
  <si>
    <t>2021BU02990001</t>
  </si>
  <si>
    <t>buurten.ffcdb65b-2fad-466d-a321-f4265281b08a</t>
  </si>
  <si>
    <t>BU02990002</t>
  </si>
  <si>
    <t>Het Grieth</t>
  </si>
  <si>
    <t>2021BU02990002</t>
  </si>
  <si>
    <t>buurten.55f833d3-8a2f-411e-bda5-ee46f8854570</t>
  </si>
  <si>
    <t>BU02990003</t>
  </si>
  <si>
    <t>Schrijvershoek</t>
  </si>
  <si>
    <t>2021BU02990003</t>
  </si>
  <si>
    <t>buurten.76d9b360-2154-40e3-9d93-93173760f435</t>
  </si>
  <si>
    <t>BU02990004</t>
  </si>
  <si>
    <t>Zonnemaat</t>
  </si>
  <si>
    <t>2021BU02990004</t>
  </si>
  <si>
    <t>buurten.a6f1eabd-c8dd-4205-9199-6078a4229d12</t>
  </si>
  <si>
    <t>BU02990005</t>
  </si>
  <si>
    <t>Lentemorgen I</t>
  </si>
  <si>
    <t>2021BU02990005</t>
  </si>
  <si>
    <t>buurten.60c089d3-55ed-4739-9f79-a0f9c3b24a1d</t>
  </si>
  <si>
    <t>BU02990006</t>
  </si>
  <si>
    <t>Stegeslag</t>
  </si>
  <si>
    <t>2021BU02990006</t>
  </si>
  <si>
    <t>buurten.d68c162f-073d-4afb-a616-f33e43f746ab</t>
  </si>
  <si>
    <t>BU02990007</t>
  </si>
  <si>
    <t>Lentemorgen II</t>
  </si>
  <si>
    <t>2021BU02990007</t>
  </si>
  <si>
    <t>buurten.2ecf4131-1e3b-4862-9a12-44f8af19251c</t>
  </si>
  <si>
    <t>BU02990008</t>
  </si>
  <si>
    <t>Tatelaar</t>
  </si>
  <si>
    <t>2021BU02990008</t>
  </si>
  <si>
    <t>buurten.970b36b3-871e-462c-8010-85d8894d07e2</t>
  </si>
  <si>
    <t>BU02990009</t>
  </si>
  <si>
    <t>De Horst</t>
  </si>
  <si>
    <t>2021BU02990009</t>
  </si>
  <si>
    <t>buurten.321a7baa-8103-4cb4-8d45-caed804d305c</t>
  </si>
  <si>
    <t>BU02990010</t>
  </si>
  <si>
    <t>Methen</t>
  </si>
  <si>
    <t>2021BU02990010</t>
  </si>
  <si>
    <t>buurten.836215ec-cce3-43ef-b5c0-dcd72cd76b58</t>
  </si>
  <si>
    <t>BU02990011</t>
  </si>
  <si>
    <t>Mercurion</t>
  </si>
  <si>
    <t>2021BU02990011</t>
  </si>
  <si>
    <t>buurten.86985e0f-e59c-4a76-8c24-9cd4ca58ed6c</t>
  </si>
  <si>
    <t>BU02990012</t>
  </si>
  <si>
    <t>Hengelder</t>
  </si>
  <si>
    <t>2021BU02990012</t>
  </si>
  <si>
    <t>buurten.c0519bc6-08ed-4ddb-95e3-100d184a8d31</t>
  </si>
  <si>
    <t>Overige wijken en buitengebieden</t>
  </si>
  <si>
    <t>In 2050 een aardgasbesparing van 70%. De rest opvullen met duurzaam gas</t>
  </si>
  <si>
    <t>BU02990013</t>
  </si>
  <si>
    <t>Zuidspoor</t>
  </si>
  <si>
    <t>2021BU02990013</t>
  </si>
  <si>
    <t>buurten.84e6144b-522b-41f9-9d74-53c27a0bc426</t>
  </si>
  <si>
    <t>BU02990014</t>
  </si>
  <si>
    <t>Oud Zevenaar</t>
  </si>
  <si>
    <t>2021BU02990014</t>
  </si>
  <si>
    <t>buurten.55fb19dd-7ca0-4d59-9f7e-30d7c5ef1115</t>
  </si>
  <si>
    <t>BU02990015</t>
  </si>
  <si>
    <t>Ooy</t>
  </si>
  <si>
    <t>2021BU02990015</t>
  </si>
  <si>
    <t>buurten.caa33006-a0cc-484d-bb44-5a6a319218cd</t>
  </si>
  <si>
    <t>BU02990016</t>
  </si>
  <si>
    <t>Groot Holthuizen</t>
  </si>
  <si>
    <t>2021BU02990016</t>
  </si>
  <si>
    <t>buurten.45a6168d-b3f4-46a1-a514-f928479f0de7</t>
  </si>
  <si>
    <t>BU02990017</t>
  </si>
  <si>
    <t>Zevenaars Broek</t>
  </si>
  <si>
    <t>2021BU02990017</t>
  </si>
  <si>
    <t>buurten.96020a63-da0a-4bc4-9486-693b7c112b96</t>
  </si>
  <si>
    <t>BU02990018</t>
  </si>
  <si>
    <t>7Poort</t>
  </si>
  <si>
    <t>2021BU02990018</t>
  </si>
  <si>
    <t>buurten.5d3642f4-b6ef-40fc-882a-d494cb1bed05</t>
  </si>
  <si>
    <t>BU02990100</t>
  </si>
  <si>
    <t>Babberich</t>
  </si>
  <si>
    <t>WK029901</t>
  </si>
  <si>
    <t>2021BU02990100</t>
  </si>
  <si>
    <t>buurten.4a742326-8de7-4d75-9cfc-3cc4a7a92372</t>
  </si>
  <si>
    <t>BU02990101</t>
  </si>
  <si>
    <t>Camphuizen</t>
  </si>
  <si>
    <t>2021BU02990101</t>
  </si>
  <si>
    <t>buurten.67873655-26fd-49a5-afec-5c02a86bc544</t>
  </si>
  <si>
    <t>BU02990102</t>
  </si>
  <si>
    <t>Buitengebied Babberich</t>
  </si>
  <si>
    <t>2021BU02990102</t>
  </si>
  <si>
    <t>buurten.825d7c4f-45e8-42c0-a37e-334ad3b5bc76</t>
  </si>
  <si>
    <t>BU02990200</t>
  </si>
  <si>
    <t>Angerlo</t>
  </si>
  <si>
    <t>WK029902</t>
  </si>
  <si>
    <t>2021BU02990200</t>
  </si>
  <si>
    <t>buurten.66133d13-e227-468a-aba5-f8ff31cb31df</t>
  </si>
  <si>
    <t>BU02990201</t>
  </si>
  <si>
    <t>Angerlo's Broek</t>
  </si>
  <si>
    <t>2021BU02990201</t>
  </si>
  <si>
    <t>buurten.4b5951fd-0b02-4eb4-9310-6a7a374c6682</t>
  </si>
  <si>
    <t>BU02990300</t>
  </si>
  <si>
    <t>Giesbeek</t>
  </si>
  <si>
    <t>WK029903</t>
  </si>
  <si>
    <t>2021BU02990300</t>
  </si>
  <si>
    <t>buurten.01c39fa7-d13f-43e5-8783-7fb1dfdda6a8</t>
  </si>
  <si>
    <t>BU02990301</t>
  </si>
  <si>
    <t>Rhederlaag</t>
  </si>
  <si>
    <t>2021BU02990301</t>
  </si>
  <si>
    <t>buurten.1947c435-82aa-4a45-abeb-c3d44c540500</t>
  </si>
  <si>
    <t>BU02990302</t>
  </si>
  <si>
    <t>Riverparc</t>
  </si>
  <si>
    <t>2021BU02990302</t>
  </si>
  <si>
    <t>buurten.3569feb5-708b-4393-9642-12e311c89035</t>
  </si>
  <si>
    <t>BU02990400</t>
  </si>
  <si>
    <t>Lathum</t>
  </si>
  <si>
    <t>WK029904</t>
  </si>
  <si>
    <t>2021BU02990400</t>
  </si>
  <si>
    <t>buurten.cb103248-1f3d-407f-8ec5-7407ffc490ce</t>
  </si>
  <si>
    <t>BU02990500</t>
  </si>
  <si>
    <t>Rijnstrangen</t>
  </si>
  <si>
    <t>WK029905</t>
  </si>
  <si>
    <t>2021BU02990500</t>
  </si>
  <si>
    <t>buurten.6ea01f39-6829-48dd-bc2c-039be22ef9f1</t>
  </si>
  <si>
    <t>BU02990600</t>
  </si>
  <si>
    <t>Pannerden</t>
  </si>
  <si>
    <t>WK029906</t>
  </si>
  <si>
    <t>2021BU02990600</t>
  </si>
  <si>
    <t>buurten.64f30ad9-6022-413e-ac0d-8aec1a019490</t>
  </si>
  <si>
    <t>BU02990601</t>
  </si>
  <si>
    <t>Buitengebied Pannerden</t>
  </si>
  <si>
    <t>2021BU02990601</t>
  </si>
  <si>
    <t>buurten.311d2e6d-dae9-492e-93ce-20a1e9f4e779</t>
  </si>
  <si>
    <t>PL1945010004</t>
  </si>
  <si>
    <t>Er wordt gestart in Millingen aan de Rijn omdat:- Relatief veel corporatiebezit in de wijk/buurt- Aanwezigheid kansrijke warmtebron en haalbaarheid van collectieve oplossingen</t>
  </si>
  <si>
    <t>Doel: realisering van het gebruik van duurzame energie</t>
  </si>
  <si>
    <t>Aquathermie (TEO uit de Rijn)</t>
  </si>
  <si>
    <t>BU02990700</t>
  </si>
  <si>
    <t>Aerdt</t>
  </si>
  <si>
    <t>WK029907</t>
  </si>
  <si>
    <t>2021BU02990700</t>
  </si>
  <si>
    <t>buurten.f7a50739-e014-4364-ad1a-271a20594ce7</t>
  </si>
  <si>
    <t>BU02990701</t>
  </si>
  <si>
    <t>Buitengebied Aerdt</t>
  </si>
  <si>
    <t>2021BU02990701</t>
  </si>
  <si>
    <t>buurten.5cf76481-8c71-4f37-b191-2d6f30493767</t>
  </si>
  <si>
    <t>BU02990800</t>
  </si>
  <si>
    <t>Herwen</t>
  </si>
  <si>
    <t>WK029908</t>
  </si>
  <si>
    <t>2021BU02990800</t>
  </si>
  <si>
    <t>buurten.9f712f05-f053-4168-93a1-ed75d781c6ae</t>
  </si>
  <si>
    <t>BU02990801</t>
  </si>
  <si>
    <t>Buitengebied Herwen</t>
  </si>
  <si>
    <t>2021BU02990801</t>
  </si>
  <si>
    <t>buurten.4a123dd7-7656-4713-b8d2-1c994bd9ea95</t>
  </si>
  <si>
    <t>BU02990900</t>
  </si>
  <si>
    <t>Lobith</t>
  </si>
  <si>
    <t>WK029909</t>
  </si>
  <si>
    <t>2021BU02990900</t>
  </si>
  <si>
    <t>buurten.b5eb3cc2-4de8-4dfc-ac7b-1544c7d88351</t>
  </si>
  <si>
    <t>BU02991000</t>
  </si>
  <si>
    <t>Tolkamer</t>
  </si>
  <si>
    <t>WK029910</t>
  </si>
  <si>
    <t>2021BU02991000</t>
  </si>
  <si>
    <t>buurten.14303bd6-74ce-4893-ac9e-d6b495ab17a0</t>
  </si>
  <si>
    <t>BU02991001</t>
  </si>
  <si>
    <t>De Bijland</t>
  </si>
  <si>
    <t>2021BU02991001</t>
  </si>
  <si>
    <t>buurten.79944cb4-3c50-4068-a6e9-9f84a86f2d22</t>
  </si>
  <si>
    <t>Afleverset en HT-warmtepomp</t>
  </si>
  <si>
    <t>BU02991100</t>
  </si>
  <si>
    <t>Spijk</t>
  </si>
  <si>
    <t>WK029911</t>
  </si>
  <si>
    <t>2021BU02991100</t>
  </si>
  <si>
    <t>buurten.7a30369c-5963-46f1-a5f1-a565c8b643cf</t>
  </si>
  <si>
    <t>BU02991101</t>
  </si>
  <si>
    <t>Buitengebied Lobith/Spijk</t>
  </si>
  <si>
    <t>2021BU02991101</t>
  </si>
  <si>
    <t>buurten.2d431289-4ae4-41b4-90a5-aa29044a52f5</t>
  </si>
  <si>
    <t>BU03010000</t>
  </si>
  <si>
    <t>Stadskern</t>
  </si>
  <si>
    <t>WK030100</t>
  </si>
  <si>
    <t>2021BU03010000</t>
  </si>
  <si>
    <t>buurten.de000aed-bb71-4f7c-a90b-877f86f031b5</t>
  </si>
  <si>
    <t>PL0301010001</t>
  </si>
  <si>
    <t>Helbergen</t>
  </si>
  <si>
    <t>definitief, Letter of intend getekend, subsidie opgehaald</t>
  </si>
  <si>
    <t>definitief, WUP wordt voorbereid</t>
  </si>
  <si>
    <t>2030 850 woningen van het aardgas af</t>
  </si>
  <si>
    <t>Aquathermie obv Ijsselwater gemaal</t>
  </si>
  <si>
    <t>BU03010001</t>
  </si>
  <si>
    <t>Laarstraat en omgeving</t>
  </si>
  <si>
    <t>2021BU03010001</t>
  </si>
  <si>
    <t>buurten.c5bc8aff-fc5c-45bc-ac64-b30a258df275</t>
  </si>
  <si>
    <t>BU03010002</t>
  </si>
  <si>
    <t>Marswegkwartier</t>
  </si>
  <si>
    <t>2021BU03010002</t>
  </si>
  <si>
    <t>buurten.ab302128-d6bb-44c0-8753-ddfee6e298fd</t>
  </si>
  <si>
    <t>BU03010003</t>
  </si>
  <si>
    <t>Nieuwstad en Coehoornsingel</t>
  </si>
  <si>
    <t>2021BU03010003</t>
  </si>
  <si>
    <t>buurten.20fa312f-3c2c-4feb-a844-a0b0aa6ce4f9</t>
  </si>
  <si>
    <t>BU03010004</t>
  </si>
  <si>
    <t>2021BU03010004</t>
  </si>
  <si>
    <t>buurten.3f590af3-63d3-45b4-9d12-2a2c22c4aa02</t>
  </si>
  <si>
    <t>BU03010100</t>
  </si>
  <si>
    <t>Vijver en omgeving</t>
  </si>
  <si>
    <t>WK030101</t>
  </si>
  <si>
    <t>2021BU03010100</t>
  </si>
  <si>
    <t>buurten.c378b128-2f51-4cc2-9278-3a3a52dc16cf</t>
  </si>
  <si>
    <t>PL0301010002</t>
  </si>
  <si>
    <t>voorkeursoptie Verkenning + haalbaarheidstudie</t>
  </si>
  <si>
    <t>2030 700 woningen van het aardgas af</t>
  </si>
  <si>
    <t>Aquathermie obv Grote Vijver</t>
  </si>
  <si>
    <t>BU03010101</t>
  </si>
  <si>
    <t>2021BU03010101</t>
  </si>
  <si>
    <t>buurten.3172cab3-0ce6-40aa-91f6-2b38380921cd</t>
  </si>
  <si>
    <t>BU03010102</t>
  </si>
  <si>
    <t>2021BU03010102</t>
  </si>
  <si>
    <t>buurten.ac190c30-ec2c-4bd9-b3e7-60fa0a08a52b</t>
  </si>
  <si>
    <t>BU03010103</t>
  </si>
  <si>
    <t>Warnsveldsewegkwartier-Zuid</t>
  </si>
  <si>
    <t>2021BU03010103</t>
  </si>
  <si>
    <t>buurten.5b6248d8-0b54-4ba3-bd8a-b72bd43a2232</t>
  </si>
  <si>
    <t>BU03010104</t>
  </si>
  <si>
    <t>Warnsveldsewegkwartier-Noord</t>
  </si>
  <si>
    <t>2021BU03010104</t>
  </si>
  <si>
    <t>buurten.186c9d25-79c6-4adc-8eb8-8990ba333ea1</t>
  </si>
  <si>
    <t>BU03010105</t>
  </si>
  <si>
    <t>2021BU03010105</t>
  </si>
  <si>
    <t>buurten.af74e6d4-3833-447c-b165-62d0fc803d93</t>
  </si>
  <si>
    <t>BU03010106</t>
  </si>
  <si>
    <t>Pagemate en omgeving</t>
  </si>
  <si>
    <t>2021BU03010106</t>
  </si>
  <si>
    <t>buurten.132fbdd9-6d06-4a6f-8ebf-967b65127d64</t>
  </si>
  <si>
    <t>BU03010200</t>
  </si>
  <si>
    <t>Helleraetplein en omgeving</t>
  </si>
  <si>
    <t>WK030102</t>
  </si>
  <si>
    <t>2021BU03010200</t>
  </si>
  <si>
    <t>buurten.9ae93484-e313-4c50-a84b-b4be6ebbb3c0</t>
  </si>
  <si>
    <t>BU03010201</t>
  </si>
  <si>
    <t>Weg naar Laren en omgeving</t>
  </si>
  <si>
    <t>2021BU03010201</t>
  </si>
  <si>
    <t>buurten.90678550-b184-4d0d-b1e4-7564ba55d131</t>
  </si>
  <si>
    <t>BU03010202</t>
  </si>
  <si>
    <t>Deventerweg en Polbeek</t>
  </si>
  <si>
    <t>2021BU03010202</t>
  </si>
  <si>
    <t>buurten.7c216ac5-713a-4433-84f5-d1eb4e79b184</t>
  </si>
  <si>
    <t>BU03010203</t>
  </si>
  <si>
    <t>2021BU03010203</t>
  </si>
  <si>
    <t>buurten.5e944fa1-e1ed-4a15-bb8c-6e224509529e</t>
  </si>
  <si>
    <t>BU03010300</t>
  </si>
  <si>
    <t>Moesmate en Tichelkuilen</t>
  </si>
  <si>
    <t>WK030103</t>
  </si>
  <si>
    <t>2021BU03010300</t>
  </si>
  <si>
    <t>buurten.0a00d950-b068-46cf-a8e5-cce2bc333248</t>
  </si>
  <si>
    <t>BU03010301</t>
  </si>
  <si>
    <t>Zwanevlot en De Brink</t>
  </si>
  <si>
    <t>2021BU03010301</t>
  </si>
  <si>
    <t>buurten.33721eab-e1e8-4b87-93a3-b17e610d7501</t>
  </si>
  <si>
    <t>BU03010302</t>
  </si>
  <si>
    <t>Braamkamp</t>
  </si>
  <si>
    <t>2021BU03010302</t>
  </si>
  <si>
    <t>buurten.6ca5cce5-5706-4a1a-863b-8fc05772707c</t>
  </si>
  <si>
    <t>BU03010303</t>
  </si>
  <si>
    <t>Stokebrand, Bagijnenland en Bronsbergen</t>
  </si>
  <si>
    <t>2021BU03010303</t>
  </si>
  <si>
    <t>buurten.aaea9173-2bc6-41a2-9d72-b2047040113d</t>
  </si>
  <si>
    <t>BU03010304</t>
  </si>
  <si>
    <t>Waarden en weerdslag</t>
  </si>
  <si>
    <t>2021BU03010304</t>
  </si>
  <si>
    <t>buurten.b9bef7c1-5d23-4ab6-9b49-a475be23bbae</t>
  </si>
  <si>
    <t>BU03010400</t>
  </si>
  <si>
    <t>Ooyerhoek</t>
  </si>
  <si>
    <t>WK030104</t>
  </si>
  <si>
    <t>2021BU03010400</t>
  </si>
  <si>
    <t>buurten.e9f3539f-ef91-4524-98d3-9f2fea34d95d</t>
  </si>
  <si>
    <t>BU03010401</t>
  </si>
  <si>
    <t>2021BU03010401</t>
  </si>
  <si>
    <t>buurten.a85c0eea-b9db-4b08-9e70-53d68d4e4e94</t>
  </si>
  <si>
    <t>BU03010402</t>
  </si>
  <si>
    <t>Eme en Broek</t>
  </si>
  <si>
    <t>2021BU03010402</t>
  </si>
  <si>
    <t>buurten.938b116b-aae2-4d02-b012-7e81cc732ecc</t>
  </si>
  <si>
    <t>PL0301010004</t>
  </si>
  <si>
    <t>Looerenk &amp; Woud en Overkamp</t>
  </si>
  <si>
    <t>voorkeursoptie Verdiepende netwerkanalyse door Liander en evt. andere buurten in Leesten toevoegen o.b.v. capaciteit.</t>
  </si>
  <si>
    <t>Faciliterende rol</t>
  </si>
  <si>
    <t>2030 400 woningen van het aardgas af</t>
  </si>
  <si>
    <t>BU03010403</t>
  </si>
  <si>
    <t>Looërenk en Woud</t>
  </si>
  <si>
    <t>2021BU03010403</t>
  </si>
  <si>
    <t>buurten.d5318236-4d49-477f-84cf-e5d3d03743f9</t>
  </si>
  <si>
    <t>BU03010409</t>
  </si>
  <si>
    <t>Vespreide huizen Leesten</t>
  </si>
  <si>
    <t>2021BU03010409</t>
  </si>
  <si>
    <t>buurten.532080bc-0358-4d6f-99ca-fab1d5303cc9</t>
  </si>
  <si>
    <t>BU03010500</t>
  </si>
  <si>
    <t>Dorp Warnsveld</t>
  </si>
  <si>
    <t>WK030105</t>
  </si>
  <si>
    <t>2021BU03010500</t>
  </si>
  <si>
    <t>buurten.d030ddae-76a4-47d3-a77b-ba2f9a4460aa</t>
  </si>
  <si>
    <t>BU03010501</t>
  </si>
  <si>
    <t>2021BU03010501</t>
  </si>
  <si>
    <t>buurten.cc967f29-bf42-4935-89bd-2ff7f03da21d</t>
  </si>
  <si>
    <t>BU03010502</t>
  </si>
  <si>
    <t>Scheperkamp</t>
  </si>
  <si>
    <t>2021BU03010502</t>
  </si>
  <si>
    <t>buurten.a697a8b0-eab4-4eac-9d1f-97d1dd2f1e9c</t>
  </si>
  <si>
    <t>BU03010503</t>
  </si>
  <si>
    <t>Overkamp</t>
  </si>
  <si>
    <t>2021BU03010503</t>
  </si>
  <si>
    <t>buurten.8013980e-5b86-494e-ad78-5d197a313ccd</t>
  </si>
  <si>
    <t>BU03010509</t>
  </si>
  <si>
    <t>Warken</t>
  </si>
  <si>
    <t>2021BU03010509</t>
  </si>
  <si>
    <t>buurten.2f0683f5-637a-4eb4-8b01-5f0d96b5cd98</t>
  </si>
  <si>
    <t>BU03020000</t>
  </si>
  <si>
    <t>Nunspeet-Oost</t>
  </si>
  <si>
    <t>WK030200</t>
  </si>
  <si>
    <t>2021BU03020000</t>
  </si>
  <si>
    <t>buurten.fe5152c0-df4a-426d-a1c0-6e804defa0ed</t>
  </si>
  <si>
    <t>PL0302010007</t>
  </si>
  <si>
    <t>Bedrijventerreinen De Kolk, Lepelingen, Feithenhof</t>
  </si>
  <si>
    <t>WUP, maar onderzoek naar haalbaarheid</t>
  </si>
  <si>
    <t>1090 woningen aardgasvrij</t>
  </si>
  <si>
    <t>minder dan bij woningen</t>
  </si>
  <si>
    <t>BU03020001</t>
  </si>
  <si>
    <t>Nunspeet-West</t>
  </si>
  <si>
    <t>2021BU03020001</t>
  </si>
  <si>
    <t>buurten.bba10ebc-023e-46bc-bb04-c1767f04e912</t>
  </si>
  <si>
    <t>BU03020002</t>
  </si>
  <si>
    <t>Nunspeet-Zuid</t>
  </si>
  <si>
    <t>2021BU03020002</t>
  </si>
  <si>
    <t>buurten.4c8ae20f-4a14-48f6-bcda-0dd8d7caaf4d</t>
  </si>
  <si>
    <t>BU03020003</t>
  </si>
  <si>
    <t>Hulshorst</t>
  </si>
  <si>
    <t>2021BU03020003</t>
  </si>
  <si>
    <t>buurten.bbf58418-9614-4fe6-9975-6ea371d8c9ae</t>
  </si>
  <si>
    <t>BU03020005</t>
  </si>
  <si>
    <t>Verspreide huizen Hulshorst</t>
  </si>
  <si>
    <t>2021BU03020005</t>
  </si>
  <si>
    <t>buurten.7de6519d-718b-4f06-884e-e1bb9f8bd4b0</t>
  </si>
  <si>
    <t>BU03020006</t>
  </si>
  <si>
    <t>Verspreide huizen Zuiderzeeland Nunspeet</t>
  </si>
  <si>
    <t>2021BU03020006</t>
  </si>
  <si>
    <t>buurten.4af53999-b342-4677-bcbd-145c964079b1</t>
  </si>
  <si>
    <t>BU03020007</t>
  </si>
  <si>
    <t>Verspreide huizen Zuiderzeeland Hulshorst</t>
  </si>
  <si>
    <t>2021BU03020007</t>
  </si>
  <si>
    <t>buurten.3fae2766-449e-4ce3-ab47-bc55fd253f60</t>
  </si>
  <si>
    <t>BU03020008</t>
  </si>
  <si>
    <t>Verspreide huizen bosgebied Nunspeet</t>
  </si>
  <si>
    <t>2021BU03020008</t>
  </si>
  <si>
    <t>buurten.9bcde42c-cdd4-4583-8464-643a8fe587e3</t>
  </si>
  <si>
    <t>BU03020009</t>
  </si>
  <si>
    <t>Verspreide huizen bosgebied Hulshorst</t>
  </si>
  <si>
    <t>2021BU03020009</t>
  </si>
  <si>
    <t>buurten.ea0d3ae3-95fc-49de-af06-d67d85f5482a</t>
  </si>
  <si>
    <t>BU03020100</t>
  </si>
  <si>
    <t>Elspeet</t>
  </si>
  <si>
    <t>WK030201</t>
  </si>
  <si>
    <t>2021BU03020100</t>
  </si>
  <si>
    <t>buurten.9fe08a01-f692-483d-b569-ce9d3b653fa4</t>
  </si>
  <si>
    <t>BU03020101</t>
  </si>
  <si>
    <t>Vierhouten</t>
  </si>
  <si>
    <t>2021BU03020101</t>
  </si>
  <si>
    <t>buurten.3e23d51b-0240-449a-91cc-38b2c7b44813</t>
  </si>
  <si>
    <t>BU03020107</t>
  </si>
  <si>
    <t>Verspreide huizen bosgebied Vierhouten</t>
  </si>
  <si>
    <t>2021BU03020107</t>
  </si>
  <si>
    <t>buurten.ca00ab89-2232-42bc-a48a-a67f49d133c1</t>
  </si>
  <si>
    <t>BU03020108</t>
  </si>
  <si>
    <t>Verspreide huizen Elspeet en omgeving</t>
  </si>
  <si>
    <t>2021BU03020108</t>
  </si>
  <si>
    <t>buurten.82da75e9-c365-4df0-ac03-915371d4ff58</t>
  </si>
  <si>
    <t>BU03020109</t>
  </si>
  <si>
    <t>Verspreide huizen Elspeetse Bos</t>
  </si>
  <si>
    <t>2021BU03020109</t>
  </si>
  <si>
    <t>buurten.0922866e-b483-4aa3-bfde-b8a98b348b82</t>
  </si>
  <si>
    <t>BU03030101</t>
  </si>
  <si>
    <t>Poort van Dronten</t>
  </si>
  <si>
    <t>WK030301</t>
  </si>
  <si>
    <t>2021BU03030101</t>
  </si>
  <si>
    <t>buurten.1a000540-30ef-425b-8cea-ee879227f38d</t>
  </si>
  <si>
    <t>BU03030102</t>
  </si>
  <si>
    <t>Business Zone Delta</t>
  </si>
  <si>
    <t>2021BU03030102</t>
  </si>
  <si>
    <t>buurten.b9c79f10-4ea5-42aa-863d-f6c815836ead</t>
  </si>
  <si>
    <t>BU03030103</t>
  </si>
  <si>
    <t>De Gilden</t>
  </si>
  <si>
    <t>2021BU03030103</t>
  </si>
  <si>
    <t>buurten.b7ca0b7a-8bb7-4fdf-9be8-f1b52c5576bd</t>
  </si>
  <si>
    <t>BU03030104</t>
  </si>
  <si>
    <t>De Munten</t>
  </si>
  <si>
    <t>2021BU03030104</t>
  </si>
  <si>
    <t>buurten.5d267c47-2d64-4c2b-8a46-278572da26c8</t>
  </si>
  <si>
    <t>BU03030105</t>
  </si>
  <si>
    <t>De Drieslag</t>
  </si>
  <si>
    <t>2021BU03030105</t>
  </si>
  <si>
    <t>buurten.7c84b450-909f-4d96-987e-0f4897f4c014</t>
  </si>
  <si>
    <t>BU03030210</t>
  </si>
  <si>
    <t>Pioniersweg</t>
  </si>
  <si>
    <t>WK030302</t>
  </si>
  <si>
    <t>2021BU03030210</t>
  </si>
  <si>
    <t>buurten.012784e5-fca4-4c6c-a407-bef9e78476cc</t>
  </si>
  <si>
    <t>BU03030211</t>
  </si>
  <si>
    <t>Houtwijk</t>
  </si>
  <si>
    <t>2021BU03030211</t>
  </si>
  <si>
    <t>buurten.a6d60591-69b9-4108-abdd-b53811c2e716</t>
  </si>
  <si>
    <t>BU03030212</t>
  </si>
  <si>
    <t>Hanzekwartier</t>
  </si>
  <si>
    <t>2021BU03030212</t>
  </si>
  <si>
    <t>buurten.d6a534c9-449e-4a97-b652-f69974b4e5ec</t>
  </si>
  <si>
    <t>BU03030213</t>
  </si>
  <si>
    <t>De Oeverloperwijk</t>
  </si>
  <si>
    <t>2021BU03030213</t>
  </si>
  <si>
    <t>buurten.c3e5942a-3646-4e82-b0a5-1da9ba735e01</t>
  </si>
  <si>
    <t>BU03030320</t>
  </si>
  <si>
    <t>Centrum Dronten</t>
  </si>
  <si>
    <t>WK030303</t>
  </si>
  <si>
    <t>2021BU03030320</t>
  </si>
  <si>
    <t>buurten.e2a435bf-5689-434a-a6db-d1e9e22ee1d5</t>
  </si>
  <si>
    <t>BU03030321</t>
  </si>
  <si>
    <t>Oud-Dronten</t>
  </si>
  <si>
    <t>2021BU03030321</t>
  </si>
  <si>
    <t>buurten.85482319-c7d9-4a88-a5f0-b135b9933c68</t>
  </si>
  <si>
    <t>BU03030322</t>
  </si>
  <si>
    <t>De Fazant</t>
  </si>
  <si>
    <t>2021BU03030322</t>
  </si>
  <si>
    <t>buurten.e905265b-d0b0-40af-b8d4-7c3c6ed0348e</t>
  </si>
  <si>
    <t>BU03030323</t>
  </si>
  <si>
    <t>Bungalowpark</t>
  </si>
  <si>
    <t>2021BU03030323</t>
  </si>
  <si>
    <t>buurten.43b5e1d4-c5ee-4c6e-9cf7-78e2a380577e</t>
  </si>
  <si>
    <t>BU03030324</t>
  </si>
  <si>
    <t>De Boeg</t>
  </si>
  <si>
    <t>2021BU03030324</t>
  </si>
  <si>
    <t>buurten.b86793c4-085b-47ad-a2b8-36fec026857d</t>
  </si>
  <si>
    <t>BU03030430</t>
  </si>
  <si>
    <t>De Landmaten</t>
  </si>
  <si>
    <t>WK030304</t>
  </si>
  <si>
    <t>2021BU03030430</t>
  </si>
  <si>
    <t>buurten.16062f4b-9704-4693-a165-3ca3056c9a26</t>
  </si>
  <si>
    <t>BU03030431</t>
  </si>
  <si>
    <t>De Manege</t>
  </si>
  <si>
    <t>2021BU03030431</t>
  </si>
  <si>
    <t>buurten.b705b3e6-4936-4d6c-aae3-1729e88f0465</t>
  </si>
  <si>
    <t>BU03030432</t>
  </si>
  <si>
    <t>De Lancaster</t>
  </si>
  <si>
    <t>2021BU03030432</t>
  </si>
  <si>
    <t>buurten.09d4a193-f4cb-40a0-be84-1d6c8beaf2da</t>
  </si>
  <si>
    <t>BU03030433</t>
  </si>
  <si>
    <t>De Landstreken</t>
  </si>
  <si>
    <t>2021BU03030433</t>
  </si>
  <si>
    <t>buurten.fe9433fe-0d67-4f6d-b248-df65774feee3</t>
  </si>
  <si>
    <t>BU03030434</t>
  </si>
  <si>
    <t>De Kruidentuin</t>
  </si>
  <si>
    <t>2021BU03030434</t>
  </si>
  <si>
    <t>buurten.f7e4a21c-283a-4dce-bade-4af8ec8d83f4</t>
  </si>
  <si>
    <t>BU03030435</t>
  </si>
  <si>
    <t>Golfresidentie</t>
  </si>
  <si>
    <t>2021BU03030435</t>
  </si>
  <si>
    <t>buurten.7f4a24d9-984c-48f3-b95a-659c12a5f480</t>
  </si>
  <si>
    <t>BU03030548</t>
  </si>
  <si>
    <t>AZC</t>
  </si>
  <si>
    <t>WK030305</t>
  </si>
  <si>
    <t>2021BU03030548</t>
  </si>
  <si>
    <t>buurten.0556f478-6642-4d3a-95c7-03ddac3da42f</t>
  </si>
  <si>
    <t>BU03030549</t>
  </si>
  <si>
    <t>Ketelhaven</t>
  </si>
  <si>
    <t>2021BU03030549</t>
  </si>
  <si>
    <t>buurten.76087e3e-c16d-4096-97b3-e9aaefb865f2</t>
  </si>
  <si>
    <t>BU03030550</t>
  </si>
  <si>
    <t>Buitengebied Dronten</t>
  </si>
  <si>
    <t>2021BU03030550</t>
  </si>
  <si>
    <t>buurten.16843bdf-e5dc-4503-9595-f520bc894797</t>
  </si>
  <si>
    <t>BU03030601</t>
  </si>
  <si>
    <t>Oud-Biddinghuizen Buiten</t>
  </si>
  <si>
    <t>WK030306</t>
  </si>
  <si>
    <t>2021BU03030601</t>
  </si>
  <si>
    <t>buurten.ab77df3a-4228-40be-b9d5-50332d8d3bf1</t>
  </si>
  <si>
    <t>BU03030602</t>
  </si>
  <si>
    <t>Oud-Biddinghuizen</t>
  </si>
  <si>
    <t>2021BU03030602</t>
  </si>
  <si>
    <t>buurten.8959d755-cb92-4c04-8212-5fb7190b267b</t>
  </si>
  <si>
    <t>BU03030603</t>
  </si>
  <si>
    <t>De Kaai</t>
  </si>
  <si>
    <t>2021BU03030603</t>
  </si>
  <si>
    <t>buurten.78b22856-f3ed-4bde-8951-0f4fbcbf730e</t>
  </si>
  <si>
    <t>BU03030604</t>
  </si>
  <si>
    <t>Centrum Biddinghuizen</t>
  </si>
  <si>
    <t>2021BU03030604</t>
  </si>
  <si>
    <t>buurten.433ef714-25ab-4750-a6c4-34a8ecd56acc</t>
  </si>
  <si>
    <t>BU03030605</t>
  </si>
  <si>
    <t>De Baan</t>
  </si>
  <si>
    <t>2021BU03030605</t>
  </si>
  <si>
    <t>buurten.f1ac781f-5b07-493e-ae00-ce88df9fdee0</t>
  </si>
  <si>
    <t>BU03030606</t>
  </si>
  <si>
    <t>Bremerpark</t>
  </si>
  <si>
    <t>2021BU03030606</t>
  </si>
  <si>
    <t>buurten.7261eb06-58b7-45cc-af3a-684d46d813bd</t>
  </si>
  <si>
    <t>BU03030607</t>
  </si>
  <si>
    <t>De Graafschap</t>
  </si>
  <si>
    <t>2021BU03030607</t>
  </si>
  <si>
    <t>buurten.fb915557-fc77-41e6-a0c0-bcf0e2e751db</t>
  </si>
  <si>
    <t>BU03030608</t>
  </si>
  <si>
    <t>Noorderbaan</t>
  </si>
  <si>
    <t>2021BU03030608</t>
  </si>
  <si>
    <t>buurten.31970858-081f-4c46-a9b6-7609f9f357d3</t>
  </si>
  <si>
    <t>BU03030609</t>
  </si>
  <si>
    <t>Oldebroekerweg</t>
  </si>
  <si>
    <t>2021BU03030609</t>
  </si>
  <si>
    <t>buurten.98008318-76c2-4bf2-b0cb-e4d7d460aee7</t>
  </si>
  <si>
    <t>BU03030620</t>
  </si>
  <si>
    <t>Buitengebied Biddinghuizen</t>
  </si>
  <si>
    <t>2021BU03030620</t>
  </si>
  <si>
    <t>buurten.22efdea8-95a0-4a77-bb4a-5cc5e0334e75</t>
  </si>
  <si>
    <t>BU03030701</t>
  </si>
  <si>
    <t>Kampbuurt</t>
  </si>
  <si>
    <t>WK030307</t>
  </si>
  <si>
    <t>2021BU03030701</t>
  </si>
  <si>
    <t>buurten.5248ee19-f2c6-440a-b01a-588015392ae0</t>
  </si>
  <si>
    <t>BU03030702</t>
  </si>
  <si>
    <t>Centrum Swifterbant</t>
  </si>
  <si>
    <t>2021BU03030702</t>
  </si>
  <si>
    <t>buurten.bff88682-3eb1-46db-be9d-21e770ce15f7</t>
  </si>
  <si>
    <t>BU03030703</t>
  </si>
  <si>
    <t>Oud-Swifterbant</t>
  </si>
  <si>
    <t>2021BU03030703</t>
  </si>
  <si>
    <t>buurten.4c8db50b-5b97-439c-b7fd-c9f378d05977</t>
  </si>
  <si>
    <t>BU03030704</t>
  </si>
  <si>
    <t>Spelbuurt</t>
  </si>
  <si>
    <t>2021BU03030704</t>
  </si>
  <si>
    <t>buurten.e802dfc2-cc6d-46b7-946f-b310205d8ea2</t>
  </si>
  <si>
    <t>BU03030705</t>
  </si>
  <si>
    <t>2021BU03030705</t>
  </si>
  <si>
    <t>buurten.1ebe3434-43ce-46bf-bb3f-540769c2c471</t>
  </si>
  <si>
    <t>BU03030706</t>
  </si>
  <si>
    <t>De Kolk</t>
  </si>
  <si>
    <t>2021BU03030706</t>
  </si>
  <si>
    <t>buurten.90502776-166e-40ad-9f1d-5e7408f42159</t>
  </si>
  <si>
    <t>BU03030707</t>
  </si>
  <si>
    <t>Tarpan</t>
  </si>
  <si>
    <t>2021BU03030707</t>
  </si>
  <si>
    <t>buurten.4926806d-30ed-4c1b-9147-0bdcb9541b7a</t>
  </si>
  <si>
    <t>BU03030708</t>
  </si>
  <si>
    <t>Bedrijventerrein Spelwijk</t>
  </si>
  <si>
    <t>2021BU03030708</t>
  </si>
  <si>
    <t>buurten.699f83f7-71b1-48f9-a11f-038e53299931</t>
  </si>
  <si>
    <t>BU03030720</t>
  </si>
  <si>
    <t>Buitengebied Swifterbant</t>
  </si>
  <si>
    <t>2021BU03030720</t>
  </si>
  <si>
    <t>buurten.733b2ded-49a8-433e-97b8-5d88b646efd8</t>
  </si>
  <si>
    <t>fase 3</t>
  </si>
  <si>
    <t>BU03070100</t>
  </si>
  <si>
    <t>Hof</t>
  </si>
  <si>
    <t>WK030701</t>
  </si>
  <si>
    <t>2021BU03070100</t>
  </si>
  <si>
    <t>buurten.8149a441-f7e8-4b21-900d-a60ab69011fc</t>
  </si>
  <si>
    <t>BU03070101</t>
  </si>
  <si>
    <t>Nieuwstraat e.o.</t>
  </si>
  <si>
    <t>2021BU03070101</t>
  </si>
  <si>
    <t>buurten.bdaa9476-eedd-4e7e-b45d-ec636eab29f5</t>
  </si>
  <si>
    <t>BU03070102</t>
  </si>
  <si>
    <t>Mooierstraat e.o.</t>
  </si>
  <si>
    <t>2021BU03070102</t>
  </si>
  <si>
    <t>buurten.6b1ba5fd-0d0c-472e-870a-4011aa74765b</t>
  </si>
  <si>
    <t>BU03070103</t>
  </si>
  <si>
    <t>Lieve Vrouwekerkhof</t>
  </si>
  <si>
    <t>2021BU03070103</t>
  </si>
  <si>
    <t>buurten.7c018cd1-a1eb-4384-9ac9-d7eee357258a</t>
  </si>
  <si>
    <t>BU03070104</t>
  </si>
  <si>
    <t>Coninckstraat e.o.</t>
  </si>
  <si>
    <t>2021BU03070104</t>
  </si>
  <si>
    <t>buurten.6cbaae34-21fc-41e8-8285-44334705ac96</t>
  </si>
  <si>
    <t>BU03070105</t>
  </si>
  <si>
    <t>Beestenmarkt</t>
  </si>
  <si>
    <t>2021BU03070105</t>
  </si>
  <si>
    <t>buurten.76a8f806-add5-49de-96e5-ff4a0aefaeda</t>
  </si>
  <si>
    <t>BU03070106</t>
  </si>
  <si>
    <t>Grote Haag</t>
  </si>
  <si>
    <t>2021BU03070106</t>
  </si>
  <si>
    <t>buurten.45b21972-95c5-4eb0-b0d2-b1237ad1b2bb</t>
  </si>
  <si>
    <t>BU03070107</t>
  </si>
  <si>
    <t>Stadhuisplein</t>
  </si>
  <si>
    <t>2021BU03070107</t>
  </si>
  <si>
    <t>buurten.242b9e9c-dde0-4e4f-886b-4e60fe17fc8d</t>
  </si>
  <si>
    <t>BU03070108</t>
  </si>
  <si>
    <t>Schimmelpenninckbuurt</t>
  </si>
  <si>
    <t>2021BU03070108</t>
  </si>
  <si>
    <t>buurten.b95b5452-66ba-4170-a08d-120ebf93125c</t>
  </si>
  <si>
    <t>BU03070200</t>
  </si>
  <si>
    <t>Smallepad e.o.</t>
  </si>
  <si>
    <t>WK030702</t>
  </si>
  <si>
    <t>2021BU03070200</t>
  </si>
  <si>
    <t>buurten.7f043248-f077-4b9b-8523-45df3bb7c985</t>
  </si>
  <si>
    <t>BU03070202</t>
  </si>
  <si>
    <t>Snouckaertlaan e.o.</t>
  </si>
  <si>
    <t>2021BU03070202</t>
  </si>
  <si>
    <t>buurten.d61af707-6ac6-4505-8271-5fa75bb17995</t>
  </si>
  <si>
    <t>PL0307010011</t>
  </si>
  <si>
    <t>De Berg Zuid</t>
  </si>
  <si>
    <t>2030-2040</t>
  </si>
  <si>
    <t>ontwikkeling warmtenet</t>
  </si>
  <si>
    <t>uit technische analyse lijken goede kansen voor aansluiting warmtenet - verder onderzoeken</t>
  </si>
  <si>
    <t>BU03070204</t>
  </si>
  <si>
    <t>Zonnehof</t>
  </si>
  <si>
    <t>2021BU03070204</t>
  </si>
  <si>
    <t>buurten.0ccb1db1-8b50-484c-89bd-f1689b7e292a</t>
  </si>
  <si>
    <t>BU03070300</t>
  </si>
  <si>
    <t>Rivierenbuurt-Oost</t>
  </si>
  <si>
    <t>WK030703</t>
  </si>
  <si>
    <t>2021BU03070300</t>
  </si>
  <si>
    <t>buurten.774ebb4c-bc6f-4d2f-ac49-fd77f0781cad</t>
  </si>
  <si>
    <t>PL0307010014</t>
  </si>
  <si>
    <t>Soesterkwartier</t>
  </si>
  <si>
    <t>ontwikkeling warmtenet en financieringsopties voor huishoudens met betalingsproblemen</t>
  </si>
  <si>
    <t>volledig of gedeeltelijk aardgasvrij met warmtenet. Technische analyse bespreken met de wijk en toetsen aan de praktijk</t>
  </si>
  <si>
    <t>BU03070301</t>
  </si>
  <si>
    <t>Rivierenbuurt-West</t>
  </si>
  <si>
    <t>2021BU03070301</t>
  </si>
  <si>
    <t>buurten.582fca2c-20bd-4a88-aab0-d42ae5334c03</t>
  </si>
  <si>
    <t>BU03070302</t>
  </si>
  <si>
    <t>Gerrit van Stellingwerfstraat e.o.</t>
  </si>
  <si>
    <t>2021BU03070302</t>
  </si>
  <si>
    <t>buurten.f804b09e-9c94-4a98-80ec-de69817ce4b9</t>
  </si>
  <si>
    <t>BU03070303</t>
  </si>
  <si>
    <t>Bloemenbuurt-Oost</t>
  </si>
  <si>
    <t>2021BU03070303</t>
  </si>
  <si>
    <t>buurten.286bd9ba-8a88-4048-a78d-06a5b51e7eb7</t>
  </si>
  <si>
    <t>BU03070304</t>
  </si>
  <si>
    <t>Bloemenbuurt-West</t>
  </si>
  <si>
    <t>2021BU03070304</t>
  </si>
  <si>
    <t>buurten.da036e7d-aeba-437b-9cac-55eb44c4d1d3</t>
  </si>
  <si>
    <t>BU03070305</t>
  </si>
  <si>
    <t>2021BU03070305</t>
  </si>
  <si>
    <t>buurten.3b5ac7c8-8b3a-4aa7-968b-03738eaa3041</t>
  </si>
  <si>
    <t>BU03070306</t>
  </si>
  <si>
    <t>Puntenburg</t>
  </si>
  <si>
    <t>2021BU03070306</t>
  </si>
  <si>
    <t>buurten.58751df9-f848-428d-b50a-bf089bd34c6f</t>
  </si>
  <si>
    <t>BU03070307</t>
  </si>
  <si>
    <t>Piet Mondriaanlaan e.o.</t>
  </si>
  <si>
    <t>2021BU03070307</t>
  </si>
  <si>
    <t>buurten.1c72a1d9-671e-47b8-ae4e-0df24d8131eb</t>
  </si>
  <si>
    <t>BU03070308</t>
  </si>
  <si>
    <t>Wagenwerkplaats</t>
  </si>
  <si>
    <t>2021BU03070308</t>
  </si>
  <si>
    <t>buurten.c5dc213a-78d6-48fd-ad66-8361d5e8a6ea</t>
  </si>
  <si>
    <t>BU03070309</t>
  </si>
  <si>
    <t>Spooremplacement</t>
  </si>
  <si>
    <t>2021BU03070309</t>
  </si>
  <si>
    <t>buurten.9be2b78f-a365-4afc-a092-30ceb3de09fb</t>
  </si>
  <si>
    <t>BU03070401</t>
  </si>
  <si>
    <t>Eemplein-Nieuwe Stad</t>
  </si>
  <si>
    <t>WK030704</t>
  </si>
  <si>
    <t>2021BU03070401</t>
  </si>
  <si>
    <t>buurten.c84d40e8-90f0-4368-a70e-d6cc857f1877</t>
  </si>
  <si>
    <t>BU03070402</t>
  </si>
  <si>
    <t>Kop van Isselt</t>
  </si>
  <si>
    <t>2021BU03070402</t>
  </si>
  <si>
    <t>buurten.35e3cd67-68a6-4eb8-9d80-592793ec4f9a</t>
  </si>
  <si>
    <t>BU03070504</t>
  </si>
  <si>
    <t>Isselt-Oost</t>
  </si>
  <si>
    <t>WK030705</t>
  </si>
  <si>
    <t>2021BU03070504</t>
  </si>
  <si>
    <t>buurten.4da94340-3388-42c4-907f-b6ac4eddc1ed</t>
  </si>
  <si>
    <t>PL0307010002</t>
  </si>
  <si>
    <t>Isselt en De Hoef</t>
  </si>
  <si>
    <t>gedeeltelijk aansluiten op een warmtenet, aanpak voor bedrijven uitwerken en uitvoeren</t>
  </si>
  <si>
    <t>BU03070505</t>
  </si>
  <si>
    <t>Isselt-West</t>
  </si>
  <si>
    <t>2021BU03070505</t>
  </si>
  <si>
    <t>buurten.6e5128d2-6ed6-4ec5-89ca-3f14625c9dc1</t>
  </si>
  <si>
    <t>BU03070600</t>
  </si>
  <si>
    <t>Jericho / Jeruzalem</t>
  </si>
  <si>
    <t>WK030706</t>
  </si>
  <si>
    <t>2021BU03070600</t>
  </si>
  <si>
    <t>buurten.ee97e252-3113-49f5-b2c5-55b058820d4d</t>
  </si>
  <si>
    <t>BU03070601</t>
  </si>
  <si>
    <t>2021BU03070601</t>
  </si>
  <si>
    <t>buurten.5f097f19-f148-430f-b738-4f9154e5a7f7</t>
  </si>
  <si>
    <t>BU03070603</t>
  </si>
  <si>
    <t>Gildekwartier</t>
  </si>
  <si>
    <t>2021BU03070603</t>
  </si>
  <si>
    <t>buurten.7d789fe0-1429-4703-8eab-e56fbc86a1f6</t>
  </si>
  <si>
    <t>BU03070700</t>
  </si>
  <si>
    <t>Kruiskamp-Noord</t>
  </si>
  <si>
    <t>WK030707</t>
  </si>
  <si>
    <t>2021BU03070700</t>
  </si>
  <si>
    <t>buurten.9624fd0f-d585-4203-b294-6a811f10a676</t>
  </si>
  <si>
    <t>BU03070701</t>
  </si>
  <si>
    <t>Kruiskamp-Midden</t>
  </si>
  <si>
    <t>2021BU03070701</t>
  </si>
  <si>
    <t>buurten.eef8eaeb-7d7a-4698-85ce-b9dbeefbf155</t>
  </si>
  <si>
    <t>BU03070702</t>
  </si>
  <si>
    <t>Kruiskamp-Zuid</t>
  </si>
  <si>
    <t>2021BU03070702</t>
  </si>
  <si>
    <t>buurten.6220c049-02c9-497c-83f7-27b2ebe8a760</t>
  </si>
  <si>
    <t>BU03070800</t>
  </si>
  <si>
    <t>Vuurtoren</t>
  </si>
  <si>
    <t>WK030708</t>
  </si>
  <si>
    <t>2021BU03070800</t>
  </si>
  <si>
    <t>buurten.bacc4ef3-8502-42ba-9bd3-d4165d990e10</t>
  </si>
  <si>
    <t>PL0307010001</t>
  </si>
  <si>
    <t>Schothorst Zuid, Vuurtoren, De Plaatsen, De Koperhorst</t>
  </si>
  <si>
    <t>externe/aanvullende financiering, juridisch instrumentarium</t>
  </si>
  <si>
    <t>BU03070801</t>
  </si>
  <si>
    <t>De Plaatsen</t>
  </si>
  <si>
    <t>2021BU03070801</t>
  </si>
  <si>
    <t>buurten.a91bab3d-48ea-4a73-abcd-99b9c8aa2e1e</t>
  </si>
  <si>
    <t>ontwikkeling warmtenet en beschikbaarheid van aanvullende warmtebronnen</t>
  </si>
  <si>
    <t>BU03070803</t>
  </si>
  <si>
    <t>Koperhorst</t>
  </si>
  <si>
    <t>2021BU03070803</t>
  </si>
  <si>
    <t>buurten.8a4c01d1-9fca-4cf0-b5fe-11b48ff92982</t>
  </si>
  <si>
    <t>BU03070900</t>
  </si>
  <si>
    <t>Elly Takmastraat e.o.</t>
  </si>
  <si>
    <t>WK030709</t>
  </si>
  <si>
    <t>2021BU03070900</t>
  </si>
  <si>
    <t>buurten.4ca68034-a6a3-4569-b9b1-fb9b60c23aee</t>
  </si>
  <si>
    <t>BU03070902</t>
  </si>
  <si>
    <t>Camera Obscurastraat e.o.</t>
  </si>
  <si>
    <t>2021BU03070902</t>
  </si>
  <si>
    <t>buurten.3ddea520-59f4-4df5-bb44-6dc053e9d8f6</t>
  </si>
  <si>
    <t>PL0307010013</t>
  </si>
  <si>
    <t>Schothorst Noord</t>
  </si>
  <si>
    <t>mogelijkheden voor aansluiten op het warmtenet onderzoeken en bespreken met de bewoners van de wijk</t>
  </si>
  <si>
    <t>BU03070903</t>
  </si>
  <si>
    <t>Queekhoven e.o.</t>
  </si>
  <si>
    <t>2021BU03070903</t>
  </si>
  <si>
    <t>buurten.0ad28bf8-3dbd-494b-a056-e87b8c3def44</t>
  </si>
  <si>
    <t>BU03070905</t>
  </si>
  <si>
    <t>Het Gein</t>
  </si>
  <si>
    <t>2021BU03070905</t>
  </si>
  <si>
    <t>buurten.27e0e2c6-c290-4a30-b777-02a4447cd5d6</t>
  </si>
  <si>
    <t>BU03070906</t>
  </si>
  <si>
    <t>Park Schothorst</t>
  </si>
  <si>
    <t>2021BU03070906</t>
  </si>
  <si>
    <t>buurten.4f7304ed-ae28-4ecc-a822-a7114a9235af</t>
  </si>
  <si>
    <t>BU03071000</t>
  </si>
  <si>
    <t>Liendert-Noord</t>
  </si>
  <si>
    <t>WK030710</t>
  </si>
  <si>
    <t>2021BU03071000</t>
  </si>
  <si>
    <t>buurten.94a2c3ca-66e5-4afb-8505-e99b42c64e4c</t>
  </si>
  <si>
    <t>PL0307010012</t>
  </si>
  <si>
    <t>Liendert</t>
  </si>
  <si>
    <t>nader verkennen van de mogelijkheden voor aansluiting (van kansrijke complexen) op het aan te leggen warmtenet</t>
  </si>
  <si>
    <t>BU03071001</t>
  </si>
  <si>
    <t>Zangvogelbuurt</t>
  </si>
  <si>
    <t>2021BU03071001</t>
  </si>
  <si>
    <t>buurten.c2549a7e-1af7-400d-821b-de665586bba2</t>
  </si>
  <si>
    <t>BU03071002</t>
  </si>
  <si>
    <t>2021BU03071002</t>
  </si>
  <si>
    <t>buurten.80bc5092-bc54-428a-bad1-c5334bb76cb1</t>
  </si>
  <si>
    <t>BU03071003</t>
  </si>
  <si>
    <t>Watervogelbuurt</t>
  </si>
  <si>
    <t>2021BU03071003</t>
  </si>
  <si>
    <t>buurten.a892d46f-c73d-488d-8e1a-d964ae244813</t>
  </si>
  <si>
    <t>BU03071004</t>
  </si>
  <si>
    <t>Liendert-Zuid</t>
  </si>
  <si>
    <t>2021BU03071004</t>
  </si>
  <si>
    <t>buurten.438a81fc-7eb2-4847-9d9e-ada03d3f230c</t>
  </si>
  <si>
    <t>BU03071100</t>
  </si>
  <si>
    <t>Rustenburg-Noord</t>
  </si>
  <si>
    <t>WK030711</t>
  </si>
  <si>
    <t>2021BU03071100</t>
  </si>
  <si>
    <t>buurten.4b18ea3a-7135-4b88-9ff7-9264dcb6d329</t>
  </si>
  <si>
    <t>BU03071101</t>
  </si>
  <si>
    <t>Rustenburg-Zuid</t>
  </si>
  <si>
    <t>2021BU03071101</t>
  </si>
  <si>
    <t>buurten.260bad17-b304-4c27-a4f3-4edb8edcaef0</t>
  </si>
  <si>
    <t>BU03071201</t>
  </si>
  <si>
    <t>Bloeidaal</t>
  </si>
  <si>
    <t>WK030712</t>
  </si>
  <si>
    <t>2021BU03071201</t>
  </si>
  <si>
    <t>buurten.8b16f9b5-91f3-44bb-87c0-f139bd011b44</t>
  </si>
  <si>
    <t>BU03071202</t>
  </si>
  <si>
    <t>Stoutenburg-Noord</t>
  </si>
  <si>
    <t>2021BU03071202</t>
  </si>
  <si>
    <t>buurten.f51c6ca5-d315-4cce-a172-0bf0aa93321c</t>
  </si>
  <si>
    <t>BU03071203</t>
  </si>
  <si>
    <t>De Wieken</t>
  </si>
  <si>
    <t>2021BU03071203</t>
  </si>
  <si>
    <t>buurten.81879780-a424-40ea-aad9-4b2bbdd72389</t>
  </si>
  <si>
    <t>BU03071204</t>
  </si>
  <si>
    <t>Vinkenhoef</t>
  </si>
  <si>
    <t>2021BU03071204</t>
  </si>
  <si>
    <t>buurten.d4b6a8d1-d9eb-4030-a5b6-0808abf38e54</t>
  </si>
  <si>
    <t>BU03071205</t>
  </si>
  <si>
    <t>Nijkerkerstraat e.o.</t>
  </si>
  <si>
    <t>2021BU03071205</t>
  </si>
  <si>
    <t>buurten.8f590f65-b6ba-4378-9bcc-1d05561aa20b</t>
  </si>
  <si>
    <t>BU03071300</t>
  </si>
  <si>
    <t>Schuilenburg-Midden</t>
  </si>
  <si>
    <t>WK030713</t>
  </si>
  <si>
    <t>2021BU03071300</t>
  </si>
  <si>
    <t>buurten.cba616ce-1e6a-4b18-9744-ca6f3fbce52c</t>
  </si>
  <si>
    <t>BU03071301</t>
  </si>
  <si>
    <t>Schuilenburg-Noord</t>
  </si>
  <si>
    <t>2021BU03071301</t>
  </si>
  <si>
    <t>buurten.c14cd766-c3d8-4cbf-8240-97e8622c504d</t>
  </si>
  <si>
    <t>BU03071302</t>
  </si>
  <si>
    <t>Schuilenburg-Zuid</t>
  </si>
  <si>
    <t>2021BU03071302</t>
  </si>
  <si>
    <t>buurten.fc31dde2-ff95-4ba1-acc6-06f15b42f5ec</t>
  </si>
  <si>
    <t>BU03071400</t>
  </si>
  <si>
    <t>Willem III</t>
  </si>
  <si>
    <t>WK030714</t>
  </si>
  <si>
    <t>2021BU03071400</t>
  </si>
  <si>
    <t>buurten.0051f330-8ff1-4646-8f59-7cd235bdc32c</t>
  </si>
  <si>
    <t>BU03071401</t>
  </si>
  <si>
    <t>Componistenbuurt-Noord</t>
  </si>
  <si>
    <t>2021BU03071401</t>
  </si>
  <si>
    <t>buurten.11f27811-961b-4832-be45-36220291d844</t>
  </si>
  <si>
    <t>BU03071402</t>
  </si>
  <si>
    <t>Componistenbuurt-Midden</t>
  </si>
  <si>
    <t>2021BU03071402</t>
  </si>
  <si>
    <t>buurten.5f30e95e-e791-4009-b701-bd05af1e5b1e</t>
  </si>
  <si>
    <t>BU03071403</t>
  </si>
  <si>
    <t>Componistenbuurt-Zuid</t>
  </si>
  <si>
    <t>2021BU03071403</t>
  </si>
  <si>
    <t>buurten.69c78b79-f752-424b-ba65-1012b30bc5e8</t>
  </si>
  <si>
    <t>BU03071500</t>
  </si>
  <si>
    <t>Bekenstein / De Luiaard</t>
  </si>
  <si>
    <t>WK030715</t>
  </si>
  <si>
    <t>2021BU03071500</t>
  </si>
  <si>
    <t>buurten.796b9319-816e-4eb7-980a-9433d80756e1</t>
  </si>
  <si>
    <t>BU03071501</t>
  </si>
  <si>
    <t>Vermeerkwartier-Oost</t>
  </si>
  <si>
    <t>2021BU03071501</t>
  </si>
  <si>
    <t>buurten.7955ad39-dc5f-4dc4-b7d2-c690b52f82bf</t>
  </si>
  <si>
    <t>BU03071502</t>
  </si>
  <si>
    <t>Vermeerkwartier-West</t>
  </si>
  <si>
    <t>2021BU03071502</t>
  </si>
  <si>
    <t>buurten.ca4a65f7-6c2f-4bf8-89bb-5498b027f89b</t>
  </si>
  <si>
    <t>BU03071503</t>
  </si>
  <si>
    <t>Dorrestein</t>
  </si>
  <si>
    <t>2021BU03071503</t>
  </si>
  <si>
    <t>buurten.93cdf02d-4c61-42b2-8a04-be27033f773d</t>
  </si>
  <si>
    <t>BU03071600</t>
  </si>
  <si>
    <t>De Driehoek</t>
  </si>
  <si>
    <t>WK030716</t>
  </si>
  <si>
    <t>2021BU03071600</t>
  </si>
  <si>
    <t>buurten.d38cbd1b-0a53-4979-81d2-f8bb3575619f</t>
  </si>
  <si>
    <t>BU03071601</t>
  </si>
  <si>
    <t>Leusderkwartier-West</t>
  </si>
  <si>
    <t>2021BU03071601</t>
  </si>
  <si>
    <t>buurten.47376b76-3deb-4d04-8dde-34a0db108acb</t>
  </si>
  <si>
    <t>BU03071602</t>
  </si>
  <si>
    <t>Leusderkwartier-Oost</t>
  </si>
  <si>
    <t>2021BU03071602</t>
  </si>
  <si>
    <t>buurten.7230c6f2-5143-4e8d-a6ed-456915c86eef</t>
  </si>
  <si>
    <t>BU03071603</t>
  </si>
  <si>
    <t>Nimmerdor</t>
  </si>
  <si>
    <t>2021BU03071603</t>
  </si>
  <si>
    <t>buurten.37e7860f-7424-4b00-9a13-c75ac5bb452a</t>
  </si>
  <si>
    <t>BU03071700</t>
  </si>
  <si>
    <t>Westerstraat e.o.</t>
  </si>
  <si>
    <t>WK030717</t>
  </si>
  <si>
    <t>2021BU03071700</t>
  </si>
  <si>
    <t>buurten.67ff6be7-50b8-40fa-be60-f0ac00f9a481</t>
  </si>
  <si>
    <t>BU03071701</t>
  </si>
  <si>
    <t>Juliana van Stolberg</t>
  </si>
  <si>
    <t>2021BU03071701</t>
  </si>
  <si>
    <t>buurten.93c61348-3430-4c1c-a6ae-4a82a79cb53d</t>
  </si>
  <si>
    <t>BU03071702</t>
  </si>
  <si>
    <t>Huijgenslaan e.o.</t>
  </si>
  <si>
    <t>2021BU03071702</t>
  </si>
  <si>
    <t>buurten.0ee4e5e1-4919-4b92-b489-a5db5277e5c7</t>
  </si>
  <si>
    <t>BU03071703</t>
  </si>
  <si>
    <t>De Lichtenberg</t>
  </si>
  <si>
    <t>2021BU03071703</t>
  </si>
  <si>
    <t>buurten.383750a5-cfbf-47e3-bb91-34f0911361dc</t>
  </si>
  <si>
    <t>BU03071704</t>
  </si>
  <si>
    <t>Verhoevenstraat e.o.</t>
  </si>
  <si>
    <t>2021BU03071704</t>
  </si>
  <si>
    <t>buurten.558cade3-5db5-470b-beba-780b9a2edd49</t>
  </si>
  <si>
    <t>BU03071705</t>
  </si>
  <si>
    <t>Indische Buurt</t>
  </si>
  <si>
    <t>2021BU03071705</t>
  </si>
  <si>
    <t>buurten.25cc7b20-b846-448b-a7a2-77036729d252</t>
  </si>
  <si>
    <t>BU03071706</t>
  </si>
  <si>
    <t>Klein Zwitserland-Laag</t>
  </si>
  <si>
    <t>2021BU03071706</t>
  </si>
  <si>
    <t>buurten.3dc5a3a6-7032-4bca-909a-5e9976aabb66</t>
  </si>
  <si>
    <t>BU03071707</t>
  </si>
  <si>
    <t>Klein Zwitserland-Hoog</t>
  </si>
  <si>
    <t>2021BU03071707</t>
  </si>
  <si>
    <t>buurten.73154514-d736-4c91-9c47-2475325ee378</t>
  </si>
  <si>
    <t>BU03071800</t>
  </si>
  <si>
    <t>Regentesselaan e.o.</t>
  </si>
  <si>
    <t>WK030718</t>
  </si>
  <si>
    <t>2021BU03071800</t>
  </si>
  <si>
    <t>buurten.dd15c200-201a-49f2-92cf-8b292807f6e1</t>
  </si>
  <si>
    <t>BU03071801</t>
  </si>
  <si>
    <t>2021BU03071801</t>
  </si>
  <si>
    <t>buurten.fc8a8fb5-3076-4644-b82d-e47cf40d767e</t>
  </si>
  <si>
    <t>BU03071802</t>
  </si>
  <si>
    <t>Staatsliedenbuurt-Oost</t>
  </si>
  <si>
    <t>2021BU03071802</t>
  </si>
  <si>
    <t>buurten.fe3f7799-25a4-4638-800f-2cf2d178722e</t>
  </si>
  <si>
    <t>BU03071803</t>
  </si>
  <si>
    <t>Staatsliedenbuurt-West</t>
  </si>
  <si>
    <t>2021BU03071803</t>
  </si>
  <si>
    <t>buurten.334bf19b-500c-412b-a749-0058e397224d</t>
  </si>
  <si>
    <t>BU03071804</t>
  </si>
  <si>
    <t>2021BU03071804</t>
  </si>
  <si>
    <t>buurten.53135b9e-ce93-48fc-8551-1ce629cb63a8</t>
  </si>
  <si>
    <t>BU03071900</t>
  </si>
  <si>
    <t>De Ham</t>
  </si>
  <si>
    <t>WK030719</t>
  </si>
  <si>
    <t>2021BU03071900</t>
  </si>
  <si>
    <t>buurten.0276418d-0378-4264-94fb-4aefe968983b</t>
  </si>
  <si>
    <t>BU03071901</t>
  </si>
  <si>
    <t>Langenoord</t>
  </si>
  <si>
    <t>2021BU03071901</t>
  </si>
  <si>
    <t>buurten.dd10374f-b4b9-4c6b-ba82-cfc11e9bc8a5</t>
  </si>
  <si>
    <t>BU03071902</t>
  </si>
  <si>
    <t>Bieshaar-Noord</t>
  </si>
  <si>
    <t>2021BU03071902</t>
  </si>
  <si>
    <t>buurten.195cf82f-026d-43f3-9f02-cd057746c1b4</t>
  </si>
  <si>
    <t>BU03071903</t>
  </si>
  <si>
    <t>Bieshaar-Zuid</t>
  </si>
  <si>
    <t>2021BU03071903</t>
  </si>
  <si>
    <t>buurten.09852da4-9246-4cfb-90b2-092cf3f5e436</t>
  </si>
  <si>
    <t>BU03071904</t>
  </si>
  <si>
    <t>De Bik</t>
  </si>
  <si>
    <t>2021BU03071904</t>
  </si>
  <si>
    <t>buurten.c944cfbf-a470-41e9-88ea-d435b2fc9412</t>
  </si>
  <si>
    <t>BU03071905</t>
  </si>
  <si>
    <t>De Brinken</t>
  </si>
  <si>
    <t>2021BU03071905</t>
  </si>
  <si>
    <t>buurten.2bdf05ef-eb71-43ad-8669-c03497b8538f</t>
  </si>
  <si>
    <t>BU03071906</t>
  </si>
  <si>
    <t>De Biezen</t>
  </si>
  <si>
    <t>2021BU03071906</t>
  </si>
  <si>
    <t>buurten.e1524a0d-66cd-4563-b8c0-37b60e51bba8</t>
  </si>
  <si>
    <t>BU03072000</t>
  </si>
  <si>
    <t>WK030720</t>
  </si>
  <si>
    <t>2021BU03072000</t>
  </si>
  <si>
    <t>buurten.e017e2dc-af14-4110-a1ff-28bf52c790bf</t>
  </si>
  <si>
    <t>BU03072001</t>
  </si>
  <si>
    <t>Erasmusstraat e.o.</t>
  </si>
  <si>
    <t>2021BU03072001</t>
  </si>
  <si>
    <t>buurten.6ce37b66-16ef-4129-8d41-c949a2f1fdaf</t>
  </si>
  <si>
    <t>BU03072002</t>
  </si>
  <si>
    <t>Muziekbuurt-Noord</t>
  </si>
  <si>
    <t>2021BU03072002</t>
  </si>
  <si>
    <t>buurten.f82b4e99-de6f-4a26-9ea0-bce979d55fd3</t>
  </si>
  <si>
    <t>BU03072003</t>
  </si>
  <si>
    <t>Muziekbuurt-Zuid</t>
  </si>
  <si>
    <t>2021BU03072003</t>
  </si>
  <si>
    <t>buurten.b1ef017d-5276-48ad-8cf5-c6f30debbca7</t>
  </si>
  <si>
    <t>BU03072004</t>
  </si>
  <si>
    <t>Architectenbuurt-Oost</t>
  </si>
  <si>
    <t>2021BU03072004</t>
  </si>
  <si>
    <t>buurten.5037bbd9-6ad6-42f1-a77e-c6d48acb2702</t>
  </si>
  <si>
    <t>BU03072005</t>
  </si>
  <si>
    <t>Architectenbuurt-West</t>
  </si>
  <si>
    <t>2021BU03072005</t>
  </si>
  <si>
    <t>buurten.492dfef6-9343-41a3-80c2-f01a8c15a17b</t>
  </si>
  <si>
    <t>BU03072006</t>
  </si>
  <si>
    <t>Sportpark Zielhorst</t>
  </si>
  <si>
    <t>2021BU03072006</t>
  </si>
  <si>
    <t>buurten.0972e4e6-8689-44b8-80e4-54d526a649b3</t>
  </si>
  <si>
    <t>BU03072007</t>
  </si>
  <si>
    <t>De Brand</t>
  </si>
  <si>
    <t>2021BU03072007</t>
  </si>
  <si>
    <t>buurten.486f808c-ef72-4a84-8181-6cf236379b22</t>
  </si>
  <si>
    <t>BU03072100</t>
  </si>
  <si>
    <t>Donken en zanden</t>
  </si>
  <si>
    <t>WK030721</t>
  </si>
  <si>
    <t>2021BU03072100</t>
  </si>
  <si>
    <t>buurten.bb2119f6-4aa5-44ee-b2ae-837afe49a9f4</t>
  </si>
  <si>
    <t>BU03072101</t>
  </si>
  <si>
    <t>Paddenstoelenbuurt</t>
  </si>
  <si>
    <t>2021BU03072101</t>
  </si>
  <si>
    <t>buurten.e82e0d7c-a51b-4252-a23c-967cec7beec7</t>
  </si>
  <si>
    <t>BU03072102</t>
  </si>
  <si>
    <t>Woudzoom e.o.</t>
  </si>
  <si>
    <t>2021BU03072102</t>
  </si>
  <si>
    <t>buurten.0a3acfaa-3631-47ab-908b-42b4145beecb</t>
  </si>
  <si>
    <t>BU03072103</t>
  </si>
  <si>
    <t>Wintertuinen</t>
  </si>
  <si>
    <t>2021BU03072103</t>
  </si>
  <si>
    <t>buurten.8798361e-5f51-487d-9258-4cabc579807e</t>
  </si>
  <si>
    <t>BU03072104</t>
  </si>
  <si>
    <t>De Verwondering e.o.</t>
  </si>
  <si>
    <t>2021BU03072104</t>
  </si>
  <si>
    <t>buurten.f603486b-4676-4f70-b5b9-d6d096c77f37</t>
  </si>
  <si>
    <t>BU03072105</t>
  </si>
  <si>
    <t>Emiclaer</t>
  </si>
  <si>
    <t>2021BU03072105</t>
  </si>
  <si>
    <t>buurten.25b7868c-f300-4ef5-8320-56b726c55a9b</t>
  </si>
  <si>
    <t>BU03072106</t>
  </si>
  <si>
    <t>Groote Kreek e.o.</t>
  </si>
  <si>
    <t>2021BU03072106</t>
  </si>
  <si>
    <t>buurten.4a8ba1f9-6d3f-4c89-8bb3-dbfda6d2e1bf</t>
  </si>
  <si>
    <t>BU03072107</t>
  </si>
  <si>
    <t>Boerderijenkamer</t>
  </si>
  <si>
    <t>2021BU03072107</t>
  </si>
  <si>
    <t>buurten.7eb10757-a653-414d-8ccb-5582654ccb96</t>
  </si>
  <si>
    <t>BU03072108</t>
  </si>
  <si>
    <t>Kattenbroek-Noord</t>
  </si>
  <si>
    <t>2021BU03072108</t>
  </si>
  <si>
    <t>buurten.2301e6fb-0a90-4b07-b348-8695e4edd74c</t>
  </si>
  <si>
    <t>BU03072201</t>
  </si>
  <si>
    <t>Calveen</t>
  </si>
  <si>
    <t>WK030722</t>
  </si>
  <si>
    <t>2021BU03072201</t>
  </si>
  <si>
    <t>buurten.3b034ee4-83f2-4890-8388-7c2243782676</t>
  </si>
  <si>
    <t>PL0307010004</t>
  </si>
  <si>
    <t>Nieuwland, overige buurten</t>
  </si>
  <si>
    <t>Streven 2040</t>
  </si>
  <si>
    <t>voldoende deelname van individuele woningeigenaren, afhankelijk van vervangingsmoment van ketels en gunstig aanbod, capaciteit elektriciteitsnet/benodigde verzwaring</t>
  </si>
  <si>
    <t>volledig aardgasvrij, na netverzwaring</t>
  </si>
  <si>
    <t>BU03072400</t>
  </si>
  <si>
    <t>Stadskwartier</t>
  </si>
  <si>
    <t>WK030724</t>
  </si>
  <si>
    <t>2021BU03072400</t>
  </si>
  <si>
    <t>buurten.d66492b3-78df-4fce-b44a-1db5ef411b01</t>
  </si>
  <si>
    <t>PL0307010003</t>
  </si>
  <si>
    <t>Nieuwland buurten centrum, Stadstuin</t>
  </si>
  <si>
    <t>BU03072402</t>
  </si>
  <si>
    <t>Hoge Hoven</t>
  </si>
  <si>
    <t>2021BU03072402</t>
  </si>
  <si>
    <t>buurten.f62c3e4f-973f-4a4e-aaa7-c0d535807c08</t>
  </si>
  <si>
    <t>BU03072403</t>
  </si>
  <si>
    <t>Centrum / Waterpark</t>
  </si>
  <si>
    <t>2021BU03072403</t>
  </si>
  <si>
    <t>buurten.8a6041d3-6238-428e-8d49-bb25aa808f89</t>
  </si>
  <si>
    <t>plannen samen met eigenaar warmtenet (Eteck)</t>
  </si>
  <si>
    <t>verduurzamen van de bron van de warmtenetten</t>
  </si>
  <si>
    <t>BU03072404</t>
  </si>
  <si>
    <t>Stadstuin</t>
  </si>
  <si>
    <t>2021BU03072404</t>
  </si>
  <si>
    <t>buurten.e99b628c-38a5-4118-aea6-3417b0780027</t>
  </si>
  <si>
    <t>BU03072405</t>
  </si>
  <si>
    <t>Waterkwartier</t>
  </si>
  <si>
    <t>2021BU03072405</t>
  </si>
  <si>
    <t>buurten.d32cf3b2-36ef-4277-8904-3dd3d6f19f4d</t>
  </si>
  <si>
    <t>BU03072407</t>
  </si>
  <si>
    <t>Kruidenbuurt</t>
  </si>
  <si>
    <t>2021BU03072407</t>
  </si>
  <si>
    <t>buurten.14ff777e-f8af-40a4-8603-126e965727ed</t>
  </si>
  <si>
    <t>BU03072500</t>
  </si>
  <si>
    <t>Hoefkwartier</t>
  </si>
  <si>
    <t>WK030725</t>
  </si>
  <si>
    <t>2021BU03072500</t>
  </si>
  <si>
    <t>buurten.db68a106-39e0-40f7-84b6-aad3125db92e</t>
  </si>
  <si>
    <t>BU03072501</t>
  </si>
  <si>
    <t>De Hoef-Oost</t>
  </si>
  <si>
    <t>2021BU03072501</t>
  </si>
  <si>
    <t>buurten.e2b22fce-f456-47d2-bbb4-18eb2ef69db6</t>
  </si>
  <si>
    <t>BU03072600</t>
  </si>
  <si>
    <t>Dorpskern Hooglanderveen</t>
  </si>
  <si>
    <t>WK030726</t>
  </si>
  <si>
    <t>2021BU03072600</t>
  </si>
  <si>
    <t>buurten.43d88a4d-018b-467e-b6ba-a1a8fa91bf0a</t>
  </si>
  <si>
    <t>BU03072601</t>
  </si>
  <si>
    <t>Lient e.o.</t>
  </si>
  <si>
    <t>2021BU03072601</t>
  </si>
  <si>
    <t>buurten.b67d1e10-e0b8-47e9-aa0e-5732503704b2</t>
  </si>
  <si>
    <t>BU03072602</t>
  </si>
  <si>
    <t>Hoekveen e.o.</t>
  </si>
  <si>
    <t>2021BU03072602</t>
  </si>
  <si>
    <t>buurten.323bc784-976d-4e5a-8258-1d92fe08c987</t>
  </si>
  <si>
    <t>BU03072603</t>
  </si>
  <si>
    <t>Heideweg e.o.</t>
  </si>
  <si>
    <t>2021BU03072603</t>
  </si>
  <si>
    <t>buurten.a2bbe3fe-c1df-49e9-8fd5-b9770f2c140f</t>
  </si>
  <si>
    <t>PL0307010005</t>
  </si>
  <si>
    <t>Vathorst-De Velden, diverse buurten (Park van de Tijden-West, Park van de tijden-Oost, Dassenberg e.o., Duisterweg e.o., eilandengroepenbuurt</t>
  </si>
  <si>
    <t>BU03072700</t>
  </si>
  <si>
    <t>Coelhorst</t>
  </si>
  <si>
    <t>WK030727</t>
  </si>
  <si>
    <t>2021BU03072700</t>
  </si>
  <si>
    <t>buurten.30056a4c-88cd-4642-8952-94289aee7416</t>
  </si>
  <si>
    <t>BU03072701</t>
  </si>
  <si>
    <t>Zeldert</t>
  </si>
  <si>
    <t>2021BU03072701</t>
  </si>
  <si>
    <t>buurten.ea367781-3347-4082-8b03-9d9a148ba556</t>
  </si>
  <si>
    <t>BU03072709</t>
  </si>
  <si>
    <t>De Schans</t>
  </si>
  <si>
    <t>2021BU03072709</t>
  </si>
  <si>
    <t>buurten.564c5a2c-7129-4f1a-a6a0-18f22f320db6</t>
  </si>
  <si>
    <t>BU03072800</t>
  </si>
  <si>
    <t>Park van de Tijden-West</t>
  </si>
  <si>
    <t>WK030728</t>
  </si>
  <si>
    <t>2021BU03072800</t>
  </si>
  <si>
    <t>buurten.bbd5a804-5e23-44ef-8577-a30649b2c596</t>
  </si>
  <si>
    <t>PL0307010008</t>
  </si>
  <si>
    <t>BU03072801</t>
  </si>
  <si>
    <t>Dassenberg e.o.</t>
  </si>
  <si>
    <t>2021BU03072801</t>
  </si>
  <si>
    <t>buurten.fe597a9c-71ec-454b-bf50-eaa608627f33</t>
  </si>
  <si>
    <t>BU03072802</t>
  </si>
  <si>
    <t>Park van de Tijden-Oost</t>
  </si>
  <si>
    <t>2021BU03072802</t>
  </si>
  <si>
    <t>buurten.2c16ceb7-7bac-46fa-82eb-8a3f68b85f85</t>
  </si>
  <si>
    <t>BU03072803</t>
  </si>
  <si>
    <t>Duisterweg e.o.</t>
  </si>
  <si>
    <t>2021BU03072803</t>
  </si>
  <si>
    <t>buurten.3f60850f-2324-4ce5-a383-e5a60fc154f6</t>
  </si>
  <si>
    <t>BU03072804</t>
  </si>
  <si>
    <t>Eilandengroepenbuurt</t>
  </si>
  <si>
    <t>2021BU03072804</t>
  </si>
  <si>
    <t>buurten.ae43f3c0-cf55-446c-9ce0-b7ea1399eeac</t>
  </si>
  <si>
    <t>BU03072900</t>
  </si>
  <si>
    <t>Polderbuurt-Noord</t>
  </si>
  <si>
    <t>WK030729</t>
  </si>
  <si>
    <t>2021BU03072900</t>
  </si>
  <si>
    <t>buurten.0b62ce8f-79f4-436a-9974-a3bb2642b95b</t>
  </si>
  <si>
    <t>BU03072901</t>
  </si>
  <si>
    <t>Winkelcentrum Vathorst</t>
  </si>
  <si>
    <t>2021BU03072901</t>
  </si>
  <si>
    <t>buurten.3a61af62-1d48-4fa7-a654-ddb7ee74676f</t>
  </si>
  <si>
    <t>PL0307010006</t>
  </si>
  <si>
    <t>Vathorst-Centrum, Damespolderbuurt, Polderbuurt Noord</t>
  </si>
  <si>
    <t>BU03072902</t>
  </si>
  <si>
    <t>Damespolderbuurt</t>
  </si>
  <si>
    <t>2021BU03072902</t>
  </si>
  <si>
    <t>buurten.314efdf4-b6b8-4b4e-bad8-06c67349719e</t>
  </si>
  <si>
    <t>Vathorst-De Bron, De Bron-noord, De Bron-zuid</t>
  </si>
  <si>
    <t>BU03073000</t>
  </si>
  <si>
    <t>De Bron-Noord</t>
  </si>
  <si>
    <t>WK030730</t>
  </si>
  <si>
    <t>2021BU03073000</t>
  </si>
  <si>
    <t>buurten.475fd62a-9831-4d21-a671-cfeca9a74108</t>
  </si>
  <si>
    <t>BU03073001</t>
  </si>
  <si>
    <t>De Bron-Zuid</t>
  </si>
  <si>
    <t>2021BU03073001</t>
  </si>
  <si>
    <t>buurten.6a20a5c6-94e1-4d9e-9f89-2fc492f06c86</t>
  </si>
  <si>
    <t>BU03073100</t>
  </si>
  <si>
    <t>Waddeneilandenbuurt</t>
  </si>
  <si>
    <t>WK030731</t>
  </si>
  <si>
    <t>2021BU03073100</t>
  </si>
  <si>
    <t>buurten.da40ab81-2d1d-460a-a145-abd0e9c54266</t>
  </si>
  <si>
    <t>Vathorst Centrum, Winkelcentrum</t>
  </si>
  <si>
    <t>BU03073101</t>
  </si>
  <si>
    <t>Zuiderzeestedenbuurt-Oost</t>
  </si>
  <si>
    <t>2021BU03073101</t>
  </si>
  <si>
    <t>buurten.8dc6253c-e11b-4725-abde-47bfd77c8d13</t>
  </si>
  <si>
    <t>PL0307010007</t>
  </si>
  <si>
    <t>Vathorst-De Laak Zuiderzeestedenbuurt-oost</t>
  </si>
  <si>
    <t>BU03073102</t>
  </si>
  <si>
    <t>Zuiderzeestedenbuurt-West</t>
  </si>
  <si>
    <t>2021BU03073102</t>
  </si>
  <si>
    <t>buurten.d1e49792-93d2-4e2c-80e2-e2f6da193455</t>
  </si>
  <si>
    <t>BU03073103</t>
  </si>
  <si>
    <t>De Baken</t>
  </si>
  <si>
    <t>2021BU03073103</t>
  </si>
  <si>
    <t>buurten.fd465ed5-1b05-4f1a-9850-1d0bff792213</t>
  </si>
  <si>
    <t>BU03073104</t>
  </si>
  <si>
    <t>Laakse Tuinen</t>
  </si>
  <si>
    <t>2021BU03073104</t>
  </si>
  <si>
    <t>buurten.0dbdf616-0324-4ec5-8524-b3f647aaebbd</t>
  </si>
  <si>
    <t>BU03073105</t>
  </si>
  <si>
    <t>Over de Laak</t>
  </si>
  <si>
    <t>2021BU03073105</t>
  </si>
  <si>
    <t>buurten.8ca92b8d-c247-44e7-9e44-2a65bfc73d43</t>
  </si>
  <si>
    <t>BU03073106</t>
  </si>
  <si>
    <t>Podium</t>
  </si>
  <si>
    <t>2021BU03073106</t>
  </si>
  <si>
    <t>buurten.8a655d06-9585-461f-aac9-43926c16d62c</t>
  </si>
  <si>
    <t>BU03073201</t>
  </si>
  <si>
    <t>Vathorst-Bovenduist</t>
  </si>
  <si>
    <t>WK030732</t>
  </si>
  <si>
    <t>2021BU03073201</t>
  </si>
  <si>
    <t>buurten.e0bfc5f6-3df3-4731-80e3-4682c4987b8a</t>
  </si>
  <si>
    <t>BU03073301</t>
  </si>
  <si>
    <t>Bedrijventerrein Vathorst-Zuid</t>
  </si>
  <si>
    <t>WK030733</t>
  </si>
  <si>
    <t>2021BU03073301</t>
  </si>
  <si>
    <t>buurten.9fdc6731-4ebe-4cb2-9bcd-291c2673337a</t>
  </si>
  <si>
    <t>BU03073302</t>
  </si>
  <si>
    <t>Bedrijventerrein Vathorst-Noord</t>
  </si>
  <si>
    <t>2021BU03073302</t>
  </si>
  <si>
    <t>buurten.25cbaa4d-43aa-43d2-abb6-39a287eae840</t>
  </si>
  <si>
    <t>BU03073303</t>
  </si>
  <si>
    <t>Olympus</t>
  </si>
  <si>
    <t>2021BU03073303</t>
  </si>
  <si>
    <t>buurten.fe0d91b2-9949-4df3-8abc-1f96c43d8e92</t>
  </si>
  <si>
    <t>BU03073304</t>
  </si>
  <si>
    <t>Lindeboomseweg e.o.</t>
  </si>
  <si>
    <t>2021BU03073304</t>
  </si>
  <si>
    <t>buurten.112addc6-07ef-4af9-bdd0-5324575289d2</t>
  </si>
  <si>
    <t>BU03073401</t>
  </si>
  <si>
    <t>Birkhoven / Bokkeduinen</t>
  </si>
  <si>
    <t>WK030734</t>
  </si>
  <si>
    <t>2021BU03073401</t>
  </si>
  <si>
    <t>buurten.89f2f7ef-405a-475a-816f-586316d01aa0</t>
  </si>
  <si>
    <t>BU03073402</t>
  </si>
  <si>
    <t>Vlasakkers</t>
  </si>
  <si>
    <t>2021BU03073402</t>
  </si>
  <si>
    <t>buurten.cc985333-0670-4245-aecd-cc71afe891d8</t>
  </si>
  <si>
    <t>BU03073403</t>
  </si>
  <si>
    <t>Zon en Schild</t>
  </si>
  <si>
    <t>2021BU03073403</t>
  </si>
  <si>
    <t>buurten.243d4314-2c22-4131-a167-da452259e961</t>
  </si>
  <si>
    <t>BU03080000</t>
  </si>
  <si>
    <t>WK030800</t>
  </si>
  <si>
    <t>GM0308</t>
  </si>
  <si>
    <t>Baarn</t>
  </si>
  <si>
    <t>2021BU03080000</t>
  </si>
  <si>
    <t>buurten.dffbee47-7742-47b5-97f1-705426c51122</t>
  </si>
  <si>
    <t>in 2050  klimaatneutraal. In 2050 evenveel duurzame energie opwekken</t>
  </si>
  <si>
    <t>DC030801</t>
  </si>
  <si>
    <t>Wonen in Baarn zonder aardgas - Transitievisie Warmte</t>
  </si>
  <si>
    <t>een aanzet tot goed onderzoek geven</t>
  </si>
  <si>
    <t>in 2030 zijn ca. 1.200 woningen van het aardgas af op verantwoorde en betaalbare wijze. 2. In 2030 zijn ca. 1.000 woningen voorzien van een basis isolatieniveau en elektrisch koken</t>
  </si>
  <si>
    <t>https://baarn.raadsinformatie.nl/vergadering/695609</t>
  </si>
  <si>
    <t>PL0308010001</t>
  </si>
  <si>
    <t>PL0308010005</t>
  </si>
  <si>
    <t>Amaliapark</t>
  </si>
  <si>
    <t>Baarn; individuele all-electric aanpak</t>
  </si>
  <si>
    <t>520 woningen aardgasvrij</t>
  </si>
  <si>
    <t>informeren, stimuleren, faciliteren</t>
  </si>
  <si>
    <t>ondiepe bodemenergie</t>
  </si>
  <si>
    <t>BU03080001</t>
  </si>
  <si>
    <t>Schoonoordpark</t>
  </si>
  <si>
    <t>2021BU03080001</t>
  </si>
  <si>
    <t>buurten.fd6469c8-93b1-4682-98b0-c540e8f19d1f</t>
  </si>
  <si>
    <t>Eemdal-Noord</t>
  </si>
  <si>
    <t>350 woningen (niet duidelijk of het aardgasvrij of aardgasvrijready is)</t>
  </si>
  <si>
    <t>opppervlaktewater Eem (eventueel)</t>
  </si>
  <si>
    <t>BU03080002</t>
  </si>
  <si>
    <t>2021BU03080002</t>
  </si>
  <si>
    <t>buurten.b9fc9c5b-5f4b-4225-b957-c48779d6a81d</t>
  </si>
  <si>
    <t>BU03080003</t>
  </si>
  <si>
    <t>2021BU03080003</t>
  </si>
  <si>
    <t>buurten.413e34b4-3792-4336-a5b4-e35da9a41f42</t>
  </si>
  <si>
    <t>PL0308010002</t>
  </si>
  <si>
    <t>Baarn; gemeentebrede isolatieaanpak</t>
  </si>
  <si>
    <t>520 woningequivalenten (niet duidelijk of het aardgasvrij of aardgasvrijready is)</t>
  </si>
  <si>
    <t>BU03080004</t>
  </si>
  <si>
    <t>Oude-Oosterhei</t>
  </si>
  <si>
    <t>2021BU03080004</t>
  </si>
  <si>
    <t>buurten.a83ae2e2-7d7d-4f37-924f-50362d2c154f</t>
  </si>
  <si>
    <t>PL0308010003</t>
  </si>
  <si>
    <t>BU03080005</t>
  </si>
  <si>
    <t>Nieuwe-Oosterhei</t>
  </si>
  <si>
    <t>2021BU03080005</t>
  </si>
  <si>
    <t>buurten.373d9536-8239-4d0a-a2e4-bac21d7e3745</t>
  </si>
  <si>
    <t>PL0308010004</t>
  </si>
  <si>
    <t>BU03080006</t>
  </si>
  <si>
    <t>Pekingpark</t>
  </si>
  <si>
    <t>2021BU03080006</t>
  </si>
  <si>
    <t>buurten.486b5a6a-bc72-40b5-b314-2fd419dcd062</t>
  </si>
  <si>
    <t>BU03080007</t>
  </si>
  <si>
    <t>2021BU03080007</t>
  </si>
  <si>
    <t>buurten.9d89443a-5a5b-4931-8066-09b8bcc45dcd</t>
  </si>
  <si>
    <t>BU03080100</t>
  </si>
  <si>
    <t>WK030801</t>
  </si>
  <si>
    <t>2021BU03080100</t>
  </si>
  <si>
    <t>buurten.10e319d7-45f2-47e6-bcf0-079fa851ef9c</t>
  </si>
  <si>
    <t>31 hectare utiliteit (niet duidelijk of het aardgasvrij of aardgasvrijready is)</t>
  </si>
  <si>
    <t>Aquathermie</t>
  </si>
  <si>
    <t>BU03080101</t>
  </si>
  <si>
    <t>Professorenwijk</t>
  </si>
  <si>
    <t>2021BU03080101</t>
  </si>
  <si>
    <t>buurten.74b5f097-7750-4f5d-882c-aa536a0ad004</t>
  </si>
  <si>
    <t>BU03080102</t>
  </si>
  <si>
    <t>2021BU03080102</t>
  </si>
  <si>
    <t>buurten.77266b0e-45d7-4d72-82ac-513ed2cf593a</t>
  </si>
  <si>
    <t>BU03080103</t>
  </si>
  <si>
    <t>Schilderswijk</t>
  </si>
  <si>
    <t>2021BU03080103</t>
  </si>
  <si>
    <t>buurten.6f2442c4-aeaf-47e9-8149-400a81961b33</t>
  </si>
  <si>
    <t>BU03080104</t>
  </si>
  <si>
    <t>2021BU03080104</t>
  </si>
  <si>
    <t>buurten.60ca5dbd-aab2-48c1-8a33-786640d303e9</t>
  </si>
  <si>
    <t>PL0308010006</t>
  </si>
  <si>
    <t>BU03080105</t>
  </si>
  <si>
    <t>Eemdal-Zuid</t>
  </si>
  <si>
    <t>2021BU03080105</t>
  </si>
  <si>
    <t>buurten.196d3f5a-10a7-4d44-bf76-2a116eedefbe</t>
  </si>
  <si>
    <t>BU03080109</t>
  </si>
  <si>
    <t>Eemland waaronder Eembrugge</t>
  </si>
  <si>
    <t>2021BU03080109</t>
  </si>
  <si>
    <t>buurten.7791ef8b-897f-417c-a52b-fe914a9e49b4</t>
  </si>
  <si>
    <t>BU03080200</t>
  </si>
  <si>
    <t>WK030802</t>
  </si>
  <si>
    <t>2021BU03080200</t>
  </si>
  <si>
    <t>buurten.70e567d7-80f0-4e63-a394-8ec7cfd96586</t>
  </si>
  <si>
    <t>BU03080201</t>
  </si>
  <si>
    <t>Pr. Hendrikpark</t>
  </si>
  <si>
    <t>2021BU03080201</t>
  </si>
  <si>
    <t>buurten.bebbf7f8-e47f-4dd6-9585-a908b20cbad6</t>
  </si>
  <si>
    <t>BU03080400</t>
  </si>
  <si>
    <t>Verspreide huizen Baarn</t>
  </si>
  <si>
    <t>WK030804</t>
  </si>
  <si>
    <t>2021BU03080400</t>
  </si>
  <si>
    <t>buurten.cd2adb60-187d-4025-b743-b68f28cb3933</t>
  </si>
  <si>
    <t>GM0402</t>
  </si>
  <si>
    <t>Hilversum</t>
  </si>
  <si>
    <t>aardgasvrij in 2040, klimaatneutraal in 2050</t>
  </si>
  <si>
    <t>DC040201</t>
  </si>
  <si>
    <t>betaalbaar,draagvlak, onafhankelijke informatie en ondersteuning, energy besparen en isoleren</t>
  </si>
  <si>
    <t>een tijdspad te schetsen waarop buurten gaan isoleren of van het aardgas af te gaan</t>
  </si>
  <si>
    <t>https://ibabsonline.eu/Agenda.aspx?site=hilversum&amp;agendaid=d6750d67-182d-45a8-996d-98354d3916b3&amp;FoundIDs=A100507196,De2cd0fa4-4067-40a8-9731-2f134c795879,D7754be25-a804-480e-9173-22bf7fd9a35e</t>
  </si>
  <si>
    <t>PL0402010002</t>
  </si>
  <si>
    <t>initiatieven/draagvlak onder de betrokken bewoners</t>
  </si>
  <si>
    <t>zoveel mogelijk energie besparen door spijtvrije maatregels</t>
  </si>
  <si>
    <t>D bij hoge kosten, B bij lage kosten</t>
  </si>
  <si>
    <t>BU03080401</t>
  </si>
  <si>
    <t>Amerpoort Sherpa</t>
  </si>
  <si>
    <t>2021BU03080401</t>
  </si>
  <si>
    <t>buurten.5f2286f1-4d10-4881-bdb5-9f78c22e38d2</t>
  </si>
  <si>
    <t>BU03080500</t>
  </si>
  <si>
    <t>Lage Vuursche</t>
  </si>
  <si>
    <t>WK030805</t>
  </si>
  <si>
    <t>2021BU03080500</t>
  </si>
  <si>
    <t>buurten.5f398bd5-49db-4f70-9d08-16c3eb0c2787</t>
  </si>
  <si>
    <t>GM0310</t>
  </si>
  <si>
    <t>De Bilt</t>
  </si>
  <si>
    <t>aardgasvrij in 2050, 20% van de gebouwen aardgasvrij voor 2030</t>
  </si>
  <si>
    <t>DC031001</t>
  </si>
  <si>
    <t>Transitievisie Warmte De Bilt, beter isoleren, anders koken, duurzaam verwarmen</t>
  </si>
  <si>
    <t>2021-12-22</t>
  </si>
  <si>
    <t>Voor het gros van de gebouwen wordt voor de meest haalbare optie gekozen (of van aardas af of CO2 neutraal) maar waarbij er ook ruimte wordt gelaten voor het experiment. De gemeente gaat voor meekoppelkansen, en kijkt ook naar de openbare ruimte, bewoner</t>
  </si>
  <si>
    <t>Tot 2030 20% van de woningvoorraad van het aardgas,</t>
  </si>
  <si>
    <t>https://www.debilt.nl/fileadmin/bestanden/Bouwen_en_wonen/Transitievisie_Warmte_TVW/Transitievisie_Warmte_-_Gemeente_De_Bilt-gecomprimeerd.pdf</t>
  </si>
  <si>
    <t>PL0310010001</t>
  </si>
  <si>
    <t>PL0310010012</t>
  </si>
  <si>
    <t>De Bilt: overige warmtekavels</t>
  </si>
  <si>
    <t>Isolatieprogramma: ontwikkelen aanpak energie besparen - 2030 Label B</t>
  </si>
  <si>
    <t>terughoudend</t>
  </si>
  <si>
    <t>De gemeente De Bilt wil een isolatie-/verduurzaming programma in het leven roepen voor de periode tot en met 2030. Om zo in 2030 de gebouwde omgeving van de gemeente aardgasvrij ready te hebben. Dit programma richt zich op het verbeteren van het isolatie</t>
  </si>
  <si>
    <t>momenteel overwegend individuele oplossingen voorzien</t>
  </si>
  <si>
    <t>Minimaal naar Label B</t>
  </si>
  <si>
    <t>Minimaal naar label B</t>
  </si>
  <si>
    <t>hybride wp, bodemwp en lucht wp</t>
  </si>
  <si>
    <t>individuele warmtepomt</t>
  </si>
  <si>
    <t>electriciteitsnet, gasnet</t>
  </si>
  <si>
    <t>nog onbekend</t>
  </si>
  <si>
    <t>BU03080501</t>
  </si>
  <si>
    <t>Verspreide huizen Lage Vuursche</t>
  </si>
  <si>
    <t>2021BU03080501</t>
  </si>
  <si>
    <t>buurten.84527741-00e5-46f7-9e2f-d68a73edcf74</t>
  </si>
  <si>
    <t>BU03100101</t>
  </si>
  <si>
    <t>Westbroek Kern</t>
  </si>
  <si>
    <t>WK031001</t>
  </si>
  <si>
    <t>2021BU03100101</t>
  </si>
  <si>
    <t>buurten.d2e21a69-9de0-4cc9-8de5-cf8d8d602f2c</t>
  </si>
  <si>
    <t>BU03100102</t>
  </si>
  <si>
    <t>Westbroek Buitengebied</t>
  </si>
  <si>
    <t>2021BU03100102</t>
  </si>
  <si>
    <t>buurten.cd631788-59b3-4640-bc03-65cd6c070391</t>
  </si>
  <si>
    <t>BU03100201</t>
  </si>
  <si>
    <t>Hollandsche Rading Kern</t>
  </si>
  <si>
    <t>WK031002</t>
  </si>
  <si>
    <t>2021BU03100201</t>
  </si>
  <si>
    <t>buurten.1d4819d2-6bf1-4308-a211-a06a1a8cc215</t>
  </si>
  <si>
    <t>Transitievisie warmte Hilversum</t>
  </si>
  <si>
    <t>BU03100202</t>
  </si>
  <si>
    <t>Hollandsche Rading Buitengebied</t>
  </si>
  <si>
    <t>2021BU03100202</t>
  </si>
  <si>
    <t>buurten.46f9a5d7-d7fe-46f5-9aea-fa581f739c13</t>
  </si>
  <si>
    <t>GM1696</t>
  </si>
  <si>
    <t>Wijdemeren</t>
  </si>
  <si>
    <t>DC169601</t>
  </si>
  <si>
    <t>Op weg naar Aardgasvrij Transitievisie Warmte Wijdemeren2022-2026</t>
  </si>
  <si>
    <t>(p. 7) Kaders:1.1 Een gedragen warmtetransitie1.2 Met gebiedsgerichte participatie van start1.3 Een betaalbarre warmtetransitieRandvoorwaardenA. Voortvarend beleid en wetgeving op RijksniveauB. Uitvoeringskracht bij gemeente, stakeholders en de marktC. B</t>
  </si>
  <si>
    <t>(p. 25) Draagvlak voor de warmtetransitie in verkenningsbuurten vergroten van ongeveer 25% naar 70% in vier jaar.Inzicht in alternatieven voor aardgas en de betaalbaarheid.Warmtevraag gebouwen verlagen met 30% in 2030 ten opzichte van 2022.Voorbereiding</t>
  </si>
  <si>
    <t>https://www.wijdemeren.nl/4/duurzaamheid/Visie-Op-weg-naar-aardgasvrij.pdf</t>
  </si>
  <si>
    <t>PL1696010013</t>
  </si>
  <si>
    <t>Lint / buitengebied</t>
  </si>
  <si>
    <t>Stimulerend</t>
  </si>
  <si>
    <t>BU03100301</t>
  </si>
  <si>
    <t>Maartensdijk Kern</t>
  </si>
  <si>
    <t>WK031003</t>
  </si>
  <si>
    <t>2021BU03100301</t>
  </si>
  <si>
    <t>buurten.ee8172cf-da9a-4252-af7e-8100a913e55d</t>
  </si>
  <si>
    <t>kansrijke optie. Warmtenet kansrijk</t>
  </si>
  <si>
    <t>warmtenet,</t>
  </si>
  <si>
    <t>Elektriciteit en warmtenet</t>
  </si>
  <si>
    <t>BU03100302</t>
  </si>
  <si>
    <t>Industrieweg-Tolakkerweg</t>
  </si>
  <si>
    <t>2021BU03100302</t>
  </si>
  <si>
    <t>buurten.fbd78887-7409-47b3-a1cf-cc9a318d81c7</t>
  </si>
  <si>
    <t>BU03100303</t>
  </si>
  <si>
    <t>Maartensdijk Buitengebied</t>
  </si>
  <si>
    <t>2021BU03100303</t>
  </si>
  <si>
    <t>buurten.2a3da997-5b2a-4077-ab13-ea3b625876de</t>
  </si>
  <si>
    <t>BU03100401</t>
  </si>
  <si>
    <t>Groenekan Kern</t>
  </si>
  <si>
    <t>WK031004</t>
  </si>
  <si>
    <t>2021BU03100401</t>
  </si>
  <si>
    <t>buurten.5aee6ca5-e1bc-4116-a850-d941b47dd82b</t>
  </si>
  <si>
    <t>GM0344</t>
  </si>
  <si>
    <t>Utrecht</t>
  </si>
  <si>
    <t>40.000 minder aardgasaansluitingen in 2030, warmtenetten volledig duurzaam in 2030</t>
  </si>
  <si>
    <t>DC034402</t>
  </si>
  <si>
    <t>Naar een CO2-vrije warmtevoorziening in 2050: Transitievisie Warmte Deel I</t>
  </si>
  <si>
    <t>2021-03-11</t>
  </si>
  <si>
    <t>duurzaamheid, betaalbaarheid, betrouwbaarheid. Rijk en decentrale overheden vullen wettelijke regelingen en uitvoeringsaspecten in (wettelijke verankering).</t>
  </si>
  <si>
    <t>voorstel aardgasalternatief, het WAT</t>
  </si>
  <si>
    <t>CO2-vrije gebouwde omgeving</t>
  </si>
  <si>
    <t>minimaal 40.000 minder aardgasnetaansluitingen in 2030 (p.23)</t>
  </si>
  <si>
    <t>https://www.energie-u.nl/actueel/nieuws/gemeente-utrecht-publiceert-transitievisie-warmte</t>
  </si>
  <si>
    <t>PL0344010005</t>
  </si>
  <si>
    <t>Niet-robuuste buurten</t>
  </si>
  <si>
    <t>duurzaamheid, betaalbaar en betrouwbaar (+beschikbaarheid warmte of duurzaam gas)</t>
  </si>
  <si>
    <t>BU03100402</t>
  </si>
  <si>
    <t>Groenekan Buitengebied</t>
  </si>
  <si>
    <t>2021BU03100402</t>
  </si>
  <si>
    <t>buurten.a7c8ea95-51d8-4e6b-9cdc-6e6ab6254bc2</t>
  </si>
  <si>
    <t>Wijkuitvoeringsplan: Warmtekavel 23 - De Leijen</t>
  </si>
  <si>
    <t>definitief maatwerk individueel</t>
  </si>
  <si>
    <t>Collectieve aanpak ontwikkelen voor indivividuele oplossing op bedrijventerrein.  Larenstein heeft veel potentie omdat op het bedrijventerrein relatief weinig objecten zijn, veel inventieve ondernemers en erg hoge isolatiegraad (kantoorgebouwen moeten vo</t>
  </si>
  <si>
    <t>Hoog, veel kantoorgebouwen op bedrijventerrein</t>
  </si>
  <si>
    <t>Isolatiegraad is hoog</t>
  </si>
  <si>
    <t>niet gespcificeerd, voor 2030 kantoorgebouwen naar label A</t>
  </si>
  <si>
    <t>Elektriciteit en ruimteverwarming</t>
  </si>
  <si>
    <t>BU03100505</t>
  </si>
  <si>
    <t>De Leijen</t>
  </si>
  <si>
    <t>WK031005</t>
  </si>
  <si>
    <t>2021BU03100505</t>
  </si>
  <si>
    <t>buurten.90b42ba0-5c66-41ef-bfd2-cab3d6f7043b</t>
  </si>
  <si>
    <t>12% van de woningvoorraad heeft energielabel B of hoger</t>
  </si>
  <si>
    <t>Warmtenet, individuele oplossingen</t>
  </si>
  <si>
    <t>warmtenet</t>
  </si>
  <si>
    <t>BU03100601</t>
  </si>
  <si>
    <t>Bilthoven Noord I</t>
  </si>
  <si>
    <t>WK031006</t>
  </si>
  <si>
    <t>2021BU03100601</t>
  </si>
  <si>
    <t>buurten.76580c59-44e8-4c16-af25-771467b2de85</t>
  </si>
  <si>
    <t>De Leyen springt er tussenuit wat betreft kansrijkheid. Een warmtenet is technisch en financieel haalbaar, er zijn veel meekoppelkansen en de isolatiegraad is opvallend hoog. Daar komt bij dat zeer veel panden in bezit zijn van woningcorporaties waardoor</t>
  </si>
  <si>
    <t>BU03100602</t>
  </si>
  <si>
    <t>Bilthoven Noord II</t>
  </si>
  <si>
    <t>2021BU03100602</t>
  </si>
  <si>
    <t>buurten.93487f16-6ab8-4613-be50-34b5e0614bf0</t>
  </si>
  <si>
    <t>BU03100603</t>
  </si>
  <si>
    <t>Ridderoordsche Bossen</t>
  </si>
  <si>
    <t>2021BU03100603</t>
  </si>
  <si>
    <t>buurten.ad6f9309-6e4e-4560-90ee-093711633a22</t>
  </si>
  <si>
    <t>BU03100701</t>
  </si>
  <si>
    <t>Bilthoven Centrum</t>
  </si>
  <si>
    <t>WK031007</t>
  </si>
  <si>
    <t>2021BU03100701</t>
  </si>
  <si>
    <t>buurten.98e2bdd8-1e01-4693-98d8-1d2e52031989</t>
  </si>
  <si>
    <t>BU03100702</t>
  </si>
  <si>
    <t>Overbosch</t>
  </si>
  <si>
    <t>2021BU03100702</t>
  </si>
  <si>
    <t>buurten.53dd8334-df73-411c-8743-dc238beda1a5</t>
  </si>
  <si>
    <t>BU03100703</t>
  </si>
  <si>
    <t>Noord Houdringe</t>
  </si>
  <si>
    <t>2021BU03100703</t>
  </si>
  <si>
    <t>buurten.66f462f1-2da3-4490-8923-150482729f04</t>
  </si>
  <si>
    <t>BU03100801</t>
  </si>
  <si>
    <t>WK031008</t>
  </si>
  <si>
    <t>2021BU03100801</t>
  </si>
  <si>
    <t>buurten.5b7fe524-db23-4271-9e1c-84f2a1633fc9</t>
  </si>
  <si>
    <t>slechte energielabels en weinig besparingspotentieel</t>
  </si>
  <si>
    <t>aquathermie, Thermische Energie uit Afvalwater van de RWZI</t>
  </si>
  <si>
    <t>Stabiele warmtebron</t>
  </si>
  <si>
    <t>BU03100802</t>
  </si>
  <si>
    <t>Brandenburg</t>
  </si>
  <si>
    <t>2021BU03100802</t>
  </si>
  <si>
    <t>buurten.75688fbb-94ca-418a-bd13-623082abf7b9</t>
  </si>
  <si>
    <t>Wijkuitvoeringsplan: Warmtekavel 18 - Brandenburg PAW</t>
  </si>
  <si>
    <t>ZLT Warmtenet met WKO en individuele warmtepompen</t>
  </si>
  <si>
    <t>BU03100803</t>
  </si>
  <si>
    <t>Larenstein</t>
  </si>
  <si>
    <t>2021BU03100803</t>
  </si>
  <si>
    <t>buurten.691ae809-7d9e-4eb0-81b1-e347ff2f086e</t>
  </si>
  <si>
    <t>BU03100901</t>
  </si>
  <si>
    <t>De Bilt West</t>
  </si>
  <si>
    <t>WK031009</t>
  </si>
  <si>
    <t>2021BU03100901</t>
  </si>
  <si>
    <t>buurten.f383a61a-e5d7-41d1-9dc3-d48594da9a10</t>
  </si>
  <si>
    <t>BU03100902</t>
  </si>
  <si>
    <t>Weltevreden</t>
  </si>
  <si>
    <t>2021BU03100902</t>
  </si>
  <si>
    <t>buurten.cb5b0043-2028-43f5-ab16-fd3adb42271a</t>
  </si>
  <si>
    <t>BU03100903</t>
  </si>
  <si>
    <t>De Bilt Zuid</t>
  </si>
  <si>
    <t>2021BU03100903</t>
  </si>
  <si>
    <t>buurten.e531418c-e5d6-42aa-962d-ad429f05d67d</t>
  </si>
  <si>
    <t>Utrecht Science Park (USP)</t>
  </si>
  <si>
    <t>BU03101001</t>
  </si>
  <si>
    <t>De Bilt Oost</t>
  </si>
  <si>
    <t>WK031010</t>
  </si>
  <si>
    <t>2021BU03101001</t>
  </si>
  <si>
    <t>buurten.c169b312-8316-4ffa-9c2c-e90d8e28e5f9</t>
  </si>
  <si>
    <t>BU03101002</t>
  </si>
  <si>
    <t>Beerschoten-Oostbroek</t>
  </si>
  <si>
    <t>2021BU03101002</t>
  </si>
  <si>
    <t>buurten.a7545ec2-b50c-4d2c-9463-5bb5551a683d</t>
  </si>
  <si>
    <t>GM0355</t>
  </si>
  <si>
    <t>Zeist</t>
  </si>
  <si>
    <t>DC035501</t>
  </si>
  <si>
    <t>Transitievisie Warmte Zeist 2021: Naar een duurzame manier van verwarmen</t>
  </si>
  <si>
    <t>iedereen kan meedoen, warmte blijft betaalbaar, acceptatie van bewoners en bedrijven</t>
  </si>
  <si>
    <t>50 % energiebesparen voor 2050, aardgasvrij in 2050</t>
  </si>
  <si>
    <t>https://www.zeist.nl/energie-en-milieu/nieuwe-energie/transitievisie-warmte-naar-een-aardgasvrije-gemeente</t>
  </si>
  <si>
    <t>PL0355010001</t>
  </si>
  <si>
    <t>Vollenhove en Pedagogenbuurt</t>
  </si>
  <si>
    <t>nader onderzoek moet kansrijkheid bevestigen</t>
  </si>
  <si>
    <t>WKO met MT warmte</t>
  </si>
  <si>
    <t>MT warmte: WKO</t>
  </si>
  <si>
    <t>BU03120000</t>
  </si>
  <si>
    <t>Bunnik</t>
  </si>
  <si>
    <t>WK031200</t>
  </si>
  <si>
    <t>GM0312</t>
  </si>
  <si>
    <t>2021BU03120000</t>
  </si>
  <si>
    <t>buurten.bbc5bf0e-2904-48f6-a5c8-b7b80cc9a762</t>
  </si>
  <si>
    <t>klimaatneutrale gemeente in 2040, en volledig aardgasvrij wonen en werken in 2050 en 30% minder aardgasgebruik in 2030</t>
  </si>
  <si>
    <t>DC031201</t>
  </si>
  <si>
    <t>Transitievie Warmte Gemeente Bunnik, concept juni 2021, route stap voor stap naar aardgasvrij wonen en werken</t>
  </si>
  <si>
    <t>duurzaam, betaalbaar, robuust, zo min mogelijk overlast</t>
  </si>
  <si>
    <t>landelijke beleid, de technologische ontwikkelingen en investeringsbereidheid</t>
  </si>
  <si>
    <t>de transitie naar aardgasvrij is een proces van uitproberen, leren en opschalen</t>
  </si>
  <si>
    <t>4100 woningen (1950-1990) isoleren voor aardgasvrij ready, 900 recente woningen stimuleren richting hybride of all electric, verkenning restwarmte Vrumona voor bronnet omliggende utiliteitsgebouwen</t>
  </si>
  <si>
    <t>https://bunnik.bestuurlijkeinformatie.nl/Agenda/Document/a24705ef-ec04-46ac-8426-e9a7acd7c5d3?documentId=e8960dbb-39f9-4182-bd60-c4e4cc39bc53</t>
  </si>
  <si>
    <t>PL0312010001</t>
  </si>
  <si>
    <t>PL0344010001</t>
  </si>
  <si>
    <t>Bedrijventerrein De Rumpst</t>
  </si>
  <si>
    <t>uitvoering verwacht</t>
  </si>
  <si>
    <t>in beeld brengen mogelijkheden inzet restwarmte Vrumona tbv verwarming utiliteitsgebouwen</t>
  </si>
  <si>
    <t>woningen omzetten naar hybride of all-electric, geen aantallen doel</t>
  </si>
  <si>
    <t>Divers</t>
  </si>
  <si>
    <t>RWZI of Krommerijn</t>
  </si>
  <si>
    <t>BU03120001</t>
  </si>
  <si>
    <t>Vechten</t>
  </si>
  <si>
    <t>2021BU03120001</t>
  </si>
  <si>
    <t>buurten.41dca92b-f9fa-407a-b358-1591a16c1621</t>
  </si>
  <si>
    <t>PL0312010005</t>
  </si>
  <si>
    <t>Onderzoek naar warmtebronnen</t>
  </si>
  <si>
    <t>in beeld brengen mogelijkheden lokale warmtebronnen</t>
  </si>
  <si>
    <t>combinatie van warmtebronnen</t>
  </si>
  <si>
    <t>BU03120008</t>
  </si>
  <si>
    <t>Verspreide huizen in het noorden</t>
  </si>
  <si>
    <t>2021BU03120008</t>
  </si>
  <si>
    <t>buurten.dbf090eb-fd40-4ffc-8242-a88df4cd6741</t>
  </si>
  <si>
    <t>Isolatiebuurten eengezinswoningen 1950-1990</t>
  </si>
  <si>
    <t>BU03120009</t>
  </si>
  <si>
    <t>Verspreide huizen in het zuiden</t>
  </si>
  <si>
    <t>2021BU03120009</t>
  </si>
  <si>
    <t>buurten.4fe566ca-c01a-418a-b692-10a405f8966a</t>
  </si>
  <si>
    <t>De Transitievisie Warmte is richtinggevendRuimte voor keuzevrijheid bij de overstap naar aardgasvrij;Aandacht voor gezamenlijke belangen van verschillende doelgroepen; Kosten van oplossingen worden inzichtelijk gemaakt: oog voor betaalbaarheid; Planninge</t>
  </si>
  <si>
    <t>BU03120100</t>
  </si>
  <si>
    <t>Odijk</t>
  </si>
  <si>
    <t>WK031201</t>
  </si>
  <si>
    <t>2021BU03120100</t>
  </si>
  <si>
    <t>buurten.b979a5dd-eed8-47e2-a7de-c992247f056f</t>
  </si>
  <si>
    <t>Gemeentebrede of buurtgerichte campagne woningen vanaf 1990 all electric of hybride</t>
  </si>
  <si>
    <t>BU03120109</t>
  </si>
  <si>
    <t>Verspreide huizen van Odijk</t>
  </si>
  <si>
    <t>2021BU03120109</t>
  </si>
  <si>
    <t>buurten.82cc6719-64b3-4d05-9206-bc36d7bacb3e</t>
  </si>
  <si>
    <t>BU03120200</t>
  </si>
  <si>
    <t>Werkhoven</t>
  </si>
  <si>
    <t>WK031202</t>
  </si>
  <si>
    <t>2021BU03120200</t>
  </si>
  <si>
    <t>buurten.81612d4c-425a-4068-9581-9607dbb75f1f</t>
  </si>
  <si>
    <t>BU03120209</t>
  </si>
  <si>
    <t>Verspreide huizen van Werkhoven</t>
  </si>
  <si>
    <t>2021BU03120209</t>
  </si>
  <si>
    <t>buurten.c470a6ad-afdd-4fe5-bcd2-f41e433de2a7</t>
  </si>
  <si>
    <t>BU03130001</t>
  </si>
  <si>
    <t>WK031300</t>
  </si>
  <si>
    <t>2021BU03130001</t>
  </si>
  <si>
    <t>buurten.8395516e-94dd-444d-aa08-458343ee28cd</t>
  </si>
  <si>
    <t>BU03130002</t>
  </si>
  <si>
    <t>Spakenburg</t>
  </si>
  <si>
    <t>2021BU03130002</t>
  </si>
  <si>
    <t>buurten.f920f136-0121-486f-89d4-39d71dccb0f5</t>
  </si>
  <si>
    <t>BU03130003</t>
  </si>
  <si>
    <t>Eemdijk</t>
  </si>
  <si>
    <t>2021BU03130003</t>
  </si>
  <si>
    <t>buurten.90d47d73-9a2d-4ebd-9531-1b07d1075e6b</t>
  </si>
  <si>
    <t>BU03130004</t>
  </si>
  <si>
    <t>Broerswetering</t>
  </si>
  <si>
    <t>2021BU03130004</t>
  </si>
  <si>
    <t>buurten.eda72e69-d3cb-4665-89cd-961a4f791792</t>
  </si>
  <si>
    <t>BU03130005</t>
  </si>
  <si>
    <t>Bikkersvaart</t>
  </si>
  <si>
    <t>2021BU03130005</t>
  </si>
  <si>
    <t>buurten.121f970c-11af-427f-980e-6583dc9e4684</t>
  </si>
  <si>
    <t>BU03130006</t>
  </si>
  <si>
    <t>Blokhuiswetering</t>
  </si>
  <si>
    <t>2021BU03130006</t>
  </si>
  <si>
    <t>buurten.cb875d27-e269-44e6-984a-58cd2dee99d9</t>
  </si>
  <si>
    <t>BU03130007</t>
  </si>
  <si>
    <t>De Haar</t>
  </si>
  <si>
    <t>2021BU03130007</t>
  </si>
  <si>
    <t>buurten.9f7e3c6b-d403-4823-a793-0d798a6589a6</t>
  </si>
  <si>
    <t>BU03130008</t>
  </si>
  <si>
    <t>2021BU03130008</t>
  </si>
  <si>
    <t>buurten.11caf878-7072-42f8-af0a-2d0743f19e8d</t>
  </si>
  <si>
    <t>BU03130009</t>
  </si>
  <si>
    <t>Koenraadswetering</t>
  </si>
  <si>
    <t>2021BU03130009</t>
  </si>
  <si>
    <t>buurten.e7c25bfb-4a25-4b50-a0dc-d11632c3a0c3</t>
  </si>
  <si>
    <t>BU03130011</t>
  </si>
  <si>
    <t>Rengerswetering</t>
  </si>
  <si>
    <t>2021BU03130011</t>
  </si>
  <si>
    <t>buurten.27fa1c6e-edf2-4648-9bab-34b46286f09e</t>
  </si>
  <si>
    <t>BU03170210</t>
  </si>
  <si>
    <t>Eembrugge</t>
  </si>
  <si>
    <t>WK031702</t>
  </si>
  <si>
    <t>2021BU03170210</t>
  </si>
  <si>
    <t>buurten.0cc91b1a-8e68-49dc-84b9-05af7ecd9b22</t>
  </si>
  <si>
    <t>Bedrijventerreinen De Noordschil en De Drie Eiken</t>
  </si>
  <si>
    <t>BU03170211</t>
  </si>
  <si>
    <t>Eemmeer-Eemnes</t>
  </si>
  <si>
    <t>2021BU03170211</t>
  </si>
  <si>
    <t>buurten.0134c3a5-d852-49be-a883-28f67ad9e01f</t>
  </si>
  <si>
    <t>BU03170212</t>
  </si>
  <si>
    <t>Eemnes-Dorp</t>
  </si>
  <si>
    <t>2021BU03170212</t>
  </si>
  <si>
    <t>buurten.c4d5516f-ebca-4111-9295-9644af2793e1</t>
  </si>
  <si>
    <t>PL0317010002</t>
  </si>
  <si>
    <t>PL0317010005</t>
  </si>
  <si>
    <t>Meentweg en Wakkerendijk</t>
  </si>
  <si>
    <t>In concept (afwachtend). Onzeker, niks concreet</t>
  </si>
  <si>
    <t>In concept (in uitvoering). 2022 isoleren koplopers naar label B, vanaf 2023 isoleren woningen met individuele oplossing en vanaf 2025 starten met warmtenet of individuele oplossing.</t>
  </si>
  <si>
    <t>geen keuze gemaakt. Niks concreet, maar ze denken aan hybride warmtepomp systemen of duurzaam gas. Mocht er langs deze weg een warmtenet komen kan een aansluiting daarop ook interessant zijn.</t>
  </si>
  <si>
    <t>voorlopige keuze. In recent gebouwde woningen naderen de ketels de komende jaren het vervangingsmoment. Bovendien zijn deze woningen vaak al goed genoeg geisoleerd om op een warmtepomp over te kunnen stappen. Oudere woningen hebben meer werk nodig om te</t>
  </si>
  <si>
    <t>Gerichte voorlichting aan bewoners, ongeveer 10-15 jaar na oplevering. Gezamenlijke inkoopacties of op een andere manier bewoners samen op laten trekken.  In gesprek gaan met de installatiebranche om kennis uit te wisselen en te zorgen dat het natuurlijk</t>
  </si>
  <si>
    <t>2024: Isoleren woningen met individuele oplossing. 2025 Starten met warmtenet of individuele oplossing</t>
  </si>
  <si>
    <t>Elektra, gas en omgevingswarmte (Luchtwarmtepompen, Warmte-koudeopslag (WKO) en bodemwarmtepompen, Zonnewarmte (dak), Pelletkachels, Infraroodpanelen)</t>
  </si>
  <si>
    <t>omgevingswarmte en/of bodemwarmte en/of zonnewarmte en/of WKO</t>
  </si>
  <si>
    <t>WKO, zon</t>
  </si>
  <si>
    <t>52</t>
  </si>
  <si>
    <t>BU03170213</t>
  </si>
  <si>
    <t>Eempolder</t>
  </si>
  <si>
    <t>2021BU03170213</t>
  </si>
  <si>
    <t>buurten.727d9b0f-49fe-4ee5-b22c-56d3eb0c3e55</t>
  </si>
  <si>
    <t>BU03170214</t>
  </si>
  <si>
    <t>Polder te Veen</t>
  </si>
  <si>
    <t>2021BU03170214</t>
  </si>
  <si>
    <t>buurten.70cb5430-0266-4d6e-ac2b-bb76b1c7dedd</t>
  </si>
  <si>
    <t>PL0317010001</t>
  </si>
  <si>
    <t>In uitvoering. 2022 plan van aanpak verduurzaaming, vanaf 2023 uitvoeren plan van aanpak (isoleren/aardgasvrij maken)</t>
  </si>
  <si>
    <t>Voorkeursoptie. De warmtevisie is erop uitgekomen dat een individuele elektrische oplossing het meest interessant lijkt.</t>
  </si>
  <si>
    <t>Met een verdere verkenning willen we onderzoeken: Wat er voor inwoners nodig is om de overstap te maken; Hoe de gemeente de inwoners bij deze overstap kan ondersteunen; Of het elektriciteitsnet lokaal moet worden verzwaard; Of het lokale gasnet op een ge</t>
  </si>
  <si>
    <t>2023 starten met uitvoeren All-electric WP</t>
  </si>
  <si>
    <t>aquathermie en/of geothermie en/of zonnewarmte en/of restwarmte en/of hernieuwbaar gas (groengas)</t>
  </si>
  <si>
    <t>BU03170215</t>
  </si>
  <si>
    <t>Goyergracht</t>
  </si>
  <si>
    <t>2021BU03170215</t>
  </si>
  <si>
    <t>buurten.adda9ce1-ce87-403d-9a6f-dab953cf905b</t>
  </si>
  <si>
    <t>GM0417</t>
  </si>
  <si>
    <t>DC041701</t>
  </si>
  <si>
    <t>Transitievisie Warmte: Op weg naar aardgasvrij</t>
  </si>
  <si>
    <t>Beleidskeuzes die wij met deinzichten van nu nemen om technische,financiele en sociale uitdagingen aan tegaan</t>
  </si>
  <si>
    <t>https://www.laren.nl/inwoners/Bouwen/Duurzaam_Laren/De_transitievisie_Warmte</t>
  </si>
  <si>
    <t>PL0417010006</t>
  </si>
  <si>
    <t>Zevenend</t>
  </si>
  <si>
    <t>voorbereidend. Start verkenningsbuurten en opstellen Wijkuitvoeringsplannen(vanaf 2026)</t>
  </si>
  <si>
    <t>Geen specifieke randvoorwaarden</t>
  </si>
  <si>
    <t>BU03170216</t>
  </si>
  <si>
    <t>Heidehoek</t>
  </si>
  <si>
    <t>2021BU03170216</t>
  </si>
  <si>
    <t>buurten.0e6d8904-014f-4f01-bba4-d9329a3e71b6</t>
  </si>
  <si>
    <t>BU03170217</t>
  </si>
  <si>
    <t>Noordbuurt</t>
  </si>
  <si>
    <t>2021BU03170217</t>
  </si>
  <si>
    <t>buurten.7b05d992-2745-44ae-af18-c253f27c5e5a</t>
  </si>
  <si>
    <t>Zowel het uitvoeren van wijkverkenningen als het opstellen van uitvoeringsplannen zal een aanzienlijke inzet vragen van de gemeentelijke organisatie. Om hierin te kunnen voorzien zijn we als gemeente grotendeels afhankelijk van de financiele middelen van</t>
  </si>
  <si>
    <t>2023 Starten met warmenet of individuele oplossing</t>
  </si>
  <si>
    <t>BU03170218</t>
  </si>
  <si>
    <t>Wakkerendijk-Meentweg</t>
  </si>
  <si>
    <t>2021BU03170218</t>
  </si>
  <si>
    <t>buurten.509bea6c-afd0-48dd-94be-aa53ab61109d</t>
  </si>
  <si>
    <t>BU03170219</t>
  </si>
  <si>
    <t>Zuidbuurt</t>
  </si>
  <si>
    <t>2021BU03170219</t>
  </si>
  <si>
    <t>buurten.17aac21b-d3e1-4e8f-89e8-2c27b4b4e511</t>
  </si>
  <si>
    <t>Voorkeursoptie. De warmtevisie is erop uitgekomen dat een warmtenet hier interessant kan zijn.</t>
  </si>
  <si>
    <t>BU03211010</t>
  </si>
  <si>
    <t>Oude Dorp</t>
  </si>
  <si>
    <t>WK032110</t>
  </si>
  <si>
    <t>2021BU03211010</t>
  </si>
  <si>
    <t>buurten.04b6a933-c715-422f-b731-b60b757a5da1</t>
  </si>
  <si>
    <t>PL0321010004</t>
  </si>
  <si>
    <t>Mogelijke transformatiegebieden (Centrum-West, Centrum-Oost, Sporen, Molens, Schaften, Kaden, Hof van Wulven)</t>
  </si>
  <si>
    <t>Kleine collectieve oplossingen zijn mogelijk voor bijvoorbeeld appartementsgebouwen, scholen en zorggebouwen.</t>
  </si>
  <si>
    <t>Transformatiegebieden: In de mogelijke transformatiegebieden Centrum, Molenzoom, De Koppeling, De Lange Schaft en Noordwest (Ruimtelijke Koers) zijn veel nieuwe woningen voorzien. Het plan is ook om bestaande kantoren te veranderen in woningen. Volgens d</t>
  </si>
  <si>
    <t>Woningen 1950-1990: minimumniveau, Woningen &lt;1950: maatwerk</t>
  </si>
  <si>
    <t>Mogelijk aardwarmte</t>
  </si>
  <si>
    <t>BU03211011</t>
  </si>
  <si>
    <t>Oorden</t>
  </si>
  <si>
    <t>2021BU03211011</t>
  </si>
  <si>
    <t>buurten.d3ac0d1f-616d-481b-9b3d-ed569f51226a</t>
  </si>
  <si>
    <t>Houten-Noord (m.u.v. Centrum-West, Centrum-Oost, Molens)</t>
  </si>
  <si>
    <t>Voor Houten-Noord is gekeken of een grootschalig warmtenet op basis van aardwarmte mogelijk is. Aardwarmte is vanwege de omvang van Houten-Noord de enige denkbare warmtebron voor een nieuw warmtenet. Op dit moment is weinig bekend over de diepe ondergron</t>
  </si>
  <si>
    <t>BU03211012</t>
  </si>
  <si>
    <t>Hoven</t>
  </si>
  <si>
    <t>2021BU03211012</t>
  </si>
  <si>
    <t>buurten.8159c1f5-24ca-47a7-90b3-afa7169b6d74</t>
  </si>
  <si>
    <t>PL0321010005</t>
  </si>
  <si>
    <t>BU03211013</t>
  </si>
  <si>
    <t>Gaarden</t>
  </si>
  <si>
    <t>2021BU03211013</t>
  </si>
  <si>
    <t>buurten.7290c674-2420-4897-b3b0-5bb01fd24814</t>
  </si>
  <si>
    <t>BU03211014</t>
  </si>
  <si>
    <t>Hoeven</t>
  </si>
  <si>
    <t>2021BU03211014</t>
  </si>
  <si>
    <t>buurten.fa8b63c4-dab2-4d6e-bbba-ae03a554ab34</t>
  </si>
  <si>
    <t>BU03211015</t>
  </si>
  <si>
    <t>Erven</t>
  </si>
  <si>
    <t>2021BU03211015</t>
  </si>
  <si>
    <t>buurten.2694adab-389b-45ef-872c-d6e48c196a01</t>
  </si>
  <si>
    <t>BU03211016</t>
  </si>
  <si>
    <t>Poorten</t>
  </si>
  <si>
    <t>2021BU03211016</t>
  </si>
  <si>
    <t>buurten.3d9e8877-4a02-4aa3-8434-43a9f9dc94f4</t>
  </si>
  <si>
    <t>BU03211017</t>
  </si>
  <si>
    <t>Slagen</t>
  </si>
  <si>
    <t>2021BU03211017</t>
  </si>
  <si>
    <t>buurten.af7f9f15-2c49-40c1-bac4-1116591a7931</t>
  </si>
  <si>
    <t>BU03211018</t>
  </si>
  <si>
    <t>Borchen</t>
  </si>
  <si>
    <t>2021BU03211018</t>
  </si>
  <si>
    <t>buurten.07684cf7-fbcc-474e-93e5-dd5830b63607</t>
  </si>
  <si>
    <t>BU03211019</t>
  </si>
  <si>
    <t>Campen</t>
  </si>
  <si>
    <t>2021BU03211019</t>
  </si>
  <si>
    <t>buurten.0992d268-4ce8-4208-b347-7fa13d9ce976</t>
  </si>
  <si>
    <t>BU03211050</t>
  </si>
  <si>
    <t>Rondweg Noord-West</t>
  </si>
  <si>
    <t>2021BU03211050</t>
  </si>
  <si>
    <t>buurten.a05a86a1-b2b0-4bb9-8105-8a40fdedd8ad</t>
  </si>
  <si>
    <t>Bedrijventerreinen (Bogen, Bruggen, Vesten, Schepen, Boten, Honen)</t>
  </si>
  <si>
    <t>Bedrijventerreinen en voorzieningengebieden: Werklandschap De Meerpaal, Meerpaal, Kruisboog, Rondeel, Noordwest, Weteringhoek. Voor de bedrijventerreinen zien we een collectief bronnet of individuele warmtepompen per gebouw (all-electric) als oplossing</t>
  </si>
  <si>
    <t>Bronnet</t>
  </si>
  <si>
    <t>BU03211120</t>
  </si>
  <si>
    <t>Centrum West</t>
  </si>
  <si>
    <t>WK032111</t>
  </si>
  <si>
    <t>2021BU03211120</t>
  </si>
  <si>
    <t>buurten.a2e80b7f-9e0e-430f-a304-495821834611</t>
  </si>
  <si>
    <t>BU03211121</t>
  </si>
  <si>
    <t>Centrum Oost</t>
  </si>
  <si>
    <t>2021BU03211121</t>
  </si>
  <si>
    <t>buurten.df22ec66-5de6-459d-bd1c-087a01e10bbf</t>
  </si>
  <si>
    <t>BU03211122</t>
  </si>
  <si>
    <t>Molens</t>
  </si>
  <si>
    <t>2021BU03211122</t>
  </si>
  <si>
    <t>buurten.c58e6608-be5f-491d-afbe-2b9c7771e94e</t>
  </si>
  <si>
    <t>BU03211123</t>
  </si>
  <si>
    <t>Hagen</t>
  </si>
  <si>
    <t>2021BU03211123</t>
  </si>
  <si>
    <t>buurten.5cf3fb63-1496-4d9b-a56f-9d92050a2d79</t>
  </si>
  <si>
    <t>BU03211124</t>
  </si>
  <si>
    <t>Weiden</t>
  </si>
  <si>
    <t>2021BU03211124</t>
  </si>
  <si>
    <t>buurten.f2ce2157-60ee-44d3-b1f6-f348c4b60cce</t>
  </si>
  <si>
    <t>BU03211125</t>
  </si>
  <si>
    <t>Gilden</t>
  </si>
  <si>
    <t>2021BU03211125</t>
  </si>
  <si>
    <t>buurten.5dc961fe-7cf9-4b0a-a2c3-e48534c0c879</t>
  </si>
  <si>
    <t>BU03211126</t>
  </si>
  <si>
    <t>Velden</t>
  </si>
  <si>
    <t>2021BU03211126</t>
  </si>
  <si>
    <t>buurten.ee2b57c1-5571-40d6-9067-e69df888f527</t>
  </si>
  <si>
    <t>BU03211127</t>
  </si>
  <si>
    <t>Sloten</t>
  </si>
  <si>
    <t>2021BU03211127</t>
  </si>
  <si>
    <t>buurten.2db38bb2-5850-4aa9-8347-d945ae6194ac</t>
  </si>
  <si>
    <t>BU03211128</t>
  </si>
  <si>
    <t>Bermen</t>
  </si>
  <si>
    <t>2021BU03211128</t>
  </si>
  <si>
    <t>buurten.33a1c14f-96c1-40cd-9d88-8c3db5e974d2</t>
  </si>
  <si>
    <t>BU03211129</t>
  </si>
  <si>
    <t>Akkers</t>
  </si>
  <si>
    <t>2021BU03211129</t>
  </si>
  <si>
    <t>buurten.63677346-88b8-4967-83d3-557650997167</t>
  </si>
  <si>
    <t>BU03211151</t>
  </si>
  <si>
    <t>Rondweg Noord-Oost</t>
  </si>
  <si>
    <t>2021BU03211151</t>
  </si>
  <si>
    <t>buurten.7440004c-2dd2-4b62-9e68-325e063b554f</t>
  </si>
  <si>
    <t>BU03211230</t>
  </si>
  <si>
    <t>Bouwen</t>
  </si>
  <si>
    <t>WK032112</t>
  </si>
  <si>
    <t>2021BU03211230</t>
  </si>
  <si>
    <t>buurten.11ce4cfe-8a8c-4cdf-830d-70a676d64d69</t>
  </si>
  <si>
    <t>PL0321010001</t>
  </si>
  <si>
    <t>Houten-Zuid (Polders, Landen, Mossen, delen van Houten, Waters, Muren, Sporen, Tuinen)</t>
  </si>
  <si>
    <t>Hybride warmtepompen kunnen een tussenstap zijn indien de buurt voor elektrische warmtepompen kiest.In een deel van Mossen is een WKO-systeem reeds aanwezig.</t>
  </si>
  <si>
    <t>Nieuwe woningen in dit gebied krijgen een elektrische warmtepomp.</t>
  </si>
  <si>
    <t>Bewoners kunnen in deze gebieden samen per buurt de keuze maken om over te gaan op all-electric, of aansluiting te zoeken bij een nieuw of het (verduurzaamde) Vijfwal-warmtenet.</t>
  </si>
  <si>
    <t>Een duurzame bron, na onderzoek aan te wijzen</t>
  </si>
  <si>
    <t>BU03211231</t>
  </si>
  <si>
    <t>2021BU03211231</t>
  </si>
  <si>
    <t>buurten.870d2879-da91-4154-a858-fcf682a7ec1e</t>
  </si>
  <si>
    <t>BU03211232</t>
  </si>
  <si>
    <t>Waters</t>
  </si>
  <si>
    <t>2021BU03211232</t>
  </si>
  <si>
    <t>buurten.cbc166d5-bc9c-4570-ab50-113c7bdc5661</t>
  </si>
  <si>
    <t>Houten-Zuid (geheel Castellum-West, Castellum-Oost, Bouwen, Grassen, Stenen; delen van Houten, Waters, Muren, Sporen, Tuinen)</t>
  </si>
  <si>
    <t>BU03211233</t>
  </si>
  <si>
    <t>Polders</t>
  </si>
  <si>
    <t>2021BU03211233</t>
  </si>
  <si>
    <t>buurten.05c55081-63db-441c-8408-8d137d5bc18d</t>
  </si>
  <si>
    <t>BU03211234</t>
  </si>
  <si>
    <t>Stenen</t>
  </si>
  <si>
    <t>2021BU03211234</t>
  </si>
  <si>
    <t>buurten.4cb003d5-cc26-4123-a364-ebd6bda68dc2</t>
  </si>
  <si>
    <t>BU03211235</t>
  </si>
  <si>
    <t>Muren</t>
  </si>
  <si>
    <t>2021BU03211235</t>
  </si>
  <si>
    <t>buurten.2165cd44-e7dd-499c-8967-5729d3c6ef43</t>
  </si>
  <si>
    <t>BU03211236</t>
  </si>
  <si>
    <t>Castellum West</t>
  </si>
  <si>
    <t>2021BU03211236</t>
  </si>
  <si>
    <t>buurten.1a65eed0-d9bd-43e1-97b1-8c63712750c3</t>
  </si>
  <si>
    <t>Onderzoek moet een duurzame warmtebron vinden voor het reeds bestaande Eneco-warmtenet in dit gebied.</t>
  </si>
  <si>
    <t>BU03211237</t>
  </si>
  <si>
    <t>Castellum Oost</t>
  </si>
  <si>
    <t>2021BU03211237</t>
  </si>
  <si>
    <t>buurten.2a7393f2-581f-4948-b73d-b16b01935cc0</t>
  </si>
  <si>
    <t>BU03211238</t>
  </si>
  <si>
    <t>Schaften</t>
  </si>
  <si>
    <t>2021BU03211238</t>
  </si>
  <si>
    <t>buurten.6d4693c0-916c-4261-b9de-1871b5db17a8</t>
  </si>
  <si>
    <t>BU03211252</t>
  </si>
  <si>
    <t>Rondweg Zuid-West</t>
  </si>
  <si>
    <t>2021BU03211252</t>
  </si>
  <si>
    <t>buurten.910e5ea9-b597-4f63-9901-5c8557a571c4</t>
  </si>
  <si>
    <t>BU03211340</t>
  </si>
  <si>
    <t>Landen</t>
  </si>
  <si>
    <t>WK032113</t>
  </si>
  <si>
    <t>2021BU03211340</t>
  </si>
  <si>
    <t>buurten.60e82932-2a15-494f-bbc5-e44bb43a51b9</t>
  </si>
  <si>
    <t>BU03211341</t>
  </si>
  <si>
    <t>Tuinen</t>
  </si>
  <si>
    <t>2021BU03211341</t>
  </si>
  <si>
    <t>buurten.8232adbf-6672-47ec-99f1-a93ea5b0922b</t>
  </si>
  <si>
    <t>Hybride warmtepompen kunnen een tussenstap zijn indien de buurt voor elektrische warmtepompen kiest.</t>
  </si>
  <si>
    <t>Woningen in dit gebied kunnen door bebouwingstype en dichtheid zich niet aansluiten bij het warmtenet. Daarom wordt er voor elektrische warmtepompen gekozen.</t>
  </si>
  <si>
    <t>BU03211342</t>
  </si>
  <si>
    <t>Sporen</t>
  </si>
  <si>
    <t>2021BU03211342</t>
  </si>
  <si>
    <t>buurten.e0564b97-0c9f-4e47-9dc2-e6f319554972</t>
  </si>
  <si>
    <t>BU03211343</t>
  </si>
  <si>
    <t>Meren</t>
  </si>
  <si>
    <t>2021BU03211343</t>
  </si>
  <si>
    <t>buurten.f54160a2-9aab-4bd0-b4d2-2d761c1f03e1</t>
  </si>
  <si>
    <t>BU03211344</t>
  </si>
  <si>
    <t>Mossen</t>
  </si>
  <si>
    <t>2021BU03211344</t>
  </si>
  <si>
    <t>buurten.a833e0f2-d801-4c30-b84d-c6256f5e3708</t>
  </si>
  <si>
    <t>BU03211345</t>
  </si>
  <si>
    <t>Grassen</t>
  </si>
  <si>
    <t>2021BU03211345</t>
  </si>
  <si>
    <t>buurten.a7adff2b-8997-4306-8f12-8990a6b50139</t>
  </si>
  <si>
    <t>BU03211352</t>
  </si>
  <si>
    <t>Rondweg Zuid-Oost</t>
  </si>
  <si>
    <t>2021BU03211352</t>
  </si>
  <si>
    <t>buurten.112e5a78-cc3d-42d4-ad85-a5f54f9d96c0</t>
  </si>
  <si>
    <t>BU03212054</t>
  </si>
  <si>
    <t>WK032120</t>
  </si>
  <si>
    <t>2021BU03212054</t>
  </si>
  <si>
    <t>buurten.625bd520-3bdc-4f33-82a0-2015f4f17dea</t>
  </si>
  <si>
    <t>PL0321010006</t>
  </si>
  <si>
    <t>BU03212055</t>
  </si>
  <si>
    <t>Kaden</t>
  </si>
  <si>
    <t>2021BU03212055</t>
  </si>
  <si>
    <t>buurten.3d36491d-bc4d-4d86-a6dd-72b3c503fd91</t>
  </si>
  <si>
    <t>BU03212056</t>
  </si>
  <si>
    <t>Vesten</t>
  </si>
  <si>
    <t>2021BU03212056</t>
  </si>
  <si>
    <t>buurten.dc33d972-8b81-4e1e-8e8d-6fbbd5b52467</t>
  </si>
  <si>
    <t>BU03212057</t>
  </si>
  <si>
    <t>Schepen</t>
  </si>
  <si>
    <t>2021BU03212057</t>
  </si>
  <si>
    <t>buurten.7c9c08f3-61c8-4e0f-9897-34e20efbd45c</t>
  </si>
  <si>
    <t>BU03212058</t>
  </si>
  <si>
    <t>Boten</t>
  </si>
  <si>
    <t>2021BU03212058</t>
  </si>
  <si>
    <t>buurten.5a83c112-48ac-4b9f-b324-bbc6cd891a42</t>
  </si>
  <si>
    <t>BU03212059</t>
  </si>
  <si>
    <t>Honen</t>
  </si>
  <si>
    <t>2021BU03212059</t>
  </si>
  <si>
    <t>buurten.7c0b9c53-5a81-497b-ac18-29184f813613</t>
  </si>
  <si>
    <t>BU03212060</t>
  </si>
  <si>
    <t>Hof van Wulven</t>
  </si>
  <si>
    <t>2021BU03212060</t>
  </si>
  <si>
    <t>buurten.39263e5a-68f9-4ce2-a932-b22f38283580</t>
  </si>
  <si>
    <t>BU03212061</t>
  </si>
  <si>
    <t>Bruggen</t>
  </si>
  <si>
    <t>2021BU03212061</t>
  </si>
  <si>
    <t>buurten.2dcdc05c-57a7-49b0-b0bf-1460b7287b7b</t>
  </si>
  <si>
    <t>BU03212062</t>
  </si>
  <si>
    <t>Bogen</t>
  </si>
  <si>
    <t>2021BU03212062</t>
  </si>
  <si>
    <t>buurten.c8114e8c-31cf-49fd-b122-fc4e7b053f03</t>
  </si>
  <si>
    <t>BU03212063</t>
  </si>
  <si>
    <t>De Poel</t>
  </si>
  <si>
    <t>2021BU03212063</t>
  </si>
  <si>
    <t>buurten.e5e75cda-f80a-4dcd-b74d-e3814927d5ad</t>
  </si>
  <si>
    <t>BU03212064</t>
  </si>
  <si>
    <t>Buitengebied Houten West</t>
  </si>
  <si>
    <t>2021BU03212064</t>
  </si>
  <si>
    <t>buurten.5866d80b-3026-430b-b44c-cbe6b9d6ce10</t>
  </si>
  <si>
    <t>GM0356</t>
  </si>
  <si>
    <t>DC035601</t>
  </si>
  <si>
    <t>Transitievisie Warmte Nieuwegein: op weg naar energieneutraal</t>
  </si>
  <si>
    <t>De gemeente Nieuwegein heeft een aantal doelen met deze visie op de warmtetransitie:, De omvang en de belangrijkste uitgangspunten van de transitie in beeld brengen om bewustwording en draagvlak te creeren bij inwoners en andere belanghebbenden., Duideli</t>
  </si>
  <si>
    <t>https://www.nieuwegein.nl/fileadmin/gemeente_nieuwegein/Wonen_en_leefomgeving/Milieu_en_duurzaamransitievisie_Warmte_Nieuwegein.pdf</t>
  </si>
  <si>
    <t>PL0356010010</t>
  </si>
  <si>
    <t>Aanpak oudere woningen</t>
  </si>
  <si>
    <t>Verduurzaming bestaande warmtenet</t>
  </si>
  <si>
    <t>Analyse bedrijf- en kantoorruimtes naar warmtebehoefte</t>
  </si>
  <si>
    <t>voor en door iedereen; starten daar waar initiatief is. Keuzevrijheid en transparantie zijn andere belangrijke uitgangspunten.</t>
  </si>
  <si>
    <t>BU03212065</t>
  </si>
  <si>
    <t>Buitengebied Houten Oost</t>
  </si>
  <si>
    <t>2021BU03212065</t>
  </si>
  <si>
    <t>buurten.42d457e5-be03-467a-9675-b6be3a997cbe</t>
  </si>
  <si>
    <t>BU03213070</t>
  </si>
  <si>
    <t>Dorp 't Goy</t>
  </si>
  <si>
    <t>WK032130</t>
  </si>
  <si>
    <t>2021BU03213070</t>
  </si>
  <si>
    <t>buurten.ad5d6c2a-8180-4f7d-80d1-ac92eba0d7ea</t>
  </si>
  <si>
    <t>BU03213071</t>
  </si>
  <si>
    <t>'t Goyse Dorp</t>
  </si>
  <si>
    <t>2021BU03213071</t>
  </si>
  <si>
    <t>buurten.69327870-23d1-49bb-9291-ffac09d3e428</t>
  </si>
  <si>
    <t>BU03213172</t>
  </si>
  <si>
    <t>Buitengebied 't Goy</t>
  </si>
  <si>
    <t>WK032131</t>
  </si>
  <si>
    <t>2021BU03213172</t>
  </si>
  <si>
    <t>buurten.be526516-e207-4179-bf73-33de1fcd0ca9</t>
  </si>
  <si>
    <t>BU03214080</t>
  </si>
  <si>
    <t>'t Waal</t>
  </si>
  <si>
    <t>WK032140</t>
  </si>
  <si>
    <t>2021BU03214080</t>
  </si>
  <si>
    <t>buurten.1f3993da-f6a2-45cd-8ff6-d9fdf050ec6f</t>
  </si>
  <si>
    <t>Nieuwegein</t>
  </si>
  <si>
    <t>Voorwaarden bij de warmtetransitie:, Nieuwegein doet duurzaam, Voor en door iedereen, Gedurfd duurzaam, Begin met besparen, Betaalbaar voor iedereen, Zo min mogelijk overlast, Keuzevrijheid, maar aardgas is geen keuze, Transparante communicatie, Aan de s</t>
  </si>
  <si>
    <t>Behalen CO2-winst oudere woningen (600 woningen)</t>
  </si>
  <si>
    <t>BU03214081</t>
  </si>
  <si>
    <t>Tull</t>
  </si>
  <si>
    <t>2021BU03214081</t>
  </si>
  <si>
    <t>buurten.6bab34f8-a9e2-49a9-a0ac-6c2c8aaaa663</t>
  </si>
  <si>
    <t>BU03214182</t>
  </si>
  <si>
    <t>Buitengebied Tull en 't Waal</t>
  </si>
  <si>
    <t>WK032141</t>
  </si>
  <si>
    <t>2021BU03214182</t>
  </si>
  <si>
    <t>buurten.64f228ea-851d-4ec4-9051-1ff8ea36846b</t>
  </si>
  <si>
    <t>2021-10-04</t>
  </si>
  <si>
    <t>De TVW wordt iedere vijf jaar vernieuwd om de nieuwste inzichten over innovatie en wetten regelgeving mee te kunnen nemen. We gaan zorgvuldig om met onze inwoners. Het is belangrijk dat er duidelijk gecommuniceerd wordt over de plannen en wat die plannen</t>
  </si>
  <si>
    <t>BU03215090</t>
  </si>
  <si>
    <t>Dorp Schalkwijk West</t>
  </si>
  <si>
    <t>WK032150</t>
  </si>
  <si>
    <t>2021BU03215090</t>
  </si>
  <si>
    <t>buurten.4e189727-cf22-431c-b8fc-5e07cfbb7e97</t>
  </si>
  <si>
    <t>BU03215091</t>
  </si>
  <si>
    <t>Dorp Schalkwijk Oost</t>
  </si>
  <si>
    <t>2021BU03215091</t>
  </si>
  <si>
    <t>buurten.cb26c988-c9b3-476f-9ae9-f7dc7a8635e8</t>
  </si>
  <si>
    <t>BU03215192</t>
  </si>
  <si>
    <t>Buitengebied Schalkwijk West</t>
  </si>
  <si>
    <t>WK032151</t>
  </si>
  <si>
    <t>2021BU03215192</t>
  </si>
  <si>
    <t>buurten.64b3ef53-dcd5-46a5-9ca4-45b814c6b988</t>
  </si>
  <si>
    <t>BU03215193</t>
  </si>
  <si>
    <t>Buitengebied Schalkwijk Oost</t>
  </si>
  <si>
    <t>2021BU03215193</t>
  </si>
  <si>
    <t>buurten.b6d6d608-5965-47af-837c-9b4193674fa7</t>
  </si>
  <si>
    <t>BU03270000</t>
  </si>
  <si>
    <t>Hamershof</t>
  </si>
  <si>
    <t>WK032700</t>
  </si>
  <si>
    <t>2021BU03270000</t>
  </si>
  <si>
    <t>buurten.722d0247-6bab-410d-ae54-3f8022825e47</t>
  </si>
  <si>
    <t>BU03270001</t>
  </si>
  <si>
    <t>Akkerhoeve</t>
  </si>
  <si>
    <t>2021BU03270001</t>
  </si>
  <si>
    <t>buurten.2afe26f7-1a04-43f2-912f-a66976c8718f</t>
  </si>
  <si>
    <t>BU03270002</t>
  </si>
  <si>
    <t>Noordwijck</t>
  </si>
  <si>
    <t>2021BU03270002</t>
  </si>
  <si>
    <t>buurten.a0f5a6e6-b564-4cd3-8063-29bbd2e835e0</t>
  </si>
  <si>
    <t>BU03270003</t>
  </si>
  <si>
    <t>Langenbeek</t>
  </si>
  <si>
    <t>2021BU03270003</t>
  </si>
  <si>
    <t>buurten.ede81f08-a8e2-4171-be89-7379e93b1032</t>
  </si>
  <si>
    <t>BU03270004</t>
  </si>
  <si>
    <t>Zwanenburg</t>
  </si>
  <si>
    <t>2021BU03270004</t>
  </si>
  <si>
    <t>buurten.d60c814c-14e2-4c26-b6f3-d52e0d56045c</t>
  </si>
  <si>
    <t>BU03270005</t>
  </si>
  <si>
    <t>Munnikhove</t>
  </si>
  <si>
    <t>2021BU03270005</t>
  </si>
  <si>
    <t>buurten.92278a34-dcda-4a54-a7e0-755905d01107</t>
  </si>
  <si>
    <t>BU03270006</t>
  </si>
  <si>
    <t>Bosveld</t>
  </si>
  <si>
    <t>2021BU03270006</t>
  </si>
  <si>
    <t>buurten.12362f22-1575-4653-be5c-9672849121b5</t>
  </si>
  <si>
    <t>BU03270007</t>
  </si>
  <si>
    <t>Claverenblad</t>
  </si>
  <si>
    <t>2021BU03270007</t>
  </si>
  <si>
    <t>buurten.d7f23027-6296-47cd-aa98-94dcaa3bf6fd</t>
  </si>
  <si>
    <t>BU03270008</t>
  </si>
  <si>
    <t>Wildenburg</t>
  </si>
  <si>
    <t>2021BU03270008</t>
  </si>
  <si>
    <t>buurten.d641926c-6450-4fa4-8253-14c94e09423d</t>
  </si>
  <si>
    <t>BU03270009</t>
  </si>
  <si>
    <t>Buitengebied Leusden-Centrum Oost</t>
  </si>
  <si>
    <t>2021BU03270009</t>
  </si>
  <si>
    <t>buurten.f31ae4bb-92d4-4894-83ee-b8ec1346c97e</t>
  </si>
  <si>
    <t>Geen wijzigingen en/of Hybride Warmtepomp</t>
  </si>
  <si>
    <t>BU03270100</t>
  </si>
  <si>
    <t>Hamersveld-Oud</t>
  </si>
  <si>
    <t>WK032701</t>
  </si>
  <si>
    <t>2021BU03270100</t>
  </si>
  <si>
    <t>buurten.d4d20ea8-f244-4d3f-934e-d64cd6ab79b5</t>
  </si>
  <si>
    <t>BU03270101</t>
  </si>
  <si>
    <t>Hamersveld-Nieuw</t>
  </si>
  <si>
    <t>2021BU03270101</t>
  </si>
  <si>
    <t>buurten.836a39fe-0f80-43e9-a747-6c67958d767a</t>
  </si>
  <si>
    <t>BU03270102</t>
  </si>
  <si>
    <t>Rozenboom</t>
  </si>
  <si>
    <t>2021BU03270102</t>
  </si>
  <si>
    <t>buurten.565b9c66-80c1-4317-9d67-7f5c28f6ef51</t>
  </si>
  <si>
    <t>BU03270103</t>
  </si>
  <si>
    <t>2021BU03270103</t>
  </si>
  <si>
    <t>buurten.e9fbcc57-10f6-4371-b2f9-e9dbe2127a29</t>
  </si>
  <si>
    <t>BU03270104</t>
  </si>
  <si>
    <t>Alandsbeek-West</t>
  </si>
  <si>
    <t>2021BU03270104</t>
  </si>
  <si>
    <t>buurten.3190f188-21e4-4f07-98e3-bb26b304dbdc</t>
  </si>
  <si>
    <t>BU03270105</t>
  </si>
  <si>
    <t>Alandsbeek-Oost</t>
  </si>
  <si>
    <t>2021BU03270105</t>
  </si>
  <si>
    <t>buurten.79f63c5a-1638-46a7-8633-cfa6b4e779c4</t>
  </si>
  <si>
    <t>BU03270106</t>
  </si>
  <si>
    <t>De Wetering</t>
  </si>
  <si>
    <t>2021BU03270106</t>
  </si>
  <si>
    <t>buurten.d250d022-bc35-41fe-ae84-5a48fd01ac1a</t>
  </si>
  <si>
    <t>BU03270107</t>
  </si>
  <si>
    <t>Rossenberg</t>
  </si>
  <si>
    <t>2021BU03270107</t>
  </si>
  <si>
    <t>buurten.93102a70-4b85-4c18-815e-26e751e5d1e3</t>
  </si>
  <si>
    <t>BU03270108</t>
  </si>
  <si>
    <t>Groenhouten</t>
  </si>
  <si>
    <t>2021BU03270108</t>
  </si>
  <si>
    <t>buurten.529f5e9c-17f0-40e6-af01-9a4d1039172c</t>
  </si>
  <si>
    <t>BU03270109</t>
  </si>
  <si>
    <t>Buitengebied Leusden-Centrum West</t>
  </si>
  <si>
    <t>2021BU03270109</t>
  </si>
  <si>
    <t>buurten.a4763e83-15b5-4140-9f3e-1ab420827e62</t>
  </si>
  <si>
    <t>BU03270200</t>
  </si>
  <si>
    <t>Kern Leusden-Zuid</t>
  </si>
  <si>
    <t>WK032702</t>
  </si>
  <si>
    <t>2021BU03270200</t>
  </si>
  <si>
    <t>buurten.5a6f70ff-b29b-45e4-92b9-e4a8b23d144f</t>
  </si>
  <si>
    <t>BU03270201</t>
  </si>
  <si>
    <t>Tabaksteeg</t>
  </si>
  <si>
    <t>2021BU03270201</t>
  </si>
  <si>
    <t>buurten.0db6bb75-4eba-40f6-82b8-97630d3aa7a8</t>
  </si>
  <si>
    <t>BU03270209</t>
  </si>
  <si>
    <t>Buitengebied Leusden-Zuid</t>
  </si>
  <si>
    <t>2021BU03270209</t>
  </si>
  <si>
    <t>buurten.27f2ccbc-f2e1-4d5c-a4d8-895767df936b</t>
  </si>
  <si>
    <t>Alle gebouwen gaan zoveel mogelijk op natuurlijke momenten naar het basisniveau van isolatie, installatie en elektrisch koken.</t>
  </si>
  <si>
    <t>BU03270300</t>
  </si>
  <si>
    <t>Kern Achterveld</t>
  </si>
  <si>
    <t>WK032703</t>
  </si>
  <si>
    <t>2021BU03270300</t>
  </si>
  <si>
    <t>buurten.e3e76fbb-2f9a-4f70-922d-309fdf7f535b</t>
  </si>
  <si>
    <t>PL0203010046</t>
  </si>
  <si>
    <t>BU03270309</t>
  </si>
  <si>
    <t>2021BU03270309</t>
  </si>
  <si>
    <t>buurten.1b1e93ed-d81d-4156-89cb-a048b9f9cb45</t>
  </si>
  <si>
    <t>BU03270400</t>
  </si>
  <si>
    <t>Stoutenburg</t>
  </si>
  <si>
    <t>WK032704</t>
  </si>
  <si>
    <t>2021BU03270400</t>
  </si>
  <si>
    <t>buurten.1bf93cb1-e0b9-41eb-ab0e-9b4e1ed6405a</t>
  </si>
  <si>
    <t>BU03270500</t>
  </si>
  <si>
    <t>'t Ruige Veld</t>
  </si>
  <si>
    <t>WK032705</t>
  </si>
  <si>
    <t>2021BU03270500</t>
  </si>
  <si>
    <t>buurten.25e20fe0-4c7d-4f02-a63f-db06dfb8f5ef</t>
  </si>
  <si>
    <t>BU03270501</t>
  </si>
  <si>
    <t>'t Vliet</t>
  </si>
  <si>
    <t>2021BU03270501</t>
  </si>
  <si>
    <t>buurten.e23ddabf-6d32-4c8c-8b25-c5c7391f6bbc</t>
  </si>
  <si>
    <t>BU03310000</t>
  </si>
  <si>
    <t>Lopik-Dorp</t>
  </si>
  <si>
    <t>WK033100</t>
  </si>
  <si>
    <t>GM0331</t>
  </si>
  <si>
    <t>Lopik</t>
  </si>
  <si>
    <t>2021BU03310000</t>
  </si>
  <si>
    <t>buurten.c5b20d17-4dcc-4d89-ba38-3d46d33e55c1</t>
  </si>
  <si>
    <t>BU03310001</t>
  </si>
  <si>
    <t>Graaf</t>
  </si>
  <si>
    <t>2021BU03310001</t>
  </si>
  <si>
    <t>buurten.4903ec12-e559-4e68-a88e-488f09616c72</t>
  </si>
  <si>
    <t>BU03310002</t>
  </si>
  <si>
    <t>Uitweg</t>
  </si>
  <si>
    <t>2021BU03310002</t>
  </si>
  <si>
    <t>buurten.094133eb-2000-45db-8bb1-8c0d2b58ee80</t>
  </si>
  <si>
    <t>BU03310003</t>
  </si>
  <si>
    <t>Lopikerkapel</t>
  </si>
  <si>
    <t>2021BU03310003</t>
  </si>
  <si>
    <t>buurten.13c4644b-4a95-4d13-8128-716e1e16983b</t>
  </si>
  <si>
    <t>GM0353</t>
  </si>
  <si>
    <t>IJsselstein</t>
  </si>
  <si>
    <t>DC035301</t>
  </si>
  <si>
    <t>Transitievisie Warmte IJsselstein 1.0: op weg naar duurzame warmte voor de gebouwde omgeving van de gemeente IJsselstein</t>
  </si>
  <si>
    <t>Randvoorwaarden:, Realistisch, haalbaar en betaalbare energietransitie, Energie besparen, Benutten van lokale kansen, Een inclusieve transitie:behapbaar voor iedereen</t>
  </si>
  <si>
    <t>Deze TVW heeft een aantal algemene doelen.1 Duidelijkheid scheppen richting belanghebbenden over het proces van de warmtetransitie en de keuzes die er gemaakt moeten worden op weg naar het einddoel: een aardgasvrije gebouwde omgeving.2 De omvang van de o</t>
  </si>
  <si>
    <t>Aardgasvrij maken van 17.400 WEQ in 2050</t>
  </si>
  <si>
    <t>https://ijsselstein.raadsinformatie.nl/document/10764393/1#search=%22transitievisie%22</t>
  </si>
  <si>
    <t>PL0353010001</t>
  </si>
  <si>
    <t>PL0353010002</t>
  </si>
  <si>
    <t>Energiebesparingsaanpak</t>
  </si>
  <si>
    <t>Verdieping kansrijke warmtebronnen</t>
  </si>
  <si>
    <t>Er worden reeds acties ondernomen om energie te besparen. Om deze activiteiten in de lucht te houden en dit spoor vanaf 2022 verder tot uitvoering te brengen binnen de gemeentelijke organisatie, is er circa  50.000,- tot 100.000,- per jaar nodig. Daarnaa</t>
  </si>
  <si>
    <t>Voorwaarden uitvoeren plan: Indicatieve raming budget per onderzoek:  20.000,-  50.000,-., Begeleiding vanuit de gemeente, inclusief de organisatie van de communicatie: een dag per week (0,2 fte) zes maanden lang, per onderzoek. Blijkt een van de bronnen</t>
  </si>
  <si>
    <t>Het spoor van de energiebesparing is er tot 2030 op gericht om de voorwaarden te creeren om na 2030 versneld (want er is dan minder warmte nodig) een groter aantal woningen van het gas af te kunnen koppelen</t>
  </si>
  <si>
    <t>Inzicht krijgen in technische en financiele haalbaarheid en toepasbaarheid van kansrijke warmtebronnen in gemeente Ijsselstein</t>
  </si>
  <si>
    <t>Aquathermie (TEA uit RWZI Nieuwegein)Biogas uit slibvergisting (RWZI Nieuwegein)Aquathermie (TEO uit Hollandsche IJssel)</t>
  </si>
  <si>
    <t>aquathermie (RWZI) en/of aquathermie (TEO) en/of biogas (vergisting)</t>
  </si>
  <si>
    <t>BU03310004</t>
  </si>
  <si>
    <t>Jaarsveld</t>
  </si>
  <si>
    <t>2021BU03310004</t>
  </si>
  <si>
    <t>buurten.0599526a-2921-4b37-8eb4-c61fa6df6d90</t>
  </si>
  <si>
    <t>Gehele gemeente</t>
  </si>
  <si>
    <t>We spelen hierbij in op natuurlijke momenten zoals verhuizingen, cv-ketel vervanging en geplande verbouwingen om zo de kosten voor isoleren zo laag mogelijk te houden. De aanpak is gebiedsbericht en zal over een langere periode plaats vinden om aan te sl</t>
  </si>
  <si>
    <t>BU03310005</t>
  </si>
  <si>
    <t>Wielsekade</t>
  </si>
  <si>
    <t>2021BU03310005</t>
  </si>
  <si>
    <t>buurten.36a958e7-befd-4900-9afd-e53fea7a0b84</t>
  </si>
  <si>
    <t>BU03310006</t>
  </si>
  <si>
    <t>Cabauw</t>
  </si>
  <si>
    <t>2021BU03310006</t>
  </si>
  <si>
    <t>buurten.8a1d5491-2e0f-471f-a799-7a5a3b782bb6</t>
  </si>
  <si>
    <t>BU03310007</t>
  </si>
  <si>
    <t>Zevender</t>
  </si>
  <si>
    <t>2021BU03310007</t>
  </si>
  <si>
    <t>buurten.333432c7-ab6f-4149-82e6-09bba402857d</t>
  </si>
  <si>
    <t>GM1931</t>
  </si>
  <si>
    <t>Krimpenerwaard</t>
  </si>
  <si>
    <t>gasverbruik -30% in 2030; in 2050 aardgasvrij</t>
  </si>
  <si>
    <t>DC193101</t>
  </si>
  <si>
    <t>Warmtevisie Krimpenerwaard</t>
  </si>
  <si>
    <t>de gemeente verwacht dat met een gemeentebrede aanpak gericht op isolatie en efficientere verwarmingssystemen voor 2030 meer aardgas en CO2 kan worden bespaard dan wanneer enkele wijken voor 2030 volledig aardgasvrij worden gemaakt.</t>
  </si>
  <si>
    <t>gasverbruik t.o.v. 2021 -30% in 2030 (o.a. d.m.v. isoleren); in 2050 aardgasvrij</t>
  </si>
  <si>
    <t>https://ris2.ibabs.eu/Agenda/Details/Krimpenerwaard/d2ee146d-36a8-4cc4-8cd1-e9e73691d90a</t>
  </si>
  <si>
    <t>PL1931010001</t>
  </si>
  <si>
    <t>Gemeentebrede besparingsaanpak Krimpenerwaard</t>
  </si>
  <si>
    <t>draagvlak. Bewoners moeten zelf handelen</t>
  </si>
  <si>
    <t>tot 2030 isoleren, energiebesparing en de gedeeltelijke overstap op verwarmenmet een hybride warmtepomp of warmtepomp</t>
  </si>
  <si>
    <t>Isolatieprogramma</t>
  </si>
  <si>
    <t>BU03310008</t>
  </si>
  <si>
    <t>Lekdijk tussen Jaarsveld en Schoonhoven</t>
  </si>
  <si>
    <t>2021BU03310008</t>
  </si>
  <si>
    <t>buurten.479da3ed-331e-45e5-a177-d0122ec8a5b1</t>
  </si>
  <si>
    <t>BU03310009</t>
  </si>
  <si>
    <t>Langs de Lekdijk Lopikerwaard</t>
  </si>
  <si>
    <t>2021BU03310009</t>
  </si>
  <si>
    <t>buurten.b7f4fa4e-5d24-4129-ba7d-9ce777e8f745</t>
  </si>
  <si>
    <t>BU03310010</t>
  </si>
  <si>
    <t>Benschop-Dorp</t>
  </si>
  <si>
    <t>2021BU03310010</t>
  </si>
  <si>
    <t>buurten.df3d2d7c-f933-4702-9390-58f74a7a47c3</t>
  </si>
  <si>
    <t>BU03310019</t>
  </si>
  <si>
    <t>Benschop Boveneind-Benedeneind</t>
  </si>
  <si>
    <t>2021BU03310019</t>
  </si>
  <si>
    <t>buurten.22d798ef-f270-48d7-9c6f-36172c9eaa1d</t>
  </si>
  <si>
    <t>BU03310020</t>
  </si>
  <si>
    <t>Polsbroek-Dorp</t>
  </si>
  <si>
    <t>2021BU03310020</t>
  </si>
  <si>
    <t>buurten.9a931836-317d-4207-a974-3f5e7b952027</t>
  </si>
  <si>
    <t>BU03310029</t>
  </si>
  <si>
    <t>Polsbroek-Noordzijdseweg-Zuidzijdseweg</t>
  </si>
  <si>
    <t>2021BU03310029</t>
  </si>
  <si>
    <t>buurten.24a55ad0-2a1e-449e-9a41-43be96500f7f</t>
  </si>
  <si>
    <t>BU03350000</t>
  </si>
  <si>
    <t>Montfoort</t>
  </si>
  <si>
    <t>WK033500</t>
  </si>
  <si>
    <t>GM0335</t>
  </si>
  <si>
    <t>2021BU03350000</t>
  </si>
  <si>
    <t>buurten.4f2081ec-4211-4b7e-821e-c11245ebf52d</t>
  </si>
  <si>
    <t>BU03350001</t>
  </si>
  <si>
    <t>Tabakshof en Heeswijk (gedeeltelijk)</t>
  </si>
  <si>
    <t>2021BU03350001</t>
  </si>
  <si>
    <t>buurten.9b76428e-22d7-4917-8eab-cfac0a83e1ce</t>
  </si>
  <si>
    <t>BU03350100</t>
  </si>
  <si>
    <t>Linschoten</t>
  </si>
  <si>
    <t>WK033501</t>
  </si>
  <si>
    <t>2021BU03350100</t>
  </si>
  <si>
    <t>buurten.429adfa9-813d-4349-b928-1cd9f1261d53</t>
  </si>
  <si>
    <t>BU03350101</t>
  </si>
  <si>
    <t>Polanen</t>
  </si>
  <si>
    <t>2021BU03350101</t>
  </si>
  <si>
    <t>buurten.73e6b51e-adbd-4ae4-8b23-1bc6b3640226</t>
  </si>
  <si>
    <t>BU03350102</t>
  </si>
  <si>
    <t>Cattenbroek</t>
  </si>
  <si>
    <t>2021BU03350102</t>
  </si>
  <si>
    <t>buurten.ce3662ad-caf9-4614-9d99-5046cdab1dd8</t>
  </si>
  <si>
    <t>BU03350103</t>
  </si>
  <si>
    <t>Heeswijk</t>
  </si>
  <si>
    <t>2021BU03350103</t>
  </si>
  <si>
    <t>buurten.2768870e-be01-4182-86b6-633557e4ebf7</t>
  </si>
  <si>
    <t>BU03350108</t>
  </si>
  <si>
    <t>Verspreide huizen Linschoten</t>
  </si>
  <si>
    <t>2021BU03350108</t>
  </si>
  <si>
    <t>buurten.aa9bfefd-ccbb-4df3-b32e-876bc2b92f89</t>
  </si>
  <si>
    <t>GM1901</t>
  </si>
  <si>
    <t>Bodegraven-Reeuwijk</t>
  </si>
  <si>
    <t>DC190101</t>
  </si>
  <si>
    <t>Transitievisie warmte gemeente bodegraven-reeuwijk</t>
  </si>
  <si>
    <t>voldoende participatie / communicatie, lokale initiatieven beschikbaar, betaalbaarheid, gebruik bestaande duurzame energiebronnen, aandacht voor speciale behoeften van bedrijven, betrouwbaarheid warmtesysteem</t>
  </si>
  <si>
    <t>duurzaamheid, lokaal en eerlijk, participatie</t>
  </si>
  <si>
    <t>https://bodegraven-reeuwijk.parlaeus.nl/user/showdoc/action=view/id=106130/type=pdf/Raadsbesluit__Transitie_visie_warmte.pdf</t>
  </si>
  <si>
    <t>PL1901010001</t>
  </si>
  <si>
    <t>Tussenoplossing naar aardgasvrij</t>
  </si>
  <si>
    <t>huidige installatie moet aan vervanging toe zijn</t>
  </si>
  <si>
    <t>uitstoot reduceren</t>
  </si>
  <si>
    <t>BU03350109</t>
  </si>
  <si>
    <t>Verspreide huizen Mastwijk</t>
  </si>
  <si>
    <t>2021BU03350109</t>
  </si>
  <si>
    <t>buurten.5a859245-97cd-4bdb-9259-38468733a063</t>
  </si>
  <si>
    <t>DC034401</t>
  </si>
  <si>
    <t>PL0344010007</t>
  </si>
  <si>
    <t>Vleuten de Meern</t>
  </si>
  <si>
    <t>vooruitzicht</t>
  </si>
  <si>
    <t>duurzaamheid, betaalbaar en betrouwbaar</t>
  </si>
  <si>
    <t>BU03350200</t>
  </si>
  <si>
    <t>Willeskop</t>
  </si>
  <si>
    <t>WK033502</t>
  </si>
  <si>
    <t>2021BU03350200</t>
  </si>
  <si>
    <t>buurten.844faa3e-6d3e-4d2f-8ceb-60a4e5fbbfc4</t>
  </si>
  <si>
    <t>BU03350201</t>
  </si>
  <si>
    <t>Blokland</t>
  </si>
  <si>
    <t>2021BU03350201</t>
  </si>
  <si>
    <t>buurten.2b8a8c98-b680-4a9b-8449-16296fc8e4de</t>
  </si>
  <si>
    <t>BU03350202</t>
  </si>
  <si>
    <t>Beneden Kerkweg</t>
  </si>
  <si>
    <t>2021BU03350202</t>
  </si>
  <si>
    <t>buurten.9e8a6050-b47b-475e-a57e-ec5468d99a18</t>
  </si>
  <si>
    <t>BU03350209</t>
  </si>
  <si>
    <t>2021BU03350209</t>
  </si>
  <si>
    <t>buurten.aa722c2a-4307-4221-8495-15c656057652</t>
  </si>
  <si>
    <t>BU03390000</t>
  </si>
  <si>
    <t>WK033900</t>
  </si>
  <si>
    <t>2021BU03390000</t>
  </si>
  <si>
    <t>buurten.497f99dc-84ba-4936-87b1-90380281378f</t>
  </si>
  <si>
    <t>BU03390009</t>
  </si>
  <si>
    <t>2021BU03390009</t>
  </si>
  <si>
    <t>buurten.14a58838-1389-4e6e-8aa6-0135630e99a9</t>
  </si>
  <si>
    <t>Aardgasvrij ready maken en op natuurlijk tempo aardgasvrij.</t>
  </si>
  <si>
    <t>BU03400001</t>
  </si>
  <si>
    <t>Rhenen Binnenstad</t>
  </si>
  <si>
    <t>WK034000</t>
  </si>
  <si>
    <t>2021BU03400001</t>
  </si>
  <si>
    <t>buurten.955d1720-6d4e-4bfe-acd1-a92feb0ffc56</t>
  </si>
  <si>
    <t>PL0340010001</t>
  </si>
  <si>
    <t>Warmtenet Rhenen</t>
  </si>
  <si>
    <t>BU03400101</t>
  </si>
  <si>
    <t>Cunera</t>
  </si>
  <si>
    <t>WK034001</t>
  </si>
  <si>
    <t>2021BU03400101</t>
  </si>
  <si>
    <t>buurten.fe3391bd-9ba4-432f-b156-82276e643d4c</t>
  </si>
  <si>
    <t>BU03400102</t>
  </si>
  <si>
    <t>Vogelenzang</t>
  </si>
  <si>
    <t>2021BU03400102</t>
  </si>
  <si>
    <t>buurten.553c47a2-75b1-43f7-8249-caf99ee52c3f</t>
  </si>
  <si>
    <t>BU03400103</t>
  </si>
  <si>
    <t>Grebbekwartier Zuid</t>
  </si>
  <si>
    <t>2021BU03400103</t>
  </si>
  <si>
    <t>buurten.849c4ad8-ca00-4716-9576-ac14d14836e4</t>
  </si>
  <si>
    <t>BU03400104</t>
  </si>
  <si>
    <t>Grebbekwartier Noord</t>
  </si>
  <si>
    <t>2021BU03400104</t>
  </si>
  <si>
    <t>buurten.131e6049-c186-4cfd-9d40-9777e03bc76d</t>
  </si>
  <si>
    <t>BU03400105</t>
  </si>
  <si>
    <t>Bruine Eng</t>
  </si>
  <si>
    <t>2021BU03400105</t>
  </si>
  <si>
    <t>buurten.421796b3-11a2-4a75-829a-06b452387caa</t>
  </si>
  <si>
    <t>PL0340010002</t>
  </si>
  <si>
    <t>Mogelijke uitbreidingsgebieden warmtenet Rhenen</t>
  </si>
  <si>
    <t>BU03400201</t>
  </si>
  <si>
    <t>Molenberg</t>
  </si>
  <si>
    <t>WK034002</t>
  </si>
  <si>
    <t>2021BU03400201</t>
  </si>
  <si>
    <t>buurten.75879bc6-772a-4323-91af-96aff3ee2793</t>
  </si>
  <si>
    <t>BU03400202</t>
  </si>
  <si>
    <t>Donderberg</t>
  </si>
  <si>
    <t>2021BU03400202</t>
  </si>
  <si>
    <t>buurten.e9dc6339-b9ee-4e53-ad41-bc6fc04263d0</t>
  </si>
  <si>
    <t>BU03400203</t>
  </si>
  <si>
    <t>Koerheuvel</t>
  </si>
  <si>
    <t>2021BU03400203</t>
  </si>
  <si>
    <t>buurten.2b908cf7-b18d-489d-91ac-730438c6eda8</t>
  </si>
  <si>
    <t>BU03400301</t>
  </si>
  <si>
    <t>Rhenen Hoog</t>
  </si>
  <si>
    <t>WK034003</t>
  </si>
  <si>
    <t>2021BU03400301</t>
  </si>
  <si>
    <t>buurten.a667eac7-0daa-4a0c-bb53-bf4714af7b4b</t>
  </si>
  <si>
    <t>BU03400302</t>
  </si>
  <si>
    <t>Domineesberg</t>
  </si>
  <si>
    <t>2021BU03400302</t>
  </si>
  <si>
    <t>buurten.1c4fbea6-3941-4179-8254-1c6c260ae5c8</t>
  </si>
  <si>
    <t>BU03400303</t>
  </si>
  <si>
    <t>Helling Bergweg</t>
  </si>
  <si>
    <t>2021BU03400303</t>
  </si>
  <si>
    <t>buurten.9e8091f8-4f61-423d-ab09-1b08c3b86f19</t>
  </si>
  <si>
    <t>BU03400401</t>
  </si>
  <si>
    <t>Grebbeberg</t>
  </si>
  <si>
    <t>WK034004</t>
  </si>
  <si>
    <t>2021BU03400401</t>
  </si>
  <si>
    <t>buurten.dee4c0aa-8aaf-4d24-9035-4cf09fadbee8</t>
  </si>
  <si>
    <t>BU03400501</t>
  </si>
  <si>
    <t>Randzone</t>
  </si>
  <si>
    <t>WK034005</t>
  </si>
  <si>
    <t>2021BU03400501</t>
  </si>
  <si>
    <t>buurten.1a31f4cf-a893-412f-b8ea-82a0cfd31f9b</t>
  </si>
  <si>
    <t>BU03400502</t>
  </si>
  <si>
    <t>Veeneind</t>
  </si>
  <si>
    <t>2021BU03400502</t>
  </si>
  <si>
    <t>buurten.a9dbf671-3f8d-4028-8070-b9a525094ecb</t>
  </si>
  <si>
    <t>Petenbos</t>
  </si>
  <si>
    <t>BU03400503</t>
  </si>
  <si>
    <t>Rhenendael</t>
  </si>
  <si>
    <t>2021BU03400503</t>
  </si>
  <si>
    <t>buurten.d81c2a3f-d190-4234-83a8-a91cf1b1bc66</t>
  </si>
  <si>
    <t>PL0345010005</t>
  </si>
  <si>
    <t>voorbereidend. De planning is om in 2024 en 2025 samen met bewoners en ondernemers een plan voor de buurt te maken. Buurtbewoners en ondernemers ontvangen hier een uitnodiging voor.</t>
  </si>
  <si>
    <t>geen keuze gemaakt. Het is niet duidelijk wat de meest voordelige oplossing is in Petenbos: een warmtenet of een individuele oplossing. De keuze voor een van beide oplossingen zal daarom eerder afhangen van  andere voor- en nadelen, zoals draagvlak bij d</t>
  </si>
  <si>
    <t>WUP in 2024 maken en aardgasvrij in 2050</t>
  </si>
  <si>
    <t>BU03400504</t>
  </si>
  <si>
    <t>Prattenburg</t>
  </si>
  <si>
    <t>2021BU03400504</t>
  </si>
  <si>
    <t>buurten.e757ba02-a3f4-4fed-a55a-a0636f3b57a4</t>
  </si>
  <si>
    <t>BU03400601</t>
  </si>
  <si>
    <t>Binnenveld</t>
  </si>
  <si>
    <t>WK034006</t>
  </si>
  <si>
    <t>2021BU03400601</t>
  </si>
  <si>
    <t>buurten.f82a4d3a-8a2d-40fd-aaac-99e096890984</t>
  </si>
  <si>
    <t>Startwijk Achterberg</t>
  </si>
  <si>
    <t>BU03400701</t>
  </si>
  <si>
    <t>Achterberg</t>
  </si>
  <si>
    <t>WK034007</t>
  </si>
  <si>
    <t>2021BU03400701</t>
  </si>
  <si>
    <t>buurten.45ff1ffa-56bc-42f5-ac71-0dc8b664af70</t>
  </si>
  <si>
    <t>PL0340010005</t>
  </si>
  <si>
    <t>BU03400702</t>
  </si>
  <si>
    <t>2021BU03400702</t>
  </si>
  <si>
    <t>buurten.ff4c3a10-fd6c-4eb3-9d69-6813500ce8a0</t>
  </si>
  <si>
    <t>BU03400703</t>
  </si>
  <si>
    <t>Achterberg West</t>
  </si>
  <si>
    <t>2021BU03400703</t>
  </si>
  <si>
    <t>buurten.003563f2-c0f8-41a2-ab30-f6ed901d0ebc</t>
  </si>
  <si>
    <t>BU03400801</t>
  </si>
  <si>
    <t>Uiterwaarden Rhenen</t>
  </si>
  <si>
    <t>WK034008</t>
  </si>
  <si>
    <t>2021BU03400801</t>
  </si>
  <si>
    <t>buurten.37e69ab3-4d97-40b1-95a9-395502410713</t>
  </si>
  <si>
    <t>PL0214010024</t>
  </si>
  <si>
    <t>RWZI Remmerden (TEO/TEA): LT warmte</t>
  </si>
  <si>
    <t>BU03400901</t>
  </si>
  <si>
    <t>Remmerden</t>
  </si>
  <si>
    <t>WK034009</t>
  </si>
  <si>
    <t>2021BU03400901</t>
  </si>
  <si>
    <t>buurten.b9a35469-0d47-44d8-a5f1-0c46752889a6</t>
  </si>
  <si>
    <t>PL0340010004</t>
  </si>
  <si>
    <t>Startwijk Remmerden</t>
  </si>
  <si>
    <t>Warmte- en Koudenet</t>
  </si>
  <si>
    <t>aquathermie (RWZI) en/of aquathermie (TEO)</t>
  </si>
  <si>
    <t>BU03401001</t>
  </si>
  <si>
    <t>Heuvelrug Rhenen</t>
  </si>
  <si>
    <t>WK034010</t>
  </si>
  <si>
    <t>2021BU03401001</t>
  </si>
  <si>
    <t>buurten.1c37a577-4087-412e-bef5-251871e04c69</t>
  </si>
  <si>
    <t>BU03401101</t>
  </si>
  <si>
    <t>Heuvelrug Elst</t>
  </si>
  <si>
    <t>WK034011</t>
  </si>
  <si>
    <t>2021BU03401101</t>
  </si>
  <si>
    <t>buurten.8d7ed39b-8d52-42ff-8207-0ea7a240bed0</t>
  </si>
  <si>
    <t>BU03401201</t>
  </si>
  <si>
    <t>Uiterwaarden Elst</t>
  </si>
  <si>
    <t>WK034012</t>
  </si>
  <si>
    <t>2021BU03401201</t>
  </si>
  <si>
    <t>buurten.fab5692a-2f82-4151-9d23-29d8b9da9e94</t>
  </si>
  <si>
    <t>BU03401301</t>
  </si>
  <si>
    <t>De Vordel</t>
  </si>
  <si>
    <t>WK034013</t>
  </si>
  <si>
    <t>2021BU03401301</t>
  </si>
  <si>
    <t>buurten.e08a9555-56fc-467d-b8af-6086fe409231</t>
  </si>
  <si>
    <t>BU03401302</t>
  </si>
  <si>
    <t>Elst Centrum</t>
  </si>
  <si>
    <t>2021BU03401302</t>
  </si>
  <si>
    <t>buurten.a7544627-1c69-4c95-99cc-ea785cfec3ab</t>
  </si>
  <si>
    <t>BU03401303</t>
  </si>
  <si>
    <t>Het Bosje</t>
  </si>
  <si>
    <t>2021BU03401303</t>
  </si>
  <si>
    <t>buurten.f9c5b725-66b6-4007-a62d-8061af22c99b</t>
  </si>
  <si>
    <t>BU03401304</t>
  </si>
  <si>
    <t>Elst West</t>
  </si>
  <si>
    <t>2021BU03401304</t>
  </si>
  <si>
    <t>buurten.5178d748-640a-46d9-b240-655e9c325970</t>
  </si>
  <si>
    <t>BU03420101</t>
  </si>
  <si>
    <t>Industrieterrein Soest</t>
  </si>
  <si>
    <t>WK034201</t>
  </si>
  <si>
    <t>GM0342</t>
  </si>
  <si>
    <t>Soest</t>
  </si>
  <si>
    <t>2021BU03420101</t>
  </si>
  <si>
    <t>buurten.d6f6ce2c-9535-486e-950b-23ce4fc2775a</t>
  </si>
  <si>
    <t>BU03420102</t>
  </si>
  <si>
    <t>'t Hart</t>
  </si>
  <si>
    <t>2021BU03420102</t>
  </si>
  <si>
    <t>buurten.eec1da1a-e9ea-4797-93c0-0829b829cd65</t>
  </si>
  <si>
    <t>BU03420103</t>
  </si>
  <si>
    <t>Soestdijk</t>
  </si>
  <si>
    <t>2021BU03420103</t>
  </si>
  <si>
    <t>buurten.972961c0-7895-4fd8-808c-69c3d4ca82f0</t>
  </si>
  <si>
    <t>BU03420201</t>
  </si>
  <si>
    <t>Klaarwater</t>
  </si>
  <si>
    <t>WK034202</t>
  </si>
  <si>
    <t>2021BU03420201</t>
  </si>
  <si>
    <t>buurten.e8337b94-e004-41a7-9a33-e8605d8f20ee</t>
  </si>
  <si>
    <t>BU03420301</t>
  </si>
  <si>
    <t>Pijnenburg</t>
  </si>
  <si>
    <t>WK034203</t>
  </si>
  <si>
    <t>2021BU03420301</t>
  </si>
  <si>
    <t>buurten.712dfc18-d569-4469-94ea-e21770b1684e</t>
  </si>
  <si>
    <t>BU03420302</t>
  </si>
  <si>
    <t>Het Soesterveen</t>
  </si>
  <si>
    <t>2021BU03420302</t>
  </si>
  <si>
    <t>buurten.bc7cf56d-ad86-40a7-b84d-5b585644b9ee</t>
  </si>
  <si>
    <t>BU03420303</t>
  </si>
  <si>
    <t>De Grachten</t>
  </si>
  <si>
    <t>2021BU03420303</t>
  </si>
  <si>
    <t>buurten.be4e967e-1e0b-4d58-92ff-c9db013efb20</t>
  </si>
  <si>
    <t>BU03420304</t>
  </si>
  <si>
    <t>Boerenstreek</t>
  </si>
  <si>
    <t>2021BU03420304</t>
  </si>
  <si>
    <t>buurten.d72dbfc3-d63f-4c51-a096-f67ab984ab1a</t>
  </si>
  <si>
    <t>BU03420401</t>
  </si>
  <si>
    <t>De Eng Noord West</t>
  </si>
  <si>
    <t>WK034204</t>
  </si>
  <si>
    <t>2021BU03420401</t>
  </si>
  <si>
    <t>buurten.768b56ca-57c5-4ac3-8682-e70762c1650a</t>
  </si>
  <si>
    <t>BU03420402</t>
  </si>
  <si>
    <t>2021BU03420402</t>
  </si>
  <si>
    <t>buurten.419414bb-6b0b-4cfd-91f2-069ed02e5938</t>
  </si>
  <si>
    <t>BU03420403</t>
  </si>
  <si>
    <t>Soest Midden</t>
  </si>
  <si>
    <t>2021BU03420403</t>
  </si>
  <si>
    <t>buurten.5b268266-a1de-4fa3-ae7b-830391f94f2c</t>
  </si>
  <si>
    <t>BU03420404</t>
  </si>
  <si>
    <t>Eemgebied</t>
  </si>
  <si>
    <t>2021BU03420404</t>
  </si>
  <si>
    <t>buurten.0262cb11-502a-4c12-89dc-96b8c7e834e9</t>
  </si>
  <si>
    <t>BU03420405</t>
  </si>
  <si>
    <t>De Eng Zuid</t>
  </si>
  <si>
    <t>2021BU03420405</t>
  </si>
  <si>
    <t>buurten.71c6f33c-d9fc-4c41-9c16-ba2ad02b966d</t>
  </si>
  <si>
    <t>BU03420501</t>
  </si>
  <si>
    <t>Smitsveen</t>
  </si>
  <si>
    <t>WK034205</t>
  </si>
  <si>
    <t>2021BU03420501</t>
  </si>
  <si>
    <t>buurten.bf14ec24-1d2d-4615-9d30-069e4179e020</t>
  </si>
  <si>
    <t>BU03420601</t>
  </si>
  <si>
    <t>WK034206</t>
  </si>
  <si>
    <t>2021BU03420601</t>
  </si>
  <si>
    <t>buurten.57092629-707e-4e45-952e-60ab4682c80a</t>
  </si>
  <si>
    <t>BU03420602</t>
  </si>
  <si>
    <t>Wieksloot</t>
  </si>
  <si>
    <t>2021BU03420602</t>
  </si>
  <si>
    <t>buurten.de3da9ea-3a15-476a-8aad-eb3bb687fe13</t>
  </si>
  <si>
    <t>BU03420604</t>
  </si>
  <si>
    <t>2021BU03420604</t>
  </si>
  <si>
    <t>buurten.39888ef9-8960-4e48-bf00-56a90097f288</t>
  </si>
  <si>
    <t>BU03420605</t>
  </si>
  <si>
    <t>Klein Engendaal</t>
  </si>
  <si>
    <t>2021BU03420605</t>
  </si>
  <si>
    <t>buurten.1bbf6a45-7b28-43d1-b5af-a1bddec2a0ab</t>
  </si>
  <si>
    <t>BU03420606</t>
  </si>
  <si>
    <t>Klein Engendaal Noord</t>
  </si>
  <si>
    <t>2021BU03420606</t>
  </si>
  <si>
    <t>buurten.4b02fd84-ac21-4b7f-92cf-dec246d54de4</t>
  </si>
  <si>
    <t>BU03420701</t>
  </si>
  <si>
    <t>Soest Zuid</t>
  </si>
  <si>
    <t>WK034207</t>
  </si>
  <si>
    <t>2021BU03420701</t>
  </si>
  <si>
    <t>buurten.42f683e9-9d07-45ed-862f-2a2308b41753</t>
  </si>
  <si>
    <t>BU03420702</t>
  </si>
  <si>
    <t>De Birkt</t>
  </si>
  <si>
    <t>2021BU03420702</t>
  </si>
  <si>
    <t>buurten.5447c465-7567-4698-b886-2e88eaf025e3</t>
  </si>
  <si>
    <t>BU03420703</t>
  </si>
  <si>
    <t>Soestduinen</t>
  </si>
  <si>
    <t>2021BU03420703</t>
  </si>
  <si>
    <t>buurten.034375f9-0aa5-46cd-ac06-a8836cc2e6a6</t>
  </si>
  <si>
    <t>BU03420704</t>
  </si>
  <si>
    <t>Duinen Gebied</t>
  </si>
  <si>
    <t>2021BU03420704</t>
  </si>
  <si>
    <t>buurten.9b66b21f-58d7-4945-bdf7-f0f662958eb2</t>
  </si>
  <si>
    <t>BU03420705</t>
  </si>
  <si>
    <t>Paltz</t>
  </si>
  <si>
    <t>2021BU03420705</t>
  </si>
  <si>
    <t>buurten.0fa17296-744c-45d8-84f9-6026955ae3eb</t>
  </si>
  <si>
    <t>BU03420706</t>
  </si>
  <si>
    <t>2021BU03420706</t>
  </si>
  <si>
    <t>buurten.ccde31a1-e9b2-460c-8dff-00b948785444</t>
  </si>
  <si>
    <t>BU03420801</t>
  </si>
  <si>
    <t>Soesterberg Noord</t>
  </si>
  <si>
    <t>WK034208</t>
  </si>
  <si>
    <t>2021BU03420801</t>
  </si>
  <si>
    <t>buurten.a278765f-5637-48e8-bdf5-96195e8b5e05</t>
  </si>
  <si>
    <t>BU03420802</t>
  </si>
  <si>
    <t>Soesterberg Oost</t>
  </si>
  <si>
    <t>2021BU03420802</t>
  </si>
  <si>
    <t>buurten.5bd8c370-a46f-49e6-8ac8-1da586a257db</t>
  </si>
  <si>
    <t>BU03420803</t>
  </si>
  <si>
    <t>Leusderheide</t>
  </si>
  <si>
    <t>2021BU03420803</t>
  </si>
  <si>
    <t>buurten.5904aff7-8dbe-4c3c-9404-27f5eb632a8a</t>
  </si>
  <si>
    <t>BU03420804</t>
  </si>
  <si>
    <t>Soesterberg Kom</t>
  </si>
  <si>
    <t>2021BU03420804</t>
  </si>
  <si>
    <t>buurten.5b48afbe-398c-4bee-acd8-15ddf98e2827</t>
  </si>
  <si>
    <t>BU03440111</t>
  </si>
  <si>
    <t>Welgelegen, Den Hommel</t>
  </si>
  <si>
    <t>WK034401</t>
  </si>
  <si>
    <t>2021BU03440111</t>
  </si>
  <si>
    <t>buurten.0e53799a-d85b-4da8-b3fa-1885740e7cbd</t>
  </si>
  <si>
    <t>Naar een CO2-vrije warmtevoorziening in 2050: Transitievisie Warmte Deel II</t>
  </si>
  <si>
    <t>PL0344010004</t>
  </si>
  <si>
    <t>PL0344010013</t>
  </si>
  <si>
    <t>Maatwerk Bedrijventerreinen</t>
  </si>
  <si>
    <t>Zuidwest 30-40</t>
  </si>
  <si>
    <t>BU03440112</t>
  </si>
  <si>
    <t>Oog in Al</t>
  </si>
  <si>
    <t>2021BU03440112</t>
  </si>
  <si>
    <t>buurten.7f7086ec-99e2-460a-81cf-62a72cac1c69</t>
  </si>
  <si>
    <t>PL0344010012</t>
  </si>
  <si>
    <t>Zuidwest 21-30</t>
  </si>
  <si>
    <t>BU03440113</t>
  </si>
  <si>
    <t>Halve Maan-Zuid</t>
  </si>
  <si>
    <t>2021BU03440113</t>
  </si>
  <si>
    <t>buurten.e36c19f5-9fa0-4d72-8591-288bab676b6d</t>
  </si>
  <si>
    <t>Leidsche Rijn</t>
  </si>
  <si>
    <t>BU03440114</t>
  </si>
  <si>
    <t>Halve Maan-Noord</t>
  </si>
  <si>
    <t>2021BU03440114</t>
  </si>
  <si>
    <t>buurten.34675a7d-ea1c-4f7e-877f-fc1242f26676</t>
  </si>
  <si>
    <t>PL0344010006</t>
  </si>
  <si>
    <t>BU03440121</t>
  </si>
  <si>
    <t>Lombok-Oost</t>
  </si>
  <si>
    <t>2021BU03440121</t>
  </si>
  <si>
    <t>buurten.fbbfb1ef-5e77-46f1-ae82-2525b1c54585</t>
  </si>
  <si>
    <t>BU03440122</t>
  </si>
  <si>
    <t>Leidseweg en omgeving</t>
  </si>
  <si>
    <t>2021BU03440122</t>
  </si>
  <si>
    <t>buurten.eaa63eba-8ae8-4165-9fa1-ea00c2a6f775</t>
  </si>
  <si>
    <t>BU03440123</t>
  </si>
  <si>
    <t>Lombok-West</t>
  </si>
  <si>
    <t>2021BU03440123</t>
  </si>
  <si>
    <t>buurten.48ba902a-64d4-4c2b-acc2-80fecf8d9f93</t>
  </si>
  <si>
    <t>BU03440124</t>
  </si>
  <si>
    <t>Laan van Nieuw-Guinea, Spinozaweg e.o.</t>
  </si>
  <si>
    <t>2021BU03440124</t>
  </si>
  <si>
    <t>buurten.e5a656a3-e6f9-40ff-a44c-1ad1de9528a2</t>
  </si>
  <si>
    <t>BU03440131</t>
  </si>
  <si>
    <t>Nieuw Engeland, Th. a. Kempisplantsoen en omgeving</t>
  </si>
  <si>
    <t>2021BU03440131</t>
  </si>
  <si>
    <t>buurten.93e0fd3d-75a3-4f89-888a-51f0da9dc8bd</t>
  </si>
  <si>
    <t>BU03440132</t>
  </si>
  <si>
    <t>Schepenbuurt, Cartesiusweg e.o.</t>
  </si>
  <si>
    <t>2021BU03440132</t>
  </si>
  <si>
    <t>buurten.f7a2f46c-24dc-4967-b7cb-17a374dc00e9</t>
  </si>
  <si>
    <t>BU03440133</t>
  </si>
  <si>
    <t>Bedrijventerrein Lageweide</t>
  </si>
  <si>
    <t>2021BU03440133</t>
  </si>
  <si>
    <t>buurten.72522141-791a-4d51-95e4-e6208c5b36bf</t>
  </si>
  <si>
    <t>BU03440211</t>
  </si>
  <si>
    <t>Pijlsweerd-Zuid</t>
  </si>
  <si>
    <t>WK034402</t>
  </si>
  <si>
    <t>2021BU03440211</t>
  </si>
  <si>
    <t>buurten.827022e9-dac0-425a-9cc7-6373d178b8d0</t>
  </si>
  <si>
    <t>PL0344010011</t>
  </si>
  <si>
    <t>Noordoost 30-40</t>
  </si>
  <si>
    <t>BU03440212</t>
  </si>
  <si>
    <t>Pijlsweerd-Noord</t>
  </si>
  <si>
    <t>2021BU03440212</t>
  </si>
  <si>
    <t>buurten.d98eaa3c-e0ff-4ca2-8eee-f8ddce9c205f</t>
  </si>
  <si>
    <t>BU03440221</t>
  </si>
  <si>
    <t>Nijenoord, Hoogstraat en omgeving</t>
  </si>
  <si>
    <t>2021BU03440221</t>
  </si>
  <si>
    <t>buurten.2ff2209d-0ff5-4659-80ce-1ccfe9019301</t>
  </si>
  <si>
    <t>PL0344010002</t>
  </si>
  <si>
    <t>PL0344010008</t>
  </si>
  <si>
    <t>Overvecht</t>
  </si>
  <si>
    <t>BU03440222</t>
  </si>
  <si>
    <t>Ondiep</t>
  </si>
  <si>
    <t>2021BU03440222</t>
  </si>
  <si>
    <t>buurten.16b83a85-cc41-4a1d-83c8-45f3add836d5</t>
  </si>
  <si>
    <t>BU03440223</t>
  </si>
  <si>
    <t>2e Daalsebuurt en omgeving</t>
  </si>
  <si>
    <t>2021BU03440223</t>
  </si>
  <si>
    <t>buurten.ee00f841-ed35-456c-aad8-3d4adcf3eb16</t>
  </si>
  <si>
    <t>Noordwest 21-30</t>
  </si>
  <si>
    <t>BU03440224</t>
  </si>
  <si>
    <t>Egelantierstraat, Mariëndaalstraat e.o.</t>
  </si>
  <si>
    <t>2021BU03440224</t>
  </si>
  <si>
    <t>buurten.c9e7ba54-e0da-4976-a3cf-490047206a93</t>
  </si>
  <si>
    <t>BU03440231</t>
  </si>
  <si>
    <t>Julianapark en omgeving</t>
  </si>
  <si>
    <t>2021BU03440231</t>
  </si>
  <si>
    <t>buurten.311eda3e-64a9-4b37-82a2-ac03a849c9eb</t>
  </si>
  <si>
    <t>BU03440232</t>
  </si>
  <si>
    <t>Elinkwijk en omgeving</t>
  </si>
  <si>
    <t>2021BU03440232</t>
  </si>
  <si>
    <t>buurten.237e1f4f-298d-4982-b99a-adf109e5b6a8</t>
  </si>
  <si>
    <t>BU03440233</t>
  </si>
  <si>
    <t>Prins Bernhardplein en omgeving</t>
  </si>
  <si>
    <t>2021BU03440233</t>
  </si>
  <si>
    <t>buurten.b7a9096b-bdf8-4095-9558-189f56e8d2d2</t>
  </si>
  <si>
    <t>BU03440241</t>
  </si>
  <si>
    <t>Geuzenwijk</t>
  </si>
  <si>
    <t>2021BU03440241</t>
  </si>
  <si>
    <t>buurten.7a33454a-99f2-4ddc-8a39-e4fd3d2a5f2d</t>
  </si>
  <si>
    <t>PL0344010009</t>
  </si>
  <si>
    <t>Noordwest 30-40</t>
  </si>
  <si>
    <t>BU03440242</t>
  </si>
  <si>
    <t>Schaakbuurt en omgeving</t>
  </si>
  <si>
    <t>2021BU03440242</t>
  </si>
  <si>
    <t>buurten.d8c20b0c-9a33-47ba-85a5-88e89d5cf9f3</t>
  </si>
  <si>
    <t>BU03440243</t>
  </si>
  <si>
    <t>Queeckhovenplein en omgeving</t>
  </si>
  <si>
    <t>2021BU03440243</t>
  </si>
  <si>
    <t>buurten.50ffc318-645d-401e-8482-ba4006c77108</t>
  </si>
  <si>
    <t>BU03440244</t>
  </si>
  <si>
    <t>Zuilen-Noord</t>
  </si>
  <si>
    <t>2021BU03440244</t>
  </si>
  <si>
    <t>buurten.7116ebb8-f36e-4bc3-a909-7956de8c6d23</t>
  </si>
  <si>
    <t>BU03440311</t>
  </si>
  <si>
    <t>Taag- en Rubicondreef en omgeving</t>
  </si>
  <si>
    <t>WK034403</t>
  </si>
  <si>
    <t>2021BU03440311</t>
  </si>
  <si>
    <t>buurten.28257881-b8c8-4058-9170-15723efbc7e7</t>
  </si>
  <si>
    <t>BU03440312</t>
  </si>
  <si>
    <t>Wolga- en Donaudreef en omgeving</t>
  </si>
  <si>
    <t>2021BU03440312</t>
  </si>
  <si>
    <t>buurten.ed6db94c-94c9-40c1-8881-3ae6a9ce646b</t>
  </si>
  <si>
    <t>BU03440321</t>
  </si>
  <si>
    <t>Zamenhofdreef en omgeving</t>
  </si>
  <si>
    <t>2021BU03440321</t>
  </si>
  <si>
    <t>buurten.fc07b73b-3a9e-4acb-9ef9-b22cb1c28cea</t>
  </si>
  <si>
    <t>PL0344010014</t>
  </si>
  <si>
    <t>Vechtzoom-Zuid</t>
  </si>
  <si>
    <t>BU03440322</t>
  </si>
  <si>
    <t>Neckardreef en omgeving</t>
  </si>
  <si>
    <t>2021BU03440322</t>
  </si>
  <si>
    <t>buurten.d9ceccbb-763c-4a86-82c6-4f7ddba51d6a</t>
  </si>
  <si>
    <t>BU03440331</t>
  </si>
  <si>
    <t>Vechtzoom-zuid</t>
  </si>
  <si>
    <t>2021BU03440331</t>
  </si>
  <si>
    <t>buurten.2e231f58-9af7-4467-ac37-894c02b3fa90</t>
  </si>
  <si>
    <t>BU03440332</t>
  </si>
  <si>
    <t>Vechtzoom-noord, Klopvaart</t>
  </si>
  <si>
    <t>2021BU03440332</t>
  </si>
  <si>
    <t>buurten.07a17aea-d0bc-4d0e-a952-d3c12f675ccf</t>
  </si>
  <si>
    <t>BU03440333</t>
  </si>
  <si>
    <t>Bedrijventerrein en omgeving</t>
  </si>
  <si>
    <t>2021BU03440333</t>
  </si>
  <si>
    <t>buurten.2ac8765c-1f56-44d2-8ada-a14cae38b6f3</t>
  </si>
  <si>
    <t>BU03440341</t>
  </si>
  <si>
    <t>Zambesidreef en omgeving</t>
  </si>
  <si>
    <t>2021BU03440341</t>
  </si>
  <si>
    <t>buurten.a69892f9-eb33-4713-af77-5182fa206076</t>
  </si>
  <si>
    <t>BU03440342</t>
  </si>
  <si>
    <t>Tigrisdreef en omgeving</t>
  </si>
  <si>
    <t>2021BU03440342</t>
  </si>
  <si>
    <t>buurten.4d5cc335-1283-493d-accf-9e591d9b774d</t>
  </si>
  <si>
    <t>BU03440343</t>
  </si>
  <si>
    <t>Poldergebied Overvecht</t>
  </si>
  <si>
    <t>2021BU03440343</t>
  </si>
  <si>
    <t>buurten.b8fd8f05-30fe-4389-8d87-8a3c4813d932</t>
  </si>
  <si>
    <t>BU03440411</t>
  </si>
  <si>
    <t>Vogelenbuurt</t>
  </si>
  <si>
    <t>WK034404</t>
  </si>
  <si>
    <t>2021BU03440411</t>
  </si>
  <si>
    <t>buurten.d36436b2-6fac-4a5f-a006-8f3be9610d42</t>
  </si>
  <si>
    <t>PL0344010015</t>
  </si>
  <si>
    <t>Warmtenet Binnenstad</t>
  </si>
  <si>
    <t>BU03440412</t>
  </si>
  <si>
    <t>Lauwerecht</t>
  </si>
  <si>
    <t>2021BU03440412</t>
  </si>
  <si>
    <t>buurten.a9387249-a2fb-46e1-a6ed-eeb21b991bf1</t>
  </si>
  <si>
    <t>PL0344010003</t>
  </si>
  <si>
    <t>Maatwerk Binnenstad</t>
  </si>
  <si>
    <t>BU03440413</t>
  </si>
  <si>
    <t>2021BU03440413</t>
  </si>
  <si>
    <t>buurten.82aa287b-a074-4561-81e3-2e05df2d78e8</t>
  </si>
  <si>
    <t>PL0344010010</t>
  </si>
  <si>
    <t>Noordoost 21-30</t>
  </si>
  <si>
    <t>BU03440414</t>
  </si>
  <si>
    <t>Tuinwijk-West</t>
  </si>
  <si>
    <t>2021BU03440414</t>
  </si>
  <si>
    <t>buurten.661bac33-d809-4f70-8d00-ac04078660bc</t>
  </si>
  <si>
    <t>BU03440415</t>
  </si>
  <si>
    <t>Tuinwijk-Oost</t>
  </si>
  <si>
    <t>2021BU03440415</t>
  </si>
  <si>
    <t>buurten.3b3c12c4-e79f-4e73-b503-e3bd469f8b4e</t>
  </si>
  <si>
    <t>BU03440421</t>
  </si>
  <si>
    <t>Tuindorp en Van Lieflandlaan-West</t>
  </si>
  <si>
    <t>2021BU03440421</t>
  </si>
  <si>
    <t>buurten.b01ee5b8-b7c1-498e-8f72-c08f329299ac</t>
  </si>
  <si>
    <t>BU03440422</t>
  </si>
  <si>
    <t>Tuindorp-Oost</t>
  </si>
  <si>
    <t>2021BU03440422</t>
  </si>
  <si>
    <t>buurten.2096c1ff-72ee-4cee-9bc3-dbf2ca6679fb</t>
  </si>
  <si>
    <t>BU03440423</t>
  </si>
  <si>
    <t>Voordorp en Voorveldsepolder</t>
  </si>
  <si>
    <t>2021BU03440423</t>
  </si>
  <si>
    <t>buurten.fbfbec58-b745-4c10-9f0a-cb13cdf8c237</t>
  </si>
  <si>
    <t>BU03440431</t>
  </si>
  <si>
    <t>Huizingalaan, K. Doormanlaan en omgeving</t>
  </si>
  <si>
    <t>2021BU03440431</t>
  </si>
  <si>
    <t>buurten.f3135d5d-26c5-426b-85ee-be2e346a0018</t>
  </si>
  <si>
    <t>BU03440432</t>
  </si>
  <si>
    <t>Zeeheldenbuurt, Hengeveldstraat en omgeving</t>
  </si>
  <si>
    <t>2021BU03440432</t>
  </si>
  <si>
    <t>buurten.d4d6c8f8-d84f-4cba-9b43-91a29c1ddcac</t>
  </si>
  <si>
    <t>BU03440433</t>
  </si>
  <si>
    <t>Wittevrouwen</t>
  </si>
  <si>
    <t>2021BU03440433</t>
  </si>
  <si>
    <t>buurten.e64ae3e0-3a08-46f1-bba2-84d8859cc675</t>
  </si>
  <si>
    <t>BU03440511</t>
  </si>
  <si>
    <t>Buiten Wittevrouwen</t>
  </si>
  <si>
    <t>WK034405</t>
  </si>
  <si>
    <t>2021BU03440511</t>
  </si>
  <si>
    <t>buurten.6a2cf4e0-948e-4b4c-9e1f-f3cfca3018c5</t>
  </si>
  <si>
    <t>BU03440512</t>
  </si>
  <si>
    <t>Oudwijk</t>
  </si>
  <si>
    <t>2021BU03440512</t>
  </si>
  <si>
    <t>buurten.39f7321b-6402-47c7-99a5-aadf7106c5fe</t>
  </si>
  <si>
    <t>BU03440521</t>
  </si>
  <si>
    <t>Abstede, Tolsteegsingel e.o.</t>
  </si>
  <si>
    <t>2021BU03440521</t>
  </si>
  <si>
    <t>buurten.e09879d3-e6d0-4638-8c93-b86984c50c30</t>
  </si>
  <si>
    <t>BU03440522</t>
  </si>
  <si>
    <t>Sterrenwijk</t>
  </si>
  <si>
    <t>2021BU03440522</t>
  </si>
  <si>
    <t>buurten.5a4e4137-59a4-4a9b-83f6-a66f95918a61</t>
  </si>
  <si>
    <t>BU03440523</t>
  </si>
  <si>
    <t>Rubenslaan en omgeving</t>
  </si>
  <si>
    <t>2021BU03440523</t>
  </si>
  <si>
    <t>buurten.ce23582f-e1b3-4ee0-ab32-4a75902612a8</t>
  </si>
  <si>
    <t>BU03440524</t>
  </si>
  <si>
    <t>2021BU03440524</t>
  </si>
  <si>
    <t>buurten.f4d5e8b7-dab7-40b4-a585-a479506aec39</t>
  </si>
  <si>
    <t>BU03440525</t>
  </si>
  <si>
    <t>L. Napoleonplantsoen en omgeving</t>
  </si>
  <si>
    <t>2021BU03440525</t>
  </si>
  <si>
    <t>buurten.f599da65-81cb-45d0-82c4-b6b7c82411fe</t>
  </si>
  <si>
    <t>BU03440526</t>
  </si>
  <si>
    <t>Maarschalkerweerd en Mereveld</t>
  </si>
  <si>
    <t>2021BU03440526</t>
  </si>
  <si>
    <t>buurten.3fcb961b-ea3a-4118-980b-312b3812ee76</t>
  </si>
  <si>
    <t>BU03440531</t>
  </si>
  <si>
    <t>2021BU03440531</t>
  </si>
  <si>
    <t>buurten.ee4da285-8fd3-41df-914d-b1c5ffded0e1</t>
  </si>
  <si>
    <t>BU03440532</t>
  </si>
  <si>
    <t>Wilhelminapark en omgeving</t>
  </si>
  <si>
    <t>2021BU03440532</t>
  </si>
  <si>
    <t>buurten.bb60477d-3f9e-426c-a914-a7ce50256c01</t>
  </si>
  <si>
    <t>BU03440533</t>
  </si>
  <si>
    <t>Utrecht Science Park</t>
  </si>
  <si>
    <t>2021BU03440533</t>
  </si>
  <si>
    <t>buurten.169847e9-6d30-4d91-b278-232b56104db5</t>
  </si>
  <si>
    <t>BU03440534</t>
  </si>
  <si>
    <t>Rijnsweerd</t>
  </si>
  <si>
    <t>2021BU03440534</t>
  </si>
  <si>
    <t>buurten.fe7d4640-06b2-4ce2-8e1c-b179e5f825d2</t>
  </si>
  <si>
    <t>BU03440535</t>
  </si>
  <si>
    <t>Galgenwaard en omgeving</t>
  </si>
  <si>
    <t>2021BU03440535</t>
  </si>
  <si>
    <t>buurten.d79da36b-c553-44b1-8cc0-33b56f88a3a2</t>
  </si>
  <si>
    <t>BU03440611</t>
  </si>
  <si>
    <t>Domplein, Neude, Janskerkhof</t>
  </si>
  <si>
    <t>WK034406</t>
  </si>
  <si>
    <t>2021BU03440611</t>
  </si>
  <si>
    <t>buurten.300189c9-907e-4a21-8e49-45e23fe35d71</t>
  </si>
  <si>
    <t>BU03440612</t>
  </si>
  <si>
    <t>Lange Elisabethstraat, Mariaplaats en omgeving</t>
  </si>
  <si>
    <t>2021BU03440612</t>
  </si>
  <si>
    <t>buurten.63dacae5-d7c5-44df-a469-11c359fff745</t>
  </si>
  <si>
    <t>BU03440613</t>
  </si>
  <si>
    <t>Hoog-Catharijne NS en Jaarbeurs</t>
  </si>
  <si>
    <t>2021BU03440613</t>
  </si>
  <si>
    <t>buurten.bc467d5d-f8a2-4cb7-ab3f-e0d7f70103f1</t>
  </si>
  <si>
    <t>BU03440621</t>
  </si>
  <si>
    <t>Wijk C</t>
  </si>
  <si>
    <t>2021BU03440621</t>
  </si>
  <si>
    <t>buurten.456be429-02e9-4356-a881-4533a15cc1bd</t>
  </si>
  <si>
    <t>BU03440622</t>
  </si>
  <si>
    <t>Breedstraat en Plompetorengracht en omgeving</t>
  </si>
  <si>
    <t>2021BU03440622</t>
  </si>
  <si>
    <t>buurten.5d3079ff-fa27-4138-b9ea-f7d008fe585c</t>
  </si>
  <si>
    <t>BU03440623</t>
  </si>
  <si>
    <t>Nobelstraat en omgeving</t>
  </si>
  <si>
    <t>2021BU03440623</t>
  </si>
  <si>
    <t>buurten.372e6d97-3f4c-4039-8d6f-b83dc265c429</t>
  </si>
  <si>
    <t>BU03440624</t>
  </si>
  <si>
    <t>Springweg en omgeving Geertebuurt</t>
  </si>
  <si>
    <t>2021BU03440624</t>
  </si>
  <si>
    <t>buurten.ba41950e-65bf-4167-9bd6-8fb01253585b</t>
  </si>
  <si>
    <t>BU03440625</t>
  </si>
  <si>
    <t>Lange Nieuwstraat en omgeving</t>
  </si>
  <si>
    <t>2021BU03440625</t>
  </si>
  <si>
    <t>buurten.92b20760-3ff3-4553-baa9-848a0e0989e1</t>
  </si>
  <si>
    <t>BU03440626</t>
  </si>
  <si>
    <t>Nieuwegracht-Oost</t>
  </si>
  <si>
    <t>2021BU03440626</t>
  </si>
  <si>
    <t>buurten.6f1b01e1-93c3-48d4-b555-ae3028aa39db</t>
  </si>
  <si>
    <t>BU03440627</t>
  </si>
  <si>
    <t>Bleekstraat en omgeving</t>
  </si>
  <si>
    <t>2021BU03440627</t>
  </si>
  <si>
    <t>buurten.3142ba49-c12a-46d9-8206-ba91d69755ae</t>
  </si>
  <si>
    <t>BU03440628</t>
  </si>
  <si>
    <t>Hooch Boulandt</t>
  </si>
  <si>
    <t>2021BU03440628</t>
  </si>
  <si>
    <t>buurten.5d375859-a97a-461c-8ca3-bfc4a84c32ab</t>
  </si>
  <si>
    <t>BU03440711</t>
  </si>
  <si>
    <t>Lunetten-Noord</t>
  </si>
  <si>
    <t>WK034407</t>
  </si>
  <si>
    <t>2021BU03440711</t>
  </si>
  <si>
    <t>buurten.67f78ce3-dcd0-4246-bacc-65fc5f18acf4</t>
  </si>
  <si>
    <t>BU03440712</t>
  </si>
  <si>
    <t>Lunetten-Zuid</t>
  </si>
  <si>
    <t>2021BU03440712</t>
  </si>
  <si>
    <t>buurten.f8284bba-7bdc-4e57-84cd-8aa95eaeb861</t>
  </si>
  <si>
    <t>BU03440721</t>
  </si>
  <si>
    <t>Tolsteeg en Rotsoord</t>
  </si>
  <si>
    <t>2021BU03440721</t>
  </si>
  <si>
    <t>buurten.8342daf0-9ce7-48d1-8c83-054c0222ec92</t>
  </si>
  <si>
    <t>BU03440722</t>
  </si>
  <si>
    <t>Oud Hoograven-Noord</t>
  </si>
  <si>
    <t>2021BU03440722</t>
  </si>
  <si>
    <t>buurten.a1583f69-6492-4254-b91e-ee0672e8a644</t>
  </si>
  <si>
    <t>BU03440723</t>
  </si>
  <si>
    <t>Oud Hoograven-Zuid</t>
  </si>
  <si>
    <t>2021BU03440723</t>
  </si>
  <si>
    <t>buurten.63710bf4-fbf5-45b3-8073-d363d83f65d1</t>
  </si>
  <si>
    <t>BU03440731</t>
  </si>
  <si>
    <t>Bokkenbuurt</t>
  </si>
  <si>
    <t>2021BU03440731</t>
  </si>
  <si>
    <t>buurten.72b0097e-3d81-49a0-ab6b-9180e834f915</t>
  </si>
  <si>
    <t>BU03440732</t>
  </si>
  <si>
    <t>Nieuw Hoograven-Noord</t>
  </si>
  <si>
    <t>2021BU03440732</t>
  </si>
  <si>
    <t>buurten.47c359af-048c-4f54-bf3f-f4a7f38d8d81</t>
  </si>
  <si>
    <t>BU03440733</t>
  </si>
  <si>
    <t>Nieuw Hoograven-Zuid</t>
  </si>
  <si>
    <t>2021BU03440733</t>
  </si>
  <si>
    <t>buurten.167d1d47-f2bc-4d8b-9fe3-f8096bcb8f2b</t>
  </si>
  <si>
    <t>BU03440811</t>
  </si>
  <si>
    <t>Dichterswijk</t>
  </si>
  <si>
    <t>WK034408</t>
  </si>
  <si>
    <t>2021BU03440811</t>
  </si>
  <si>
    <t>buurten.bbc97c56-1bfe-4556-8eea-9e1f6c218e65</t>
  </si>
  <si>
    <t>BU03440812</t>
  </si>
  <si>
    <t>Rivierenwijk</t>
  </si>
  <si>
    <t>2021BU03440812</t>
  </si>
  <si>
    <t>buurten.5880c40c-d5d8-4259-8611-f21b4265f8ba</t>
  </si>
  <si>
    <t>BU03440821</t>
  </si>
  <si>
    <t>Bedrijvengebied Kanaleneiland</t>
  </si>
  <si>
    <t>2021BU03440821</t>
  </si>
  <si>
    <t>buurten.359db470-c646-4da9-96be-34e2c10bc0a3</t>
  </si>
  <si>
    <t>BU03440822</t>
  </si>
  <si>
    <t>Transwijk-Zuid</t>
  </si>
  <si>
    <t>2021BU03440822</t>
  </si>
  <si>
    <t>buurten.2de5f90c-c926-418d-9d05-5cfb4b54a45f</t>
  </si>
  <si>
    <t>BU03440823</t>
  </si>
  <si>
    <t>Transwijk-Noord</t>
  </si>
  <si>
    <t>2021BU03440823</t>
  </si>
  <si>
    <t>buurten.a5e8c799-3f58-4a33-b41a-81d1583e1b13</t>
  </si>
  <si>
    <t>BU03440831</t>
  </si>
  <si>
    <t>Kanaleneiland-Zuid</t>
  </si>
  <si>
    <t>2021BU03440831</t>
  </si>
  <si>
    <t>buurten.5763eb91-b09a-4f04-ab07-28c01beb01a1</t>
  </si>
  <si>
    <t>BU03440832</t>
  </si>
  <si>
    <t>Kanaleneiland-Noord</t>
  </si>
  <si>
    <t>2021BU03440832</t>
  </si>
  <si>
    <t>buurten.f5de56b6-34f3-46aa-9930-09414d5ce430</t>
  </si>
  <si>
    <t>BU03440911</t>
  </si>
  <si>
    <t>Bedrijventerrein De Wetering</t>
  </si>
  <si>
    <t>WK034409</t>
  </si>
  <si>
    <t>2021BU03440911</t>
  </si>
  <si>
    <t>buurten.922492fd-a15b-47bd-ae75-899b8b4376e9</t>
  </si>
  <si>
    <t>BU03440912</t>
  </si>
  <si>
    <t>Terwijde-West</t>
  </si>
  <si>
    <t>2021BU03440912</t>
  </si>
  <si>
    <t>buurten.a65776dc-3881-4687-9c11-64c1355c684e</t>
  </si>
  <si>
    <t>BU03440913</t>
  </si>
  <si>
    <t>Terwijde-Oost</t>
  </si>
  <si>
    <t>2021BU03440913</t>
  </si>
  <si>
    <t>buurten.57c26810-6ee2-464b-9dee-f0c223c60f64</t>
  </si>
  <si>
    <t>BU03440921</t>
  </si>
  <si>
    <t>Het Zand-West</t>
  </si>
  <si>
    <t>2021BU03440921</t>
  </si>
  <si>
    <t>buurten.84747bf2-51cd-4969-8527-23db7a01c939</t>
  </si>
  <si>
    <t>BU03440922</t>
  </si>
  <si>
    <t>Het Zand-Oost</t>
  </si>
  <si>
    <t>2021BU03440922</t>
  </si>
  <si>
    <t>buurten.5f3e445c-3b4d-457f-8451-82003a4afdbe</t>
  </si>
  <si>
    <t>BU03440931</t>
  </si>
  <si>
    <t>Leidsche Rijn-Centrum</t>
  </si>
  <si>
    <t>2021BU03440931</t>
  </si>
  <si>
    <t>buurten.f51ed102-791f-4a29-a796-177378749069</t>
  </si>
  <si>
    <t>BU03440932</t>
  </si>
  <si>
    <t>Grauwaart</t>
  </si>
  <si>
    <t>2021BU03440932</t>
  </si>
  <si>
    <t>buurten.a0936b1a-f097-42b1-978e-a7423543c5df</t>
  </si>
  <si>
    <t>BU03440933</t>
  </si>
  <si>
    <t>Hoge Weide</t>
  </si>
  <si>
    <t>2021BU03440933</t>
  </si>
  <si>
    <t>buurten.b24729e6-55ee-40a9-a56e-bdb00448bf6f</t>
  </si>
  <si>
    <t>BU03440934</t>
  </si>
  <si>
    <t>Leeuwesteyn</t>
  </si>
  <si>
    <t>2021BU03440934</t>
  </si>
  <si>
    <t>buurten.fd3cf4be-9b52-4491-839f-95532fdd681c</t>
  </si>
  <si>
    <t>BU03440941</t>
  </si>
  <si>
    <t>Parkwijk-Noord</t>
  </si>
  <si>
    <t>2021BU03440941</t>
  </si>
  <si>
    <t>buurten.2bfe1e8a-5819-4fde-ae32-4318a8a4175f</t>
  </si>
  <si>
    <t>BU03440942</t>
  </si>
  <si>
    <t>Parkwijk-Zuid</t>
  </si>
  <si>
    <t>2021BU03440942</t>
  </si>
  <si>
    <t>buurten.9d12bc28-1c6d-45b2-8941-13725ad1c5cf</t>
  </si>
  <si>
    <t>BU03440943</t>
  </si>
  <si>
    <t>Langerak</t>
  </si>
  <si>
    <t>2021BU03440943</t>
  </si>
  <si>
    <t>buurten.3c3bbdef-1710-4611-9bc7-b9849f850301</t>
  </si>
  <si>
    <t>BU03440951</t>
  </si>
  <si>
    <t>Rijnvliet</t>
  </si>
  <si>
    <t>2021BU03440951</t>
  </si>
  <si>
    <t>buurten.c367cb4f-0a31-4a3a-91c0-e7ebdb709dfb</t>
  </si>
  <si>
    <t>BU03440952</t>
  </si>
  <si>
    <t>Bedrijvengebied Strijkviertel</t>
  </si>
  <si>
    <t>2021BU03440952</t>
  </si>
  <si>
    <t>buurten.74e73d2a-1808-4df4-9fee-1a4e1e80cfd0</t>
  </si>
  <si>
    <t>BU03440953</t>
  </si>
  <si>
    <t>Bedrijvengebied Papendorp</t>
  </si>
  <si>
    <t>2021BU03440953</t>
  </si>
  <si>
    <t>buurten.62cab9d8-0509-4fd2-a3cf-e48b68de70f3</t>
  </si>
  <si>
    <t>BU03441011</t>
  </si>
  <si>
    <t>Haarrijn</t>
  </si>
  <si>
    <t>WK034410</t>
  </si>
  <si>
    <t>2021BU03441011</t>
  </si>
  <si>
    <t>buurten.f47eb665-5e3e-4bea-9f4b-3c730239e859</t>
  </si>
  <si>
    <t>BU03441012</t>
  </si>
  <si>
    <t>Haarzuilens en omgeving</t>
  </si>
  <si>
    <t>2021BU03441012</t>
  </si>
  <si>
    <t>buurten.99c437db-5cf5-4423-8818-63e9cc99cba2</t>
  </si>
  <si>
    <t>BU03441013</t>
  </si>
  <si>
    <t>Vleuten</t>
  </si>
  <si>
    <t>2021BU03441013</t>
  </si>
  <si>
    <t>buurten.f0b94067-f688-4bd6-a67e-705781a88382</t>
  </si>
  <si>
    <t>BU03441014</t>
  </si>
  <si>
    <t>Máximapark</t>
  </si>
  <si>
    <t>2021BU03441014</t>
  </si>
  <si>
    <t>buurten.d22e71f3-0652-4f9f-bfab-6f3790041b6d</t>
  </si>
  <si>
    <t>BU03441021</t>
  </si>
  <si>
    <t>Vleuterweide-West</t>
  </si>
  <si>
    <t>2021BU03441021</t>
  </si>
  <si>
    <t>buurten.fb57f180-071f-4286-ad8e-33547ebb5b58</t>
  </si>
  <si>
    <t>BU03441022</t>
  </si>
  <si>
    <t>Vleuterweide-Noord/Oost/Centrum</t>
  </si>
  <si>
    <t>2021BU03441022</t>
  </si>
  <si>
    <t>buurten.56970b92-307e-4eb4-bbfa-1935bd9bb256</t>
  </si>
  <si>
    <t>BU03441023</t>
  </si>
  <si>
    <t>Vleuterweide-Zuid</t>
  </si>
  <si>
    <t>2021BU03441023</t>
  </si>
  <si>
    <t>buurten.1525fc2d-f13d-4069-905a-e2eaa46a1fc8</t>
  </si>
  <si>
    <t>BU03441024</t>
  </si>
  <si>
    <t>Veldhuizen</t>
  </si>
  <si>
    <t>2021BU03441024</t>
  </si>
  <si>
    <t>buurten.b717cc0a-8e72-414f-98ba-486e0fc4bb84</t>
  </si>
  <si>
    <t>BU03441031</t>
  </si>
  <si>
    <t>De Meern-Noord</t>
  </si>
  <si>
    <t>2021BU03441031</t>
  </si>
  <si>
    <t>buurten.4df78996-a98e-4393-bf48-834de644e0c7</t>
  </si>
  <si>
    <t>BU03441032</t>
  </si>
  <si>
    <t>De Meern-Zuid</t>
  </si>
  <si>
    <t>2021BU03441032</t>
  </si>
  <si>
    <t>buurten.b2848ba9-5904-415f-8ce6-13151cf7d741</t>
  </si>
  <si>
    <t>BU03441033</t>
  </si>
  <si>
    <t>Bedrijvengebied Oudenrijn</t>
  </si>
  <si>
    <t>2021BU03441033</t>
  </si>
  <si>
    <t>buurten.21c21313-6b27-490a-ab2f-110948368392</t>
  </si>
  <si>
    <t>BU03441041</t>
  </si>
  <si>
    <t>Rijnenburg</t>
  </si>
  <si>
    <t>2021BU03441041</t>
  </si>
  <si>
    <t>buurten.19f2e759-1b81-4004-b508-abd40dda4f00</t>
  </si>
  <si>
    <t>Aansluiten op koppelkansen, zoals verduurzaming van corporatiebezit Jutphaas Wonen. Verduurzaming Gebouwdrift onderdeel maken van het al lopende programma Betere Buurten. Bij koppeling is flexibiliteit wel gevraagd voor lagere kosten en efficiente werkwi</t>
  </si>
  <si>
    <t>BU03450001</t>
  </si>
  <si>
    <t>Meesterweide</t>
  </si>
  <si>
    <t>WK034500</t>
  </si>
  <si>
    <t>2021BU03450001</t>
  </si>
  <si>
    <t>buurten.31815bf8-fbaf-4212-b2c7-19a73b0b9c0b</t>
  </si>
  <si>
    <t>PL0345010006</t>
  </si>
  <si>
    <t>Oosten van Veenendaal</t>
  </si>
  <si>
    <t>In concept (voorbereidend). In de technische analyse zijn de verkenningswijken Dragonder Oost en Dragonder Zuid samengevoegd tot een gebied, dat in samenhang doorgerekend is. Uit de technische analyse blijkt dat voor verschillende gebiedenverschillende v</t>
  </si>
  <si>
    <t>voorsorterend. Uit de technische analyse blijkt dat voor verschillende gebieden verschillende voorkeursoplossingen zijn. In een deel met veel hoogbouw lijkt een warmtenetoplossing technisch en economisch haalbaar te zijn. In een ander deel is de individu</t>
  </si>
  <si>
    <t>WUP op korte termijn voor delen van de buurt.</t>
  </si>
  <si>
    <t>BU03450002</t>
  </si>
  <si>
    <t>Schrijverswijk</t>
  </si>
  <si>
    <t>2021BU03450002</t>
  </si>
  <si>
    <t>buurten.c4822ff3-0739-44ad-b024-9ce4e9eb7c8c</t>
  </si>
  <si>
    <t>BU03450003</t>
  </si>
  <si>
    <t>Achterkerk</t>
  </si>
  <si>
    <t>2021BU03450003</t>
  </si>
  <si>
    <t>buurten.24317d03-4c53-4e46-a51b-d7d57e540a70</t>
  </si>
  <si>
    <t>PL0345010004</t>
  </si>
  <si>
    <t>Molenbrug</t>
  </si>
  <si>
    <t>In concept (verkennend). Het is nog onzeker wanneer deze buurt van het gas af kan. De beste oplossing voor Molenbrug lijkt om de hele wijk op een warmtenet aan te sluiten. Dit blijkt uit onderzoek. Voor dit warmtenet zijn verschillende warmtebronnen en t</t>
  </si>
  <si>
    <t>kansrijke optie. Uit de technisch-economische berekening komt dat de optimale oplossing voor Molenbrug is om de hele wijk op een warmtenet aan te sluiten (2.744 woningequivalenten). De BAK is in de analyse ingeschat op  4500- 5000 per woning.</t>
  </si>
  <si>
    <t>Betaalbaarheid is belangrijk voor deze buurt. Veel huurders van de woningcorporaties in deze wijk hebben lagere inkomens. Energiekosten kunnen voor hen niet toenemen. In 2024 en 2025 wordt de betaalbaarheid en warmteoplossingen verder onderzocht.</t>
  </si>
  <si>
    <t>WUP in 2024. Afhankelijk betaalbaarheid aardgasvrij in 2030.</t>
  </si>
  <si>
    <t>TEO, RWZI en WKO</t>
  </si>
  <si>
    <t>aquathermie (TEO) en/of aquathermie (RWZI) en/of WKO</t>
  </si>
  <si>
    <t>BU03450099</t>
  </si>
  <si>
    <t>Koopcentrum</t>
  </si>
  <si>
    <t>2021BU03450099</t>
  </si>
  <si>
    <t>buurten.28688c6e-3426-4041-8ab8-6129dffb4358</t>
  </si>
  <si>
    <t>BU03450110</t>
  </si>
  <si>
    <t>Dragonder Noord</t>
  </si>
  <si>
    <t>WK034501</t>
  </si>
  <si>
    <t>2021BU03450110</t>
  </si>
  <si>
    <t>buurten.d0444d2b-495d-4f6a-8940-c354a8d1e56d</t>
  </si>
  <si>
    <t>BU03450111</t>
  </si>
  <si>
    <t>Dragonder Zuid</t>
  </si>
  <si>
    <t>2021BU03450111</t>
  </si>
  <si>
    <t>buurten.6d249588-e091-4677-9f83-7cd4633165f8</t>
  </si>
  <si>
    <t>BU03450112</t>
  </si>
  <si>
    <t>De Compagnie Oost</t>
  </si>
  <si>
    <t>2021BU03450112</t>
  </si>
  <si>
    <t>buurten.b777064e-fcc0-4a1d-8233-28456732a8ff</t>
  </si>
  <si>
    <t>BU03450113</t>
  </si>
  <si>
    <t>Spitsbergen</t>
  </si>
  <si>
    <t>2021BU03450113</t>
  </si>
  <si>
    <t>buurten.ac768a1a-66e2-4b6e-9cf0-29ab6cb43162</t>
  </si>
  <si>
    <t>BU03450114</t>
  </si>
  <si>
    <t>Dragonder Oost</t>
  </si>
  <si>
    <t>2021BU03450114</t>
  </si>
  <si>
    <t>buurten.6a22dcca-ceb6-4e31-a018-b8b5bf2d8fb0</t>
  </si>
  <si>
    <t>BU03450116</t>
  </si>
  <si>
    <t>Groenpoort</t>
  </si>
  <si>
    <t>2021BU03450116</t>
  </si>
  <si>
    <t>buurten.c45afbd8-faec-46c5-883f-ae30d2e4934f</t>
  </si>
  <si>
    <t>BU03450117</t>
  </si>
  <si>
    <t>Buurtstede</t>
  </si>
  <si>
    <t>2021BU03450117</t>
  </si>
  <si>
    <t>buurten.9bc2b85e-e46b-41ff-bc69-f71dddab38d6</t>
  </si>
  <si>
    <t>BU03450118</t>
  </si>
  <si>
    <t>Veenderij</t>
  </si>
  <si>
    <t>2021BU03450118</t>
  </si>
  <si>
    <t>buurten.9e5f9af6-5f4f-44ab-82aa-d1151c3ff19f</t>
  </si>
  <si>
    <t>BU03450220</t>
  </si>
  <si>
    <t>Engelenburg</t>
  </si>
  <si>
    <t>WK034502</t>
  </si>
  <si>
    <t>2021BU03450220</t>
  </si>
  <si>
    <t>buurten.3bde6e16-3515-44e9-8591-0570b747e153</t>
  </si>
  <si>
    <t>BU03450221</t>
  </si>
  <si>
    <t>Het Ambacht</t>
  </si>
  <si>
    <t>2021BU03450221</t>
  </si>
  <si>
    <t>buurten.741dd6df-e796-4972-ac2f-170e53b436a3</t>
  </si>
  <si>
    <t>BU03450222</t>
  </si>
  <si>
    <t>Gezonken Hoek</t>
  </si>
  <si>
    <t>2021BU03450222</t>
  </si>
  <si>
    <t>buurten.d3d23283-401f-4337-8cd4-7431ae5b1d08</t>
  </si>
  <si>
    <t>PL0345010002</t>
  </si>
  <si>
    <t>Franse Gat</t>
  </si>
  <si>
    <t>BU03450223</t>
  </si>
  <si>
    <t>2021BU03450223</t>
  </si>
  <si>
    <t>buurten.b3602699-b2c2-432c-b4a9-78fa8755ad4a</t>
  </si>
  <si>
    <t>BU03450224</t>
  </si>
  <si>
    <t>Petenbos Oost</t>
  </si>
  <si>
    <t>2021BU03450224</t>
  </si>
  <si>
    <t>buurten.e86410e9-f58e-49a8-b580-097d7ff01fc3</t>
  </si>
  <si>
    <t>BU03450225</t>
  </si>
  <si>
    <t>Nijverkamp</t>
  </si>
  <si>
    <t>2021BU03450225</t>
  </si>
  <si>
    <t>buurten.37b15a16-509b-4dc7-b94b-504906162eb5</t>
  </si>
  <si>
    <t>BU03450226</t>
  </si>
  <si>
    <t>De Groene Velden</t>
  </si>
  <si>
    <t>2021BU03450226</t>
  </si>
  <si>
    <t>buurten.af3ac2e7-2e49-4acd-a058-b8ee0a094ff8</t>
  </si>
  <si>
    <t>BU03450227</t>
  </si>
  <si>
    <t>De Blauwe Hel</t>
  </si>
  <si>
    <t>2021BU03450227</t>
  </si>
  <si>
    <t>buurten.8b8256fb-ea55-4c70-9fe0-7af5626fbf77</t>
  </si>
  <si>
    <t>BU03450228</t>
  </si>
  <si>
    <t>Middelbuurt</t>
  </si>
  <si>
    <t>2021BU03450228</t>
  </si>
  <si>
    <t>buurten.09809367-5a87-4106-b8d0-de7d50a6ecf7</t>
  </si>
  <si>
    <t>BU03450330</t>
  </si>
  <si>
    <t>Stationswijk</t>
  </si>
  <si>
    <t>WK034503</t>
  </si>
  <si>
    <t>2021BU03450330</t>
  </si>
  <si>
    <t>buurten.ec5c31aa-2155-4534-92a1-732a0014a229</t>
  </si>
  <si>
    <t>BU03450331</t>
  </si>
  <si>
    <t>2021BU03450331</t>
  </si>
  <si>
    <t>buurten.f565e0a6-72bc-4f40-bd22-ae3dc8fa299f</t>
  </si>
  <si>
    <t>In concept (voorbereidend). Voor het Franse Gat loopt al meerdere jaren een gebiedstraject. Door de grote veranderingen die gaan plaatsvinden, juist ook in het (grote) vastgoedbezit van de corporaties, is binnen dit gebiedstraject een intensievere warmte</t>
  </si>
  <si>
    <t>geen keuze gemaakt. Er is een verkenning gedaan, maar nog geen voorkeur voor een techniek.</t>
  </si>
  <si>
    <t>BU03450332</t>
  </si>
  <si>
    <t>Salamander</t>
  </si>
  <si>
    <t>2021BU03450332</t>
  </si>
  <si>
    <t>buurten.e4f64297-3363-41a9-a3f1-4862ff5c9f46</t>
  </si>
  <si>
    <t>BU03450440</t>
  </si>
  <si>
    <t>WK034504</t>
  </si>
  <si>
    <t>2021BU03450440</t>
  </si>
  <si>
    <t>buurten.ed60b8db-96f6-41f2-89a9-dd93e8a07be3</t>
  </si>
  <si>
    <t>BU03450441</t>
  </si>
  <si>
    <t>'t Hoorntje</t>
  </si>
  <si>
    <t>2021BU03450441</t>
  </si>
  <si>
    <t>buurten.709038d8-a686-4f7c-b383-669737483adf</t>
  </si>
  <si>
    <t>PL0345010003</t>
  </si>
  <si>
    <t>De Faktorij en De Vendel</t>
  </si>
  <si>
    <t>In concept (verkennend). Het volledig aardgasvrij maken van dit terrein voor 2030 lijkt niet haalbaar. In 2022 en 2023 maken we plannen voor dit terrein.</t>
  </si>
  <si>
    <t>BU03450442</t>
  </si>
  <si>
    <t>De Pol</t>
  </si>
  <si>
    <t>2021BU03450442</t>
  </si>
  <si>
    <t>buurten.04717db6-c181-4bb7-90ef-28c4601c6212</t>
  </si>
  <si>
    <t>BU03450443</t>
  </si>
  <si>
    <t>Gelderse Blom</t>
  </si>
  <si>
    <t>2021BU03450443</t>
  </si>
  <si>
    <t>buurten.cda86aa0-7263-4d21-9bf4-64bd0ecfc9ca</t>
  </si>
  <si>
    <t>BU03450444</t>
  </si>
  <si>
    <t>De Compagnie</t>
  </si>
  <si>
    <t>2021BU03450444</t>
  </si>
  <si>
    <t>buurten.bc0863cc-7cd4-4235-9c85-cd17c025100d</t>
  </si>
  <si>
    <t>geen keuze gemaakt. Uit onderzoek blijkt dat een oplossing per bedrijf het meest haalbaar lijkt om van het gas af te gaan. Er zijn ook kansen voor een kleine gezamenlijke oplossing, waar de vraag naar warmte en koude kunnen worden uitgewisseld. Daarnaast</t>
  </si>
  <si>
    <t>BU03450445</t>
  </si>
  <si>
    <t>De Batterijen</t>
  </si>
  <si>
    <t>2021BU03450445</t>
  </si>
  <si>
    <t>buurten.4f49b03a-9e53-401d-9be6-2cce8d93daa3</t>
  </si>
  <si>
    <t>BU03450550</t>
  </si>
  <si>
    <t>Pioniersbuurt</t>
  </si>
  <si>
    <t>WK034505</t>
  </si>
  <si>
    <t>2021BU03450550</t>
  </si>
  <si>
    <t>buurten.ee184da5-0edc-4205-a748-0b93fe5c271e</t>
  </si>
  <si>
    <t>BU03450551</t>
  </si>
  <si>
    <t>Componistenbuurt</t>
  </si>
  <si>
    <t>2021BU03450551</t>
  </si>
  <si>
    <t>buurten.a269256f-9a58-450a-ab4a-24587a7d1fba</t>
  </si>
  <si>
    <t>BU03450552</t>
  </si>
  <si>
    <t>2021BU03450552</t>
  </si>
  <si>
    <t>buurten.ef733c19-9ae7-4919-b4a4-e6967f916dde</t>
  </si>
  <si>
    <t>BU03450553</t>
  </si>
  <si>
    <t>2021BU03450553</t>
  </si>
  <si>
    <t>buurten.c5805078-8593-4c12-af3f-8c15ac18ad29</t>
  </si>
  <si>
    <t>BU03450554</t>
  </si>
  <si>
    <t>Dichtersbuurt</t>
  </si>
  <si>
    <t>2021BU03450554</t>
  </si>
  <si>
    <t>buurten.782f5d6a-395c-4754-8119-97ba58d91098</t>
  </si>
  <si>
    <t>BU03450555</t>
  </si>
  <si>
    <t>2021BU03450555</t>
  </si>
  <si>
    <t>buurten.e4083c0d-c9af-4d58-8d45-87094d5642bb</t>
  </si>
  <si>
    <t>BU03450556</t>
  </si>
  <si>
    <t>De Kooi</t>
  </si>
  <si>
    <t>2021BU03450556</t>
  </si>
  <si>
    <t>buurten.ee63e27e-0174-49c9-abd4-d1c64b2bde56</t>
  </si>
  <si>
    <t>BU03450557</t>
  </si>
  <si>
    <t>Hondzenelleboog</t>
  </si>
  <si>
    <t>2021BU03450557</t>
  </si>
  <si>
    <t>buurten.f0447661-ba0e-401c-bae8-52f861c8ad7b</t>
  </si>
  <si>
    <t>BU03510001</t>
  </si>
  <si>
    <t>De Grift</t>
  </si>
  <si>
    <t>WK035100</t>
  </si>
  <si>
    <t>2021BU03510001</t>
  </si>
  <si>
    <t>buurten.854d9ec1-91dd-4ce2-af54-b0a3d3da219a</t>
  </si>
  <si>
    <t>PL0351010001</t>
  </si>
  <si>
    <t>Het Zeeland, Het Groene Woud, Woudenberg-Oost, Nieuwoord (zuidelijk deel)</t>
  </si>
  <si>
    <t>Realistisch gezien zal het basisniveau voor vooroorlogse buurten niet voor alle gebouwen mogelijk blijken.</t>
  </si>
  <si>
    <t>Individueel all-electric door middel van een warmtepomp in de woning en een extra verzwaard elektriciteitsnet in de wijk. Alle gebouwen gaan zoveel mogelijk op natuurlijke momenten naar het basisniveau van isolatie, installatie en elektrisch koken. Daarn</t>
  </si>
  <si>
    <t>BU03510002</t>
  </si>
  <si>
    <t>Nico Bergsteijn</t>
  </si>
  <si>
    <t>2021BU03510002</t>
  </si>
  <si>
    <t>buurten.284bd109-3cd0-4423-9bef-590539840460</t>
  </si>
  <si>
    <t>BU03510003</t>
  </si>
  <si>
    <t>Nieuwoord</t>
  </si>
  <si>
    <t>2021BU03510003</t>
  </si>
  <si>
    <t>buurten.9b1bb1fa-d9c8-44f2-9d82-db94463ffc8c</t>
  </si>
  <si>
    <t>BU03510004</t>
  </si>
  <si>
    <t>Laanzicht</t>
  </si>
  <si>
    <t>2021BU03510004</t>
  </si>
  <si>
    <t>buurten.57857105-4be8-418c-a6ee-0f826a3315a0</t>
  </si>
  <si>
    <t>BU03510005</t>
  </si>
  <si>
    <t>Het Zeeland</t>
  </si>
  <si>
    <t>2021BU03510005</t>
  </si>
  <si>
    <t>buurten.d6cab7c5-e26a-4d9e-9114-0efa560dae9e</t>
  </si>
  <si>
    <t>BU03510006</t>
  </si>
  <si>
    <t>Het Groene Woud</t>
  </si>
  <si>
    <t>2021BU03510006</t>
  </si>
  <si>
    <t>buurten.fc18df13-ccce-425e-9af9-e6b7da5fd587</t>
  </si>
  <si>
    <t>BU03510007</t>
  </si>
  <si>
    <t>Woudenberg-Oost</t>
  </si>
  <si>
    <t>2021BU03510007</t>
  </si>
  <si>
    <t>buurten.173cd73b-45d1-4355-ba4a-8048925ded83</t>
  </si>
  <si>
    <t>Bedrijventerrein (Industrieterrein Parallelweg)</t>
  </si>
  <si>
    <t>Deze buurten volgen het tempo van de gebouweigenaren. Het tempo zal mede bepaald worden door de verplichtingen die bedrijven hebben onder de Wet milieubeheer om energie te besparen, en de handhaving van de Omgevingsdienst hierop.</t>
  </si>
  <si>
    <t>Op bedrijventerreinen zullen individuele en kleinschalig collectieve warmteopties voorkomen. Het gaat daarbij om allelectric maar ook om WKO-netten die naast warmte ook koude kunnen leveren. De energie-infrastructuur op een bedrijventerrein is echter in</t>
  </si>
  <si>
    <t>WKO mogelijk. Mogelijk biedt de rioolwaterzuivering kansen als energiebron voor een warmtenet, daarnaast laat een eerste analyse zien dat er mogelijk potentie is voor thermische energie uit oppervlaktewater (TEO) vanuit het valleikanaal.</t>
  </si>
  <si>
    <t>BU03510008</t>
  </si>
  <si>
    <t>2021BU03510008</t>
  </si>
  <si>
    <t>buurten.5f0e98aa-f6e2-478f-85b6-f3128056906a</t>
  </si>
  <si>
    <t>BU03510009</t>
  </si>
  <si>
    <t>Den Treek-Henschoten</t>
  </si>
  <si>
    <t>2021BU03510009</t>
  </si>
  <si>
    <t>buurten.4f64854e-ade1-4dc6-87f9-efcd2d9ae11f</t>
  </si>
  <si>
    <t>BU03510010</t>
  </si>
  <si>
    <t>Geerestein</t>
  </si>
  <si>
    <t>2021BU03510010</t>
  </si>
  <si>
    <t>buurten.4fdb4dd1-5c62-4087-84c6-c67af434e597</t>
  </si>
  <si>
    <t>BU03510011</t>
  </si>
  <si>
    <t>Voskuilen</t>
  </si>
  <si>
    <t>2021BU03510011</t>
  </si>
  <si>
    <t>buurten.38b9455e-5d14-4041-9be9-3f6d8f76b3be</t>
  </si>
  <si>
    <t>De Grift, Nico Bergsteijn, Laanzicht, Nieuwoord (noordelijk deel)</t>
  </si>
  <si>
    <t>BU03510012</t>
  </si>
  <si>
    <t>Rumelaar-Lambalgen</t>
  </si>
  <si>
    <t>2021BU03510012</t>
  </si>
  <si>
    <t>buurten.1cc06972-8cb2-4ebf-88e2-4f04af205244</t>
  </si>
  <si>
    <t>PL0279010021</t>
  </si>
  <si>
    <t>voorsorterend. Hier liggen individuele oplossingen, zoals een warmtepomp, het meest voor de hand. Woningeigenaren kunnen stap voor stap maatregelen nemen, bijvoorbeeld door eerst te isoleren en een paarj aarlater de cv-ketel te vervangen door een warmtep</t>
  </si>
  <si>
    <t>BU03520000</t>
  </si>
  <si>
    <t>WK035200</t>
  </si>
  <si>
    <t>2021BU03520000</t>
  </si>
  <si>
    <t>buurten.eebdf5da-09b1-4e93-a23a-5736061f49d7</t>
  </si>
  <si>
    <t>PL0352010003</t>
  </si>
  <si>
    <t>De Engk</t>
  </si>
  <si>
    <t>Voor goed geisoleerde woningen kan een hybride warmtepomp in deze wijken ook een interessante tussenoplossing zijn.</t>
  </si>
  <si>
    <t>Voor De Engk onderzoeken we of een warmtenet interessant kan zijn.</t>
  </si>
  <si>
    <t>BU03520001</t>
  </si>
  <si>
    <t>2021BU03520001</t>
  </si>
  <si>
    <t>buurten.cb70ba83-817b-465b-84f7-2d01c4aace93</t>
  </si>
  <si>
    <t>PL0352010002</t>
  </si>
  <si>
    <t>Noorderwaard-Noord, Noorderwaard-Zuid, De Heul, Frankenhof, De Horden (4 buurten)Cothen en Langbroek (m.u.v. nieuwbouw)</t>
  </si>
  <si>
    <t>Wijkgericht isoleren van eengezinswoningen 1950-1990. De Noorderwaard Noord is startbuurt voor gemeentebrede aanpak. Campagnematig bewoners en ondernemers informeren en adviseren over hun huis comfortabeler te maken en te besparen op hun energierekening</t>
  </si>
  <si>
    <t>BU03520002</t>
  </si>
  <si>
    <t>Frankenhof</t>
  </si>
  <si>
    <t>2021BU03520002</t>
  </si>
  <si>
    <t>buurten.36e73b0e-1a7c-464e-b509-13f9e7cc5d32</t>
  </si>
  <si>
    <t>BU03520003</t>
  </si>
  <si>
    <t>De Heul</t>
  </si>
  <si>
    <t>2021BU03520003</t>
  </si>
  <si>
    <t>buurten.5dc54471-a1d1-4bc2-ba42-56011e8fef65</t>
  </si>
  <si>
    <t>PL0352010001</t>
  </si>
  <si>
    <t>Gemeentebrede campagne voor hybride of all-electric, m.n. woningen vanaf 1990</t>
  </si>
  <si>
    <t>BU03520004</t>
  </si>
  <si>
    <t>Noorderwaard-Noord</t>
  </si>
  <si>
    <t>2021BU03520004</t>
  </si>
  <si>
    <t>buurten.6b6aedf1-aa16-44da-a114-597fd0aae6ba</t>
  </si>
  <si>
    <t>BU03520005</t>
  </si>
  <si>
    <t>Noorderwaard-Zuid</t>
  </si>
  <si>
    <t>2021BU03520005</t>
  </si>
  <si>
    <t>buurten.d786d479-c0ba-41cc-bf0a-ccacc96c9e9e</t>
  </si>
  <si>
    <t>BU03520006</t>
  </si>
  <si>
    <t>De Horden Stenen en Ovens</t>
  </si>
  <si>
    <t>2021BU03520006</t>
  </si>
  <si>
    <t>buurten.266a7f17-1a3c-4d9c-b642-1fdb9af17048</t>
  </si>
  <si>
    <t>BU03520007</t>
  </si>
  <si>
    <t>De Horden Rivieren</t>
  </si>
  <si>
    <t>2021BU03520007</t>
  </si>
  <si>
    <t>buurten.592def1d-913e-464b-95ab-58cc8b18e9d1</t>
  </si>
  <si>
    <t>BU03520008</t>
  </si>
  <si>
    <t>De Horden Schepen</t>
  </si>
  <si>
    <t>2021BU03520008</t>
  </si>
  <si>
    <t>buurten.6a854b8e-63bc-48a0-99d4-f3073ba36ac7</t>
  </si>
  <si>
    <t>BU03520009</t>
  </si>
  <si>
    <t>De Horden Parckwijk</t>
  </si>
  <si>
    <t>2021BU03520009</t>
  </si>
  <si>
    <t>buurten.22cb583c-6a1f-461c-bb55-46acd35028c1</t>
  </si>
  <si>
    <t>BU03520010</t>
  </si>
  <si>
    <t>Bedrijventerrein Broekweg &amp; Langshaven</t>
  </si>
  <si>
    <t>2021BU03520010</t>
  </si>
  <si>
    <t>buurten.31bbff32-735e-47a6-bce0-334c97bfac47</t>
  </si>
  <si>
    <t>Bedrijventerrein Broekweg</t>
  </si>
  <si>
    <t>Op bedrijventerreinen zien we een collectief bronnet of individuele warmtepompen (allelectric) als oplossing. Nader onderzoek en overleg met de bedrijven is nodig om te kijken welke oplossing het beste past</t>
  </si>
  <si>
    <t>Bronnet met RWZI of WKO i.c.m. thermische energie uit oppervlaktewater</t>
  </si>
  <si>
    <t>aquathermie (RWZI) en/of aquathermie (TEO) en/of zonnewarmte</t>
  </si>
  <si>
    <t>BU03520011</t>
  </si>
  <si>
    <t>2021BU03520011</t>
  </si>
  <si>
    <t>buurten.08ec77f5-dc00-4c86-9bb7-7b5e9f0f0be7</t>
  </si>
  <si>
    <t>BU03520100</t>
  </si>
  <si>
    <t>Buitengebied Wijk bij Duurstede</t>
  </si>
  <si>
    <t>WK035201</t>
  </si>
  <si>
    <t>2021BU03520100</t>
  </si>
  <si>
    <t>buurten.ac6fa7e2-028e-4c2a-bf23-69a4f642ff3d</t>
  </si>
  <si>
    <t>BU03520101</t>
  </si>
  <si>
    <t>Buitengebied ten zuiden van Amsterdam-Rijnkanaal</t>
  </si>
  <si>
    <t>2021BU03520101</t>
  </si>
  <si>
    <t>buurten.4cf20d82-1cc5-4e4a-9023-2d00256d5e36</t>
  </si>
  <si>
    <t>BU03520200</t>
  </si>
  <si>
    <t>Cothen</t>
  </si>
  <si>
    <t>WK035202</t>
  </si>
  <si>
    <t>2021BU03520200</t>
  </si>
  <si>
    <t>buurten.8344e389-e192-4715-b2e9-e325c0a8bd0b</t>
  </si>
  <si>
    <t>BU03520201</t>
  </si>
  <si>
    <t>Buitengebied Cothen</t>
  </si>
  <si>
    <t>2021BU03520201</t>
  </si>
  <si>
    <t>buurten.08e97255-54f0-43a8-9234-0a9e36cc524a</t>
  </si>
  <si>
    <t>BU03520300</t>
  </si>
  <si>
    <t>Langbroek</t>
  </si>
  <si>
    <t>WK035203</t>
  </si>
  <si>
    <t>2021BU03520300</t>
  </si>
  <si>
    <t>buurten.f4c080dc-45c1-4dee-aa2e-f3c8128178bc</t>
  </si>
  <si>
    <t>BU03520301</t>
  </si>
  <si>
    <t>Buitengebied Langbroek</t>
  </si>
  <si>
    <t>2021BU03520301</t>
  </si>
  <si>
    <t>buurten.f40c8843-365a-40b0-aa93-90977dc44ea6</t>
  </si>
  <si>
    <t>BU03530001</t>
  </si>
  <si>
    <t>IJsselstein-Binnenstad</t>
  </si>
  <si>
    <t>WK035300</t>
  </si>
  <si>
    <t>2021BU03530001</t>
  </si>
  <si>
    <t>buurten.3de1d604-eecb-4560-bc27-4e23e3ed94a0</t>
  </si>
  <si>
    <t>BU03530002</t>
  </si>
  <si>
    <t>Nieuwpoort</t>
  </si>
  <si>
    <t>2021BU03530002</t>
  </si>
  <si>
    <t>buurten.5b065642-5359-40cd-8d40-04ef67f3a565</t>
  </si>
  <si>
    <t>BU03530003</t>
  </si>
  <si>
    <t>Groenvliet</t>
  </si>
  <si>
    <t>2021BU03530003</t>
  </si>
  <si>
    <t>buurten.20b85ebd-b44e-4317-b057-8ab73d87c484</t>
  </si>
  <si>
    <t>BU03530004</t>
  </si>
  <si>
    <t>Kasteelkwartier</t>
  </si>
  <si>
    <t>2021BU03530004</t>
  </si>
  <si>
    <t>buurten.e594e07a-445f-4014-9c14-6d72a1cd4946</t>
  </si>
  <si>
    <t>BU03530005</t>
  </si>
  <si>
    <t>Europakwartier</t>
  </si>
  <si>
    <t>2021BU03530005</t>
  </si>
  <si>
    <t>buurten.e106cf23-9854-4567-8119-64d7391f4bd9</t>
  </si>
  <si>
    <t>BU03530006</t>
  </si>
  <si>
    <t>2021BU03530006</t>
  </si>
  <si>
    <t>buurten.c24aed78-9331-4f76-9708-70c117452789</t>
  </si>
  <si>
    <t>PL0353010003</t>
  </si>
  <si>
    <t>Verkenningsbuurt: Oranjekwartier</t>
  </si>
  <si>
    <t>Voorwaarden:- Aansluiten op concrete koppelkansen (zoals vervanging asbestcement hoofdleidingen, gasvervangingsprogramma en actieve betrokkenheid inwoners bij klimaatadaptieve en/of energiebesparing in de wijk)-  10.000,- tot 30.000,- voor uitvoeren verk</t>
  </si>
  <si>
    <t>Eerste stappen zetten in de buurt richting aardgasvrij in 2050</t>
  </si>
  <si>
    <t>BU03530007</t>
  </si>
  <si>
    <t>IJsselveld-Oost</t>
  </si>
  <si>
    <t>2021BU03530007</t>
  </si>
  <si>
    <t>buurten.4e26cf10-5d77-42f5-80ac-4b69268cfefd</t>
  </si>
  <si>
    <t>BU03530008</t>
  </si>
  <si>
    <t>IJsselveld-West</t>
  </si>
  <si>
    <t>2021BU03530008</t>
  </si>
  <si>
    <t>buurten.5b6b5e7b-ac57-4bef-b51a-5b538f635a26</t>
  </si>
  <si>
    <t>PL0353010005</t>
  </si>
  <si>
    <t>BU03530009</t>
  </si>
  <si>
    <t>IJsseloevers</t>
  </si>
  <si>
    <t>2021BU03530009</t>
  </si>
  <si>
    <t>buurten.8c8e1fbe-663d-4a37-bbf4-a0a1a544f991</t>
  </si>
  <si>
    <t>BU03530010</t>
  </si>
  <si>
    <t>Hazenveld en Overwaard</t>
  </si>
  <si>
    <t>2021BU03530010</t>
  </si>
  <si>
    <t>buurten.52321104-7450-4ccf-8fe0-8cb943990c93</t>
  </si>
  <si>
    <t>BU03530011</t>
  </si>
  <si>
    <t>Rijpickerwaard</t>
  </si>
  <si>
    <t>2021BU03530011</t>
  </si>
  <si>
    <t>buurten.7264f014-4a48-4b3c-a37d-12075f566a61</t>
  </si>
  <si>
    <t>Wijktraject Doorslag</t>
  </si>
  <si>
    <t>Verminderen CO2-uitstoot bedrijventerrein</t>
  </si>
  <si>
    <t>BU03530012</t>
  </si>
  <si>
    <t>Panoven</t>
  </si>
  <si>
    <t>2021BU03530012</t>
  </si>
  <si>
    <t>buurten.1aa9072d-1f4f-4f38-9f89-08e259a38fc8</t>
  </si>
  <si>
    <t>BU03530013</t>
  </si>
  <si>
    <t>Paardenveld</t>
  </si>
  <si>
    <t>2021BU03530013</t>
  </si>
  <si>
    <t>buurten.1b14e3b5-5a7d-4320-b5e9-5d9cac6d178c</t>
  </si>
  <si>
    <t>BU03530014</t>
  </si>
  <si>
    <t>Over Oudland</t>
  </si>
  <si>
    <t>2021BU03530014</t>
  </si>
  <si>
    <t>buurten.5f98081d-33c4-4a7a-a5b3-f1f38bc22564</t>
  </si>
  <si>
    <t>BU03530015</t>
  </si>
  <si>
    <t>Industrieterrein Lage Dijk</t>
  </si>
  <si>
    <t>2021BU03530015</t>
  </si>
  <si>
    <t>buurten.a54c15cd-626c-4da8-904a-7ebf44c86ad8</t>
  </si>
  <si>
    <t>BU03530016</t>
  </si>
  <si>
    <t>Bedrijventerrein De Corridor</t>
  </si>
  <si>
    <t>2021BU03530016</t>
  </si>
  <si>
    <t>buurten.17bfd2fb-7039-4599-a69e-884d18e6726e</t>
  </si>
  <si>
    <t>BU03530017</t>
  </si>
  <si>
    <t>De Hoven en De Boomgaard</t>
  </si>
  <si>
    <t>2021BU03530017</t>
  </si>
  <si>
    <t>buurten.dde1a404-d908-47a6-8901-b3653208a6f9</t>
  </si>
  <si>
    <t>BU03530018</t>
  </si>
  <si>
    <t>De Tuinen</t>
  </si>
  <si>
    <t>2021BU03530018</t>
  </si>
  <si>
    <t>buurten.ce165f2c-2e00-4a55-b27f-ca130d6bd350</t>
  </si>
  <si>
    <t>BU03530019</t>
  </si>
  <si>
    <t>Het Hart</t>
  </si>
  <si>
    <t>2021BU03530019</t>
  </si>
  <si>
    <t>buurten.222eb1f6-f129-4fc3-885d-b69bd181a22a</t>
  </si>
  <si>
    <t>BU03530020</t>
  </si>
  <si>
    <t>De Wereldsteden</t>
  </si>
  <si>
    <t>2021BU03530020</t>
  </si>
  <si>
    <t>buurten.a5b174bd-ae8e-4fa0-8ca9-f791433b9486</t>
  </si>
  <si>
    <t>BU03530021</t>
  </si>
  <si>
    <t>De Rivieren</t>
  </si>
  <si>
    <t>2021BU03530021</t>
  </si>
  <si>
    <t>buurten.c936f0ee-625e-40c0-b327-a8e4271cf78a</t>
  </si>
  <si>
    <t>BU03530022</t>
  </si>
  <si>
    <t>Het Staatse</t>
  </si>
  <si>
    <t>2021BU03530022</t>
  </si>
  <si>
    <t>buurten.d39c484c-3c9b-40cf-b380-5d33d2df103d</t>
  </si>
  <si>
    <t>BU03530023</t>
  </si>
  <si>
    <t>Benschopperpoort en Het Podium</t>
  </si>
  <si>
    <t>2021BU03530023</t>
  </si>
  <si>
    <t>buurten.db20cebe-b1fe-4c50-b2d7-2ea097c8f3e3</t>
  </si>
  <si>
    <t>BU03530024</t>
  </si>
  <si>
    <t>Achterveld-Zuid</t>
  </si>
  <si>
    <t>2021BU03530024</t>
  </si>
  <si>
    <t>buurten.98df15c9-ffc9-43fb-ae23-483c01f44a7c</t>
  </si>
  <si>
    <t>BU03530025</t>
  </si>
  <si>
    <t>Achterveld-West</t>
  </si>
  <si>
    <t>2021BU03530025</t>
  </si>
  <si>
    <t>buurten.f8e8eb39-ccb8-4b4d-ac38-a1a633d94b37</t>
  </si>
  <si>
    <t>PL0353010004</t>
  </si>
  <si>
    <t>Verkenningsbuurt: Achterveld</t>
  </si>
  <si>
    <t>BU03530026</t>
  </si>
  <si>
    <t>Achterveld-Noord</t>
  </si>
  <si>
    <t>2021BU03530026</t>
  </si>
  <si>
    <t>buurten.d233c6a9-7943-4cab-ab7e-bd263f536169</t>
  </si>
  <si>
    <t>BU03530027</t>
  </si>
  <si>
    <t>Achterveld-Oost</t>
  </si>
  <si>
    <t>2021BU03530027</t>
  </si>
  <si>
    <t>buurten.09dd72ff-f767-436a-bfc6-417527592bec</t>
  </si>
  <si>
    <t>BU03530028</t>
  </si>
  <si>
    <t>Eiterse Waard</t>
  </si>
  <si>
    <t>2021BU03530028</t>
  </si>
  <si>
    <t>buurten.82cd1ee0-09a2-4c9b-baef-c85ebd7dc62d</t>
  </si>
  <si>
    <t>BU03530029</t>
  </si>
  <si>
    <t>Landelijk gebied Noord</t>
  </si>
  <si>
    <t>2021BU03530029</t>
  </si>
  <si>
    <t>buurten.5592267f-a980-4cb6-a3da-46852bbc2921</t>
  </si>
  <si>
    <t>BU03530030</t>
  </si>
  <si>
    <t>Landelijk gebied Zuid</t>
  </si>
  <si>
    <t>2021BU03530030</t>
  </si>
  <si>
    <t>buurten.e589a74d-cfa4-4ab3-b61f-508c5ec7d0cc</t>
  </si>
  <si>
    <t>BU03550101</t>
  </si>
  <si>
    <t>Carré</t>
  </si>
  <si>
    <t>WK035501</t>
  </si>
  <si>
    <t>2021BU03550101</t>
  </si>
  <si>
    <t>buurten.e6b68141-48b9-488e-a216-021440200b5b</t>
  </si>
  <si>
    <t>BU03550102</t>
  </si>
  <si>
    <t>Centrumschil-Zuid</t>
  </si>
  <si>
    <t>2021BU03550102</t>
  </si>
  <si>
    <t>buurten.9fa49941-0b91-4b90-92e7-7e017ea66532</t>
  </si>
  <si>
    <t>BU03550103</t>
  </si>
  <si>
    <t>Centrumschil-Noord</t>
  </si>
  <si>
    <t>2021BU03550103</t>
  </si>
  <si>
    <t>buurten.cbb5c8c5-a9a8-454d-95e6-0e25c8ce797b</t>
  </si>
  <si>
    <t>BU03550104</t>
  </si>
  <si>
    <t>Lyceumkwartier</t>
  </si>
  <si>
    <t>2021BU03550104</t>
  </si>
  <si>
    <t>buurten.5b49277f-2a37-4556-b024-92f21a7a37a2</t>
  </si>
  <si>
    <t>BU03550105</t>
  </si>
  <si>
    <t>Het Slot en omgeving</t>
  </si>
  <si>
    <t>2021BU03550105</t>
  </si>
  <si>
    <t>buurten.eef81ad1-f61c-48bd-bd57-76c987f9b6bf</t>
  </si>
  <si>
    <t>helder krijgen van de route naar aardgasvrij</t>
  </si>
  <si>
    <t>PL0355010004</t>
  </si>
  <si>
    <t>mogelijkheden voor verduurzaming in kaart brengen</t>
  </si>
  <si>
    <t>BU03550201</t>
  </si>
  <si>
    <t>Patijnpark</t>
  </si>
  <si>
    <t>WK035502</t>
  </si>
  <si>
    <t>2021BU03550201</t>
  </si>
  <si>
    <t>buurten.b3420aa4-082d-4ccf-b6a8-5e39e6528670</t>
  </si>
  <si>
    <t>PL0355010005</t>
  </si>
  <si>
    <t>samenhang met renovatieplannen woningcorporaties</t>
  </si>
  <si>
    <t>BU03550202</t>
  </si>
  <si>
    <t>Dijnselburg</t>
  </si>
  <si>
    <t>2021BU03550202</t>
  </si>
  <si>
    <t>buurten.2c411e6d-8307-40ac-9692-b28097f804f3</t>
  </si>
  <si>
    <t>BU03550203</t>
  </si>
  <si>
    <t>2021BU03550203</t>
  </si>
  <si>
    <t>buurten.800a9950-472a-4a0e-8ab6-a9108a977bf7</t>
  </si>
  <si>
    <t>BU03550204</t>
  </si>
  <si>
    <t>Mooi Zeist</t>
  </si>
  <si>
    <t>2021BU03550204</t>
  </si>
  <si>
    <t>buurten.ce30d382-e843-489d-904b-9bfa7bcd7d1b</t>
  </si>
  <si>
    <t>BU03550205</t>
  </si>
  <si>
    <t>Vollenhove</t>
  </si>
  <si>
    <t>2021BU03550205</t>
  </si>
  <si>
    <t>buurten.c354323b-76c6-43bd-852e-39cb68c9be9b</t>
  </si>
  <si>
    <t>BU03550206</t>
  </si>
  <si>
    <t>Utrechtseweg</t>
  </si>
  <si>
    <t>2021BU03550206</t>
  </si>
  <si>
    <t>buurten.01611221-aba9-44fe-8f8b-ed42e5c76551</t>
  </si>
  <si>
    <t>BU03550301</t>
  </si>
  <si>
    <t>Griffensteijn en Kersbergen</t>
  </si>
  <si>
    <t>WK035503</t>
  </si>
  <si>
    <t>2021BU03550301</t>
  </si>
  <si>
    <t>buurten.8c61cdf2-da01-4c27-976a-5e5cf183d233</t>
  </si>
  <si>
    <t>BU03550302</t>
  </si>
  <si>
    <t>Nijenheim</t>
  </si>
  <si>
    <t>2021BU03550302</t>
  </si>
  <si>
    <t>buurten.95658895-7e6d-4ada-aa57-b0cac8036902</t>
  </si>
  <si>
    <t>BU03550303</t>
  </si>
  <si>
    <t>Crosesteijn</t>
  </si>
  <si>
    <t>2021BU03550303</t>
  </si>
  <si>
    <t>buurten.49f31394-5456-47d0-b961-be8d7022ecf1</t>
  </si>
  <si>
    <t>BU03550304</t>
  </si>
  <si>
    <t>2021BU03550304</t>
  </si>
  <si>
    <t>buurten.b029417e-79d9-4edb-8cb6-76aca14c1fa6</t>
  </si>
  <si>
    <t>BU03550305</t>
  </si>
  <si>
    <t>Brugakker</t>
  </si>
  <si>
    <t>2021BU03550305</t>
  </si>
  <si>
    <t>buurten.773d393a-5246-4973-b42d-ceffab6b64fd</t>
  </si>
  <si>
    <t>BU03550306</t>
  </si>
  <si>
    <t>De Clomp</t>
  </si>
  <si>
    <t>2021BU03550306</t>
  </si>
  <si>
    <t>buurten.2ddf2d4c-8ade-420e-9ee5-681b2c5f32df</t>
  </si>
  <si>
    <t>BU03550307</t>
  </si>
  <si>
    <t>Couwenhoven</t>
  </si>
  <si>
    <t>2021BU03550307</t>
  </si>
  <si>
    <t>buurten.aade4a25-eb55-4d88-94f3-fac654da745c</t>
  </si>
  <si>
    <t>BU03550308</t>
  </si>
  <si>
    <t>Blikkenburg e.o.</t>
  </si>
  <si>
    <t>2021BU03550308</t>
  </si>
  <si>
    <t>buurten.010e0882-19c9-405d-93a9-c9f7cf82df99</t>
  </si>
  <si>
    <t>BU03550309</t>
  </si>
  <si>
    <t>Weidegebied</t>
  </si>
  <si>
    <t>2021BU03550309</t>
  </si>
  <si>
    <t>buurten.acde2cbd-7d91-40e5-8b02-a8624a3258d9</t>
  </si>
  <si>
    <t>BU03550401</t>
  </si>
  <si>
    <t>Hoge Dennen</t>
  </si>
  <si>
    <t>WK035504</t>
  </si>
  <si>
    <t>2021BU03550401</t>
  </si>
  <si>
    <t>buurten.a7124bb2-77ca-49a0-b69b-1686e09d957f</t>
  </si>
  <si>
    <t>PL0355010006</t>
  </si>
  <si>
    <t>Zorgcomplexen Kerckebosch</t>
  </si>
  <si>
    <t>BU03550402</t>
  </si>
  <si>
    <t>Kerckebosch</t>
  </si>
  <si>
    <t>2021BU03550402</t>
  </si>
  <si>
    <t>buurten.2c17e2c0-e8a9-41ae-9da6-c3b8f71b22dd</t>
  </si>
  <si>
    <t>BU03550403</t>
  </si>
  <si>
    <t>Driebergseweg</t>
  </si>
  <si>
    <t>2021BU03550403</t>
  </si>
  <si>
    <t>buurten.1e4150e7-6aa5-4ade-9cda-422fae7f2451</t>
  </si>
  <si>
    <t>BU03550404</t>
  </si>
  <si>
    <t>Station NS</t>
  </si>
  <si>
    <t>2021BU03550404</t>
  </si>
  <si>
    <t>buurten.714e2e20-e975-4566-a25e-29720ade2eee</t>
  </si>
  <si>
    <t>PL1581010001</t>
  </si>
  <si>
    <t>Omgeving Station</t>
  </si>
  <si>
    <t>Voor het verder verkennen van de kansen voor de kantoren rondom het stationsgebied willen we gebruik maken van bestaande structuren. Via de ondernemersvereniging wil de gemeente samen met de betrokken partijen in het gebied de kansen voor inzet van een l</t>
  </si>
  <si>
    <t>Verkenning mogelijkheden to verduurzaming bedrijventerrein station. Voor de kantoren is all-electric de beste warmteoplossing. Dit kan individueel of collectief met een bronnet op basis zonthermie of WKO in combinatie met warmtepompen. Voor het bedrijven</t>
  </si>
  <si>
    <t>WKO of zonthermie is mogelijk</t>
  </si>
  <si>
    <t>WKO en/of zonnewarmte</t>
  </si>
  <si>
    <t>BU03550405</t>
  </si>
  <si>
    <t>Zeister Bos</t>
  </si>
  <si>
    <t>2021BU03550405</t>
  </si>
  <si>
    <t>buurten.eac730d0-d77e-4ae1-bfa9-5908dda12bd4</t>
  </si>
  <si>
    <t>BU03550406</t>
  </si>
  <si>
    <t>Austerlitz</t>
  </si>
  <si>
    <t>2021BU03550406</t>
  </si>
  <si>
    <t>buurten.e48cf9ac-1dc9-4848-af98-d00a93ec1c39</t>
  </si>
  <si>
    <t>PL0355010003</t>
  </si>
  <si>
    <t>rijksbijdrage uit PAW</t>
  </si>
  <si>
    <t>BU03550407</t>
  </si>
  <si>
    <t>Verspreide huizen Austerlitz</t>
  </si>
  <si>
    <t>2021BU03550407</t>
  </si>
  <si>
    <t>buurten.b1ee81ac-2f9f-4b58-8a81-82d7d1b99adc</t>
  </si>
  <si>
    <t>BU03550501</t>
  </si>
  <si>
    <t>Huis ter Heide-Zuid</t>
  </si>
  <si>
    <t>WK035505</t>
  </si>
  <si>
    <t>2021BU03550501</t>
  </si>
  <si>
    <t>buurten.8b1502a9-cd40-4980-a48e-811a8ffe1b8e</t>
  </si>
  <si>
    <t>BU03550502</t>
  </si>
  <si>
    <t>Huis ter Heide-Noord</t>
  </si>
  <si>
    <t>2021BU03550502</t>
  </si>
  <si>
    <t>buurten.c6aca9c2-822d-4197-8de7-38a3548291df</t>
  </si>
  <si>
    <t>BU03550503</t>
  </si>
  <si>
    <t>Bosch en Duin</t>
  </si>
  <si>
    <t>2021BU03550503</t>
  </si>
  <si>
    <t>buurten.17ea59ae-cfb8-4374-abeb-b141a46408c4</t>
  </si>
  <si>
    <t>BU03550504</t>
  </si>
  <si>
    <t>Beukbergen</t>
  </si>
  <si>
    <t>2021BU03550504</t>
  </si>
  <si>
    <t>buurten.cbe791aa-ea8b-4ea3-8dd8-9fee03a7b185</t>
  </si>
  <si>
    <t>BU03550505</t>
  </si>
  <si>
    <t>Den Dolder-Zuid</t>
  </si>
  <si>
    <t>2021BU03550505</t>
  </si>
  <si>
    <t>buurten.3f0c4db3-b7bf-4cc3-9158-d94a8ccfeff5</t>
  </si>
  <si>
    <t>BU03550506</t>
  </si>
  <si>
    <t>Den Dolder-Noord</t>
  </si>
  <si>
    <t>2021BU03550506</t>
  </si>
  <si>
    <t>buurten.5008027d-417e-4ff2-87db-70b5f1b4bd4e</t>
  </si>
  <si>
    <t>PL0355010002</t>
  </si>
  <si>
    <t>restwarmte Remiafabriek en collectief opwaarderen naar MT</t>
  </si>
  <si>
    <t>restwarmte (voedselindustrie)</t>
  </si>
  <si>
    <t>BU03550507</t>
  </si>
  <si>
    <t>Soestdijkerweg en omgeving</t>
  </si>
  <si>
    <t>2021BU03550507</t>
  </si>
  <si>
    <t>buurten.306db172-cd65-469e-bad6-c5d4be3b2d98</t>
  </si>
  <si>
    <t>BU03550508</t>
  </si>
  <si>
    <t>2021BU03550508</t>
  </si>
  <si>
    <t>buurten.b8a57015-c729-4363-b10e-bf78ea900f04</t>
  </si>
  <si>
    <t>BU03560101</t>
  </si>
  <si>
    <t>Jutphaas</t>
  </si>
  <si>
    <t>WK035601</t>
  </si>
  <si>
    <t>2021BU03560101</t>
  </si>
  <si>
    <t>buurten.cb2d10b6-a20f-4ad2-8da9-35271ad8bfcd</t>
  </si>
  <si>
    <t>PL0356010005</t>
  </si>
  <si>
    <t>BU03560102</t>
  </si>
  <si>
    <t>Wijkersloot-Oost</t>
  </si>
  <si>
    <t>2021BU03560102</t>
  </si>
  <si>
    <t>buurten.dc5c38e3-cd2f-48d3-aa71-094997ee44b7</t>
  </si>
  <si>
    <t>BU03560103</t>
  </si>
  <si>
    <t>Wijkersloot-West</t>
  </si>
  <si>
    <t>2021BU03560103</t>
  </si>
  <si>
    <t>buurten.693afcc2-5225-43d4-b124-6dc28a506990</t>
  </si>
  <si>
    <t>PL0356010001</t>
  </si>
  <si>
    <t>BU03560201</t>
  </si>
  <si>
    <t>Zuilenstein-Zuid</t>
  </si>
  <si>
    <t>WK035602</t>
  </si>
  <si>
    <t>2021BU03560201</t>
  </si>
  <si>
    <t>buurten.e5365a61-8b5f-4fd3-b990-76737b4460dd</t>
  </si>
  <si>
    <t>BU03560202</t>
  </si>
  <si>
    <t>Zuilenstein-Noord</t>
  </si>
  <si>
    <t>2021BU03560202</t>
  </si>
  <si>
    <t>buurten.00479322-11af-4574-ac91-37122b519536</t>
  </si>
  <si>
    <t>BU03560301</t>
  </si>
  <si>
    <t>Driften-Zuid</t>
  </si>
  <si>
    <t>WK035603</t>
  </si>
  <si>
    <t>2021BU03560301</t>
  </si>
  <si>
    <t>buurten.34693bd3-b154-44f9-a4ba-592837eb8e6b</t>
  </si>
  <si>
    <t>BU03560302</t>
  </si>
  <si>
    <t>Driften-Noord</t>
  </si>
  <si>
    <t>2021BU03560302</t>
  </si>
  <si>
    <t>buurten.afd7bc1f-488c-4c96-a8b5-6a0c6b065c1a</t>
  </si>
  <si>
    <t>BU03560303</t>
  </si>
  <si>
    <t>2021BU03560303</t>
  </si>
  <si>
    <t>buurten.138e1b16-9b79-476a-9894-113801bb4195</t>
  </si>
  <si>
    <t>BU03560401</t>
  </si>
  <si>
    <t>Burgen</t>
  </si>
  <si>
    <t>WK035604</t>
  </si>
  <si>
    <t>2021BU03560401</t>
  </si>
  <si>
    <t>buurten.4e539b5d-764a-479e-805e-7fce32f8f6c2</t>
  </si>
  <si>
    <t>Vermindering van energieverbruik/warmtevraag in de buurt (100 appartementen)</t>
  </si>
  <si>
    <t>BU03560402</t>
  </si>
  <si>
    <t>Binnenweides</t>
  </si>
  <si>
    <t>2021BU03560402</t>
  </si>
  <si>
    <t>buurten.b8fa4e01-6248-4b52-b4a6-8063c5c08893</t>
  </si>
  <si>
    <t>BU03560403</t>
  </si>
  <si>
    <t>Buitenweides</t>
  </si>
  <si>
    <t>2021BU03560403</t>
  </si>
  <si>
    <t>buurten.feb2eac2-e03c-457b-b606-ee3a56abceec</t>
  </si>
  <si>
    <t>BU03560501</t>
  </si>
  <si>
    <t>Doorslag-Noord</t>
  </si>
  <si>
    <t>WK035605</t>
  </si>
  <si>
    <t>2021BU03560501</t>
  </si>
  <si>
    <t>buurten.54eed2f2-9a3d-42bb-be51-17531f9352cc</t>
  </si>
  <si>
    <t>PL0356010004</t>
  </si>
  <si>
    <t>BU03560502</t>
  </si>
  <si>
    <t>Doorslag-Oost</t>
  </si>
  <si>
    <t>2021BU03560502</t>
  </si>
  <si>
    <t>buurten.1c54341d-c6d3-4f49-8047-bf66cf67cb8b</t>
  </si>
  <si>
    <t>BU03560503</t>
  </si>
  <si>
    <t>Doorslag-Zuidwest</t>
  </si>
  <si>
    <t>2021BU03560503</t>
  </si>
  <si>
    <t>buurten.e86dfc0d-b7a7-4760-a1f6-b6d182b49b74</t>
  </si>
  <si>
    <t>BU03560600</t>
  </si>
  <si>
    <t>Huis de Geer</t>
  </si>
  <si>
    <t>WK035606</t>
  </si>
  <si>
    <t>2021BU03560600</t>
  </si>
  <si>
    <t>buurten.6a355e55-2feb-4e1b-851e-0f8ae287aa5f</t>
  </si>
  <si>
    <t>BU03560700</t>
  </si>
  <si>
    <t>Blokhoeve</t>
  </si>
  <si>
    <t>WK035607</t>
  </si>
  <si>
    <t>2021BU03560700</t>
  </si>
  <si>
    <t>buurten.263c4b13-5c6b-4494-ab31-5a7dc66dfd7a</t>
  </si>
  <si>
    <t>BU03560801</t>
  </si>
  <si>
    <t>WK035608</t>
  </si>
  <si>
    <t>2021BU03560801</t>
  </si>
  <si>
    <t>buurten.d1c3eeef-f86f-424f-86f8-2ff4f45bfbc7</t>
  </si>
  <si>
    <t>BU03560802</t>
  </si>
  <si>
    <t>Hoven-Oost</t>
  </si>
  <si>
    <t>2021BU03560802</t>
  </si>
  <si>
    <t>buurten.991051ce-e9e8-4b51-b8e1-681854ae6f02</t>
  </si>
  <si>
    <t>BU03560803</t>
  </si>
  <si>
    <t>Hoven-West</t>
  </si>
  <si>
    <t>2021BU03560803</t>
  </si>
  <si>
    <t>buurten.9feb30c5-8207-44cd-beae-d1c6f25a5896</t>
  </si>
  <si>
    <t>BU03560804</t>
  </si>
  <si>
    <t>Galecopperzoom</t>
  </si>
  <si>
    <t>2021BU03560804</t>
  </si>
  <si>
    <t>buurten.c4cb603f-9655-47af-8319-cd225fd17149</t>
  </si>
  <si>
    <t>BU03561001</t>
  </si>
  <si>
    <t>WK035610</t>
  </si>
  <si>
    <t>2021BU03561001</t>
  </si>
  <si>
    <t>buurten.d37abe0c-ffbb-47b4-a3dd-6b013deabcba</t>
  </si>
  <si>
    <t>BU03561002</t>
  </si>
  <si>
    <t>Schansen</t>
  </si>
  <si>
    <t>2021BU03561002</t>
  </si>
  <si>
    <t>buurten.c739f337-865a-4139-a7b9-9604a70dde61</t>
  </si>
  <si>
    <t>BU03561003</t>
  </si>
  <si>
    <t>Graven en Gravinnen</t>
  </si>
  <si>
    <t>2021BU03561003</t>
  </si>
  <si>
    <t>buurten.1e96f7e1-92b6-4114-b0e8-d4a0c5172b7d</t>
  </si>
  <si>
    <t>PL0356010003</t>
  </si>
  <si>
    <t>Wijktraject Zandveld</t>
  </si>
  <si>
    <t>BU03561101</t>
  </si>
  <si>
    <t>Hoogzandveld-Oost</t>
  </si>
  <si>
    <t>WK035611</t>
  </si>
  <si>
    <t>2021BU03561101</t>
  </si>
  <si>
    <t>buurten.324e2857-e7cf-471e-a1bf-76479ddff118</t>
  </si>
  <si>
    <t>BU03561102</t>
  </si>
  <si>
    <t>Hoogzandveld-West</t>
  </si>
  <si>
    <t>2021BU03561102</t>
  </si>
  <si>
    <t>buurten.ccd4caa3-78a9-47dd-97c5-e9e48dad0e24</t>
  </si>
  <si>
    <t>BU03561200</t>
  </si>
  <si>
    <t>Lekboulevard</t>
  </si>
  <si>
    <t>WK035612</t>
  </si>
  <si>
    <t>2021BU03561200</t>
  </si>
  <si>
    <t>buurten.0cd3794f-6faf-4d0c-89e7-b0d506536d98</t>
  </si>
  <si>
    <t>BU03561301</t>
  </si>
  <si>
    <t>Vreeswijk</t>
  </si>
  <si>
    <t>WK035613</t>
  </si>
  <si>
    <t>2021BU03561301</t>
  </si>
  <si>
    <t>buurten.8f168576-60e4-4fa6-bd9b-b2e987429d09</t>
  </si>
  <si>
    <t>BU03561302</t>
  </si>
  <si>
    <t>Nieuw Vreeswijk</t>
  </si>
  <si>
    <t>2021BU03561302</t>
  </si>
  <si>
    <t>buurten.aac37532-2825-425b-8e67-5c2769ddd890</t>
  </si>
  <si>
    <t>BU03561400</t>
  </si>
  <si>
    <t>Merwestein</t>
  </si>
  <si>
    <t>WK035614</t>
  </si>
  <si>
    <t>2021BU03561400</t>
  </si>
  <si>
    <t>buurten.9f52e132-2262-4ba3-85f3-e7a9cf76c560</t>
  </si>
  <si>
    <t>BU03561500</t>
  </si>
  <si>
    <t>Park Oudegein</t>
  </si>
  <si>
    <t>WK035615</t>
  </si>
  <si>
    <t>2021BU03561500</t>
  </si>
  <si>
    <t>buurten.64214acb-ae20-401f-abd6-980a907de0f6</t>
  </si>
  <si>
    <t>BU03561600</t>
  </si>
  <si>
    <t>Zandveld</t>
  </si>
  <si>
    <t>WK035616</t>
  </si>
  <si>
    <t>2021BU03561600</t>
  </si>
  <si>
    <t>buurten.647c9d44-3402-4873-a3d5-cec918c1d81d</t>
  </si>
  <si>
    <t>BU03561800</t>
  </si>
  <si>
    <t>Het Klooster</t>
  </si>
  <si>
    <t>WK035618</t>
  </si>
  <si>
    <t>2021BU03561800</t>
  </si>
  <si>
    <t>buurten.bb6eff2e-cdc4-4916-b50e-63bbcfe82a6f</t>
  </si>
  <si>
    <t>BU03562001</t>
  </si>
  <si>
    <t>De Liesbosch</t>
  </si>
  <si>
    <t>WK035620</t>
  </si>
  <si>
    <t>2021BU03562001</t>
  </si>
  <si>
    <t>buurten.6211012c-1f65-4da7-8988-bb3eb0431251</t>
  </si>
  <si>
    <t>BU03562002</t>
  </si>
  <si>
    <t>Buitengebied Laagraven</t>
  </si>
  <si>
    <t>2021BU03562002</t>
  </si>
  <si>
    <t>buurten.d59edcee-cbb3-4841-a417-e617e89df13e</t>
  </si>
  <si>
    <t>BU03562100</t>
  </si>
  <si>
    <t>Plettenburg</t>
  </si>
  <si>
    <t>WK035621</t>
  </si>
  <si>
    <t>2021BU03562100</t>
  </si>
  <si>
    <t>buurten.76acd333-a065-49d7-a3b0-1ceefa2f44d2</t>
  </si>
  <si>
    <t>BU03562200</t>
  </si>
  <si>
    <t>De Wiers</t>
  </si>
  <si>
    <t>WK035622</t>
  </si>
  <si>
    <t>2021BU03562200</t>
  </si>
  <si>
    <t>buurten.38a7a78e-0b01-49db-a575-8f9f0ae9fb83</t>
  </si>
  <si>
    <t>BU03562300</t>
  </si>
  <si>
    <t>Hoge Landen</t>
  </si>
  <si>
    <t>WK035623</t>
  </si>
  <si>
    <t>2021BU03562300</t>
  </si>
  <si>
    <t>buurten.6464d165-6713-4cc1-bbde-6c15a311b8f8</t>
  </si>
  <si>
    <t>BU03562400</t>
  </si>
  <si>
    <t>WK035624</t>
  </si>
  <si>
    <t>2021BU03562400</t>
  </si>
  <si>
    <t>buurten.c526854b-27db-4f83-9065-6446673be0e7</t>
  </si>
  <si>
    <t>BU03562500</t>
  </si>
  <si>
    <t>Rijnhuizen</t>
  </si>
  <si>
    <t>WK035625</t>
  </si>
  <si>
    <t>2021BU03562500</t>
  </si>
  <si>
    <t>buurten.2305f140-d354-427c-aca5-4cb6a756f663</t>
  </si>
  <si>
    <t>BU03580000</t>
  </si>
  <si>
    <t>WK035800</t>
  </si>
  <si>
    <t>GM0358</t>
  </si>
  <si>
    <t>Aalsmeer</t>
  </si>
  <si>
    <t>2021BU03580000</t>
  </si>
  <si>
    <t>buurten.f0feed7e-e588-4c82-97ac-b718aa4b8b34</t>
  </si>
  <si>
    <t>GM0394</t>
  </si>
  <si>
    <t>Haarlemmermeer</t>
  </si>
  <si>
    <t>fossiele brandstof-vrij in 2040</t>
  </si>
  <si>
    <t>stapsgewijs en gebiedsgericht naar een CO2-arme gebouwde omgeving</t>
  </si>
  <si>
    <t>DC035801</t>
  </si>
  <si>
    <t>DC039401</t>
  </si>
  <si>
    <t>Warmtevisie Aalsmeer</t>
  </si>
  <si>
    <t>Warmtevisie Haarlemmermeer 2030 Samen naar een andere manier van verwarmen</t>
  </si>
  <si>
    <t>[p. 11-12] Uitgangspunten: De warmtevisie is betrouwbaar(bestaat uit objectieve feiten) en uitvoerbaar,De warmtevisie is breed gedragen (tot stand gekomenmet input van bewoners en andere belanghebbenden)Bij de keuze van warmtetechnieken letten we opbetaa</t>
  </si>
  <si>
    <t>haalbaar, betaalbaar en toegankelijk, keuzevrijheid, betrouwbaar, duurzaam</t>
  </si>
  <si>
    <t>[p. 8]  In de warmtevisiestaat het tijdspad voor de stapsgewijze aanpakrichting een aardgasvrije gebouwde omgeving. Voorde buurten waarin de gemeente voor 2030 aan de slaggaat, geeft de warmtevisie inzicht in de mogelijkhedenvoor aardgasvrij verwarmen. W</t>
  </si>
  <si>
    <t>faciliteren van een stapsgewijze warmtetransitie</t>
  </si>
  <si>
    <t>Aalsmeer wil in 2040 een fossielonafhankelijke gemeente zijn</t>
  </si>
  <si>
    <t>starten met leren, slim volgen en communiceren opgevolgd door een periode van versnelling</t>
  </si>
  <si>
    <t>https://haarlemmermeer.bestuurlijkeinformatie.nl/Agenda/Document/d8c0ad77-4434-49e4-8242-0c433e25cf2e?documentId=729d089e-9a5e-4e13-9cc8-515e5fabb014</t>
  </si>
  <si>
    <t>https://www.aalsmeer.nl/wonen-leven/publicatie/duurzaamheid_warmtevisie-aalsmeer</t>
  </si>
  <si>
    <t>PL0358010001</t>
  </si>
  <si>
    <t>PL0394010011</t>
  </si>
  <si>
    <t>Hybride 2050 gemeente Haarlemmermeer</t>
  </si>
  <si>
    <t>Startgebied Aardgasvrij</t>
  </si>
  <si>
    <t>nog niet bekend</t>
  </si>
  <si>
    <t>De aanpak aardgasvrij richt zich op goedgeisoleerde woningen van na 1992 in buurten met als oplossingsrichting verwarming op lage temperatuur met een elektrische warmtepomp of kleinschalig wko-net.</t>
  </si>
  <si>
    <t>Goede isolatie</t>
  </si>
  <si>
    <t>BU03580001</t>
  </si>
  <si>
    <t>Stommeer</t>
  </si>
  <si>
    <t>2021BU03580001</t>
  </si>
  <si>
    <t>buurten.1c92da4f-e690-4f7d-9f98-4179df52c9be</t>
  </si>
  <si>
    <t>PL0358010003</t>
  </si>
  <si>
    <t>Kantoren label C in 2023</t>
  </si>
  <si>
    <t>Betaalbaarheid, uitvoerbaarheid en duurzaamheid</t>
  </si>
  <si>
    <t>Toekomstbestendige keuzes en uitvoerbaarheid</t>
  </si>
  <si>
    <t>Aargasvrij-ready in 2030</t>
  </si>
  <si>
    <t>De kantoorgebouwen minimaal energielabel A in 2030</t>
  </si>
  <si>
    <t>BU03580004</t>
  </si>
  <si>
    <t>Hornmeer</t>
  </si>
  <si>
    <t>2021BU03580004</t>
  </si>
  <si>
    <t>buurten.21cbd9b5-88b0-4f44-93cd-e514828e5a16</t>
  </si>
  <si>
    <t>GM0451</t>
  </si>
  <si>
    <t>Uithoorn</t>
  </si>
  <si>
    <t>DC045101</t>
  </si>
  <si>
    <t>Op weg naar duurzame warmte, de transitievisie voor de gemeente Uithoorn</t>
  </si>
  <si>
    <t>Algemene uitgangspunten:, We stappen over op vrijwillige basis, We houden de overgang zo betaalbaar mogelijk, We doen het samen, We werken in kleine stappen, We nemen maatregelen waar we geen spijt van krijgen: we isoleren, We verwarmen hybride als tusse</t>
  </si>
  <si>
    <t>Acties voor de komende vijf jaar:, Uitvoeringsagenda Energietransitie &amp; Warmteregisseur: de visie concreter maken in de Uitvoeringsagenda Energietransitie. De warmteregisseur coordineert dit., Procesmanagement: onderzoeken warmteopties op basis van aquat</t>
  </si>
  <si>
    <t>In 2050 een volledig duurzaam verwarmde gemeente</t>
  </si>
  <si>
    <t>https://www.uithoorn.nl/gasvrij/Visie_vastgesteldransitievisie_Warmte_Uithoorn.pdf</t>
  </si>
  <si>
    <t>PL0451010003</t>
  </si>
  <si>
    <t>Individuele alternatieve warmteopties</t>
  </si>
  <si>
    <t>Voorsorterend. Het oppervlakte water rond de buurt Legmeer is kansrijk voor aquathermie. Deze brond biedt mogelijk kansen in Legmeer. Ook is de Amstel een potentiele warmtebron.</t>
  </si>
  <si>
    <t>voorsorterend. Overweeg individuele alternatieve warmteopties als bewoner.</t>
  </si>
  <si>
    <t>Verschilt per wijk. Over het algemeen is het doel vrijwel alle woningen naar energielabel B te isoleren.</t>
  </si>
  <si>
    <t>verzwaard Elektriciteitsnet (mogelijk)</t>
  </si>
  <si>
    <t>Aquathermie uit het Legmeer of de Amstel</t>
  </si>
  <si>
    <t>BU03580005</t>
  </si>
  <si>
    <t>Uiterweg</t>
  </si>
  <si>
    <t>2021BU03580005</t>
  </si>
  <si>
    <t>buurten.61c25cac-8e35-46cc-af6a-e91f361d280b</t>
  </si>
  <si>
    <t>GM1884</t>
  </si>
  <si>
    <t>Kaag en Braassem</t>
  </si>
  <si>
    <t>voor 2025 44TJ energie bespaard in woningen en 19TJ in de rest van de gebouwde omgeving</t>
  </si>
  <si>
    <t>DC188401</t>
  </si>
  <si>
    <t>Samen onderweg naar een duurzaam verwarmd Kaag en Braassem</t>
  </si>
  <si>
    <t>2022-01-17</t>
  </si>
  <si>
    <t>gedeeld eigenaarschap, sociale cohesie &amp; dorpesgevoel, ruimte voor initiatieven</t>
  </si>
  <si>
    <t>PL1884010003</t>
  </si>
  <si>
    <t>warmtenet HT of individueel 2040, gemeente Haarlemmermeer</t>
  </si>
  <si>
    <t>Afleverset en/of All-Electric en/of zonnecollectoren</t>
  </si>
  <si>
    <t>BU03580100</t>
  </si>
  <si>
    <t>Kudelstaart</t>
  </si>
  <si>
    <t>WK035801</t>
  </si>
  <si>
    <t>2021BU03580100</t>
  </si>
  <si>
    <t>buurten.a8ab9479-1092-4346-8396-23df03699820</t>
  </si>
  <si>
    <t>duurzaamheid, betaalbaarheid, beschikbaarheid, betrouwbaarheid, efficientie, transporteerbaarheid</t>
  </si>
  <si>
    <t>https://kaagenbraassem.bestuurlijkeinformatie.nl/Agenda/Document/f0c4b930-678b-4015-9447-fcea4a79e3fb?documentId=04172d00-a48f-4bc0-a96a-a6a6427e08d6&amp;agendaItemId=20c600f4-a516-4086-b6e5-cb26a05ab22e</t>
  </si>
  <si>
    <t>Strategie KeB overig</t>
  </si>
  <si>
    <t>De exacte kansen en haalbaarheid dienen voor beide bronnen verder onderzocht te worden.</t>
  </si>
  <si>
    <t>BU03580200</t>
  </si>
  <si>
    <t>Bovenlanden</t>
  </si>
  <si>
    <t>WK035802</t>
  </si>
  <si>
    <t>2021BU03580200</t>
  </si>
  <si>
    <t>buurten.92522bd5-97c8-47ba-a518-b9d9c16d7aa1</t>
  </si>
  <si>
    <t>BU03580201</t>
  </si>
  <si>
    <t>Greenpark</t>
  </si>
  <si>
    <t>2021BU03580201</t>
  </si>
  <si>
    <t>buurten.045b2488-86db-429a-bfd6-98c98c1cd710</t>
  </si>
  <si>
    <t>BU03580205</t>
  </si>
  <si>
    <t>Oosteinde</t>
  </si>
  <si>
    <t>2021BU03580205</t>
  </si>
  <si>
    <t>buurten.b1b1275b-a758-4aef-a716-a342a5e0d455</t>
  </si>
  <si>
    <t>BU03580206</t>
  </si>
  <si>
    <t>Schinkelpolder</t>
  </si>
  <si>
    <t>2021BU03580206</t>
  </si>
  <si>
    <t>buurten.c9db2c53-3807-4456-96e1-9cd88534cdbf</t>
  </si>
  <si>
    <t>BU03610100</t>
  </si>
  <si>
    <t>Kooimeer</t>
  </si>
  <si>
    <t>WK036101</t>
  </si>
  <si>
    <t>GM0361</t>
  </si>
  <si>
    <t>Alkmaar</t>
  </si>
  <si>
    <t>2021BU03610100</t>
  </si>
  <si>
    <t>buurten.7cae8b8a-def5-4d07-ac89-e751d48f33e2</t>
  </si>
  <si>
    <t>BU03610101</t>
  </si>
  <si>
    <t>Dillenburg en Stadhouderskwartier</t>
  </si>
  <si>
    <t>2021BU03610101</t>
  </si>
  <si>
    <t>buurten.55b186d8-67d3-4653-82fd-8d98b0a6ad48</t>
  </si>
  <si>
    <t>BU03610102</t>
  </si>
  <si>
    <t>Staatsliedenkwartier en Landstraten</t>
  </si>
  <si>
    <t>2021BU03610102</t>
  </si>
  <si>
    <t>buurten.2c3c9df5-ad4e-4fe5-8a28-94b1caea4d02</t>
  </si>
  <si>
    <t>BU03610103</t>
  </si>
  <si>
    <t>Oud-Rochdale</t>
  </si>
  <si>
    <t>2021BU03610103</t>
  </si>
  <si>
    <t>buurten.d5a2986c-9ebb-41a3-891a-45215e857b53</t>
  </si>
  <si>
    <t>BU03610104</t>
  </si>
  <si>
    <t>Emmakwartier</t>
  </si>
  <si>
    <t>2021BU03610104</t>
  </si>
  <si>
    <t>buurten.db25d9d4-e0be-417b-a9f8-e0b229c3399f</t>
  </si>
  <si>
    <t>BU03610105</t>
  </si>
  <si>
    <t>Nassaukwartier en Hout</t>
  </si>
  <si>
    <t>2021BU03610105</t>
  </si>
  <si>
    <t>buurten.09fa37dd-a9eb-4394-b1c4-149327ca0a5b</t>
  </si>
  <si>
    <t>BU03610106</t>
  </si>
  <si>
    <t>Oranjepark</t>
  </si>
  <si>
    <t>2021BU03610106</t>
  </si>
  <si>
    <t>buurten.67d15a67-7c41-44ae-b430-03361a48f8ec</t>
  </si>
  <si>
    <t>BU03610107</t>
  </si>
  <si>
    <t>Cranenbroek</t>
  </si>
  <si>
    <t>2021BU03610107</t>
  </si>
  <si>
    <t>buurten.0ea6d2d5-d5fe-4833-b779-d4fe20e243db</t>
  </si>
  <si>
    <t>BU03610108</t>
  </si>
  <si>
    <t>Bloemwijk en Zocherkwartier</t>
  </si>
  <si>
    <t>2021BU03610108</t>
  </si>
  <si>
    <t>buurten.12404911-46bb-4820-a029-e7ef0d50629b</t>
  </si>
  <si>
    <t>BU03610109</t>
  </si>
  <si>
    <t>Burgemeesterskwartier</t>
  </si>
  <si>
    <t>2021BU03610109</t>
  </si>
  <si>
    <t>buurten.8940aeb2-0d1a-4393-b1b1-00eb59764bb4</t>
  </si>
  <si>
    <t>BU03610200</t>
  </si>
  <si>
    <t>Rekerbuurt en Ooievaarsnest</t>
  </si>
  <si>
    <t>WK036102</t>
  </si>
  <si>
    <t>2021BU03610200</t>
  </si>
  <si>
    <t>buurten.571250de-5880-4aa5-ba44-54c948ff9ec6</t>
  </si>
  <si>
    <t>BU03610201</t>
  </si>
  <si>
    <t>Oudorp-Noord en Oudorp-Oost</t>
  </si>
  <si>
    <t>2021BU03610201</t>
  </si>
  <si>
    <t>buurten.517edad1-4197-4f4a-9f92-28477afd7084</t>
  </si>
  <si>
    <t>GM0398</t>
  </si>
  <si>
    <t>Heerhugowaard</t>
  </si>
  <si>
    <t>CO2-neutraal in 2030</t>
  </si>
  <si>
    <t>DC039801</t>
  </si>
  <si>
    <t>TVW Heerhugowaard</t>
  </si>
  <si>
    <t>kansrijke alternatieven voor aardgas beschrijven, kansrijke wijken signaleren, input voor volgende fase: daadwerkelijke plannen vormen en uitvoering</t>
  </si>
  <si>
    <t>https://gemeentebestuur.heerhugowaard.nl/Documenten/CBB200620-Bijlage-Transitievisie-Warmte-Heerhugowaard.pdf</t>
  </si>
  <si>
    <t>PL0398010005</t>
  </si>
  <si>
    <t>Gemeentebrede aanpak no-regret</t>
  </si>
  <si>
    <t>betaalbaarheid en duurzaamheid, natuurlijke momenten</t>
  </si>
  <si>
    <t>voorbereiden op aardgasvrije toekomst</t>
  </si>
  <si>
    <t>65-80 kWh/m2, in vervolg naar 50-65kWh/m2</t>
  </si>
  <si>
    <t>Elektrisch koken</t>
  </si>
  <si>
    <t>BU03610202</t>
  </si>
  <si>
    <t>Oudorp-Centrum</t>
  </si>
  <si>
    <t>2021BU03610202</t>
  </si>
  <si>
    <t>buurten.65177daf-e526-433f-9b2d-d7834c8e5018</t>
  </si>
  <si>
    <t>BU03610203</t>
  </si>
  <si>
    <t>Schermereiland en Omval</t>
  </si>
  <si>
    <t>2021BU03610203</t>
  </si>
  <si>
    <t>buurten.d71b9222-e0b0-4d01-b2fc-273e350280a5</t>
  </si>
  <si>
    <t>BU03610204</t>
  </si>
  <si>
    <t>Oudorperpolder-Zuid</t>
  </si>
  <si>
    <t>2021BU03610204</t>
  </si>
  <si>
    <t>buurten.b03d9c76-00c5-486d-8f0f-2215e5c6630a</t>
  </si>
  <si>
    <t>BU03610205</t>
  </si>
  <si>
    <t>Oudorperpolder-Midden</t>
  </si>
  <si>
    <t>2021BU03610205</t>
  </si>
  <si>
    <t>buurten.63decb7c-ca1a-4524-965e-5c68e5b09ff8</t>
  </si>
  <si>
    <t>BU03610206</t>
  </si>
  <si>
    <t>Oudorperpolder-Noord</t>
  </si>
  <si>
    <t>2021BU03610206</t>
  </si>
  <si>
    <t>buurten.d29dd321-f9c8-4f47-bfc8-a7aa64583fea</t>
  </si>
  <si>
    <t>BU03610208</t>
  </si>
  <si>
    <t>De Nollen</t>
  </si>
  <si>
    <t>2021BU03610208</t>
  </si>
  <si>
    <t>buurten.73398aa4-ba62-4bbe-9b04-88209026cb44</t>
  </si>
  <si>
    <t>BU03610209</t>
  </si>
  <si>
    <t>Beverkoog</t>
  </si>
  <si>
    <t>2021BU03610209</t>
  </si>
  <si>
    <t>buurten.ea07256a-ef19-4c2e-ab02-7d1584ca443e</t>
  </si>
  <si>
    <t>BU03610300</t>
  </si>
  <si>
    <t>Oud-Overdie</t>
  </si>
  <si>
    <t>WK036103</t>
  </si>
  <si>
    <t>2021BU03610300</t>
  </si>
  <si>
    <t>buurten.c2ac5915-a8b6-478b-ad70-57be410f138d</t>
  </si>
  <si>
    <t>BU03610301</t>
  </si>
  <si>
    <t>2021BU03610301</t>
  </si>
  <si>
    <t>buurten.bbcac8c1-acf8-47e0-9788-a373eb653bcb</t>
  </si>
  <si>
    <t>BU03610302</t>
  </si>
  <si>
    <t>Overdie-Oost</t>
  </si>
  <si>
    <t>2021BU03610302</t>
  </si>
  <si>
    <t>buurten.85676f71-8263-40f6-8bc5-13e490cc652d</t>
  </si>
  <si>
    <t>BU03610303</t>
  </si>
  <si>
    <t>Overdie-West</t>
  </si>
  <si>
    <t>2021BU03610303</t>
  </si>
  <si>
    <t>buurten.fe47a8e2-35fc-4fee-b8dc-a51ad9cbad0b</t>
  </si>
  <si>
    <t>BU03610308</t>
  </si>
  <si>
    <t>Boekelermeer-Zuid</t>
  </si>
  <si>
    <t>2021BU03610308</t>
  </si>
  <si>
    <t>buurten.728ef5d7-12a4-4101-b585-b4e33819a01e</t>
  </si>
  <si>
    <t>BU03610309</t>
  </si>
  <si>
    <t>Boekelermeer-Noord</t>
  </si>
  <si>
    <t>2021BU03610309</t>
  </si>
  <si>
    <t>buurten.97dd5bcf-b26e-478a-89af-e4b870d784e9</t>
  </si>
  <si>
    <t>BU03610400</t>
  </si>
  <si>
    <t>De Hoef III en IV</t>
  </si>
  <si>
    <t>WK036104</t>
  </si>
  <si>
    <t>2021BU03610400</t>
  </si>
  <si>
    <t>buurten.596b391a-33d3-4eed-8fa7-156e07bd476e</t>
  </si>
  <si>
    <t>BU03610401</t>
  </si>
  <si>
    <t>De Hoef I en II</t>
  </si>
  <si>
    <t>2021BU03610401</t>
  </si>
  <si>
    <t>buurten.49e22eba-fcc7-4f8c-be5f-912e3bd392b9</t>
  </si>
  <si>
    <t>BU03610402</t>
  </si>
  <si>
    <t>Bergerwegkwartier</t>
  </si>
  <si>
    <t>2021BU03610402</t>
  </si>
  <si>
    <t>buurten.b4e87c7d-7789-41f8-94fd-30209b008b8d</t>
  </si>
  <si>
    <t>BU03610403</t>
  </si>
  <si>
    <t>Bergerhof en Blaeustraatkwartier</t>
  </si>
  <si>
    <t>2021BU03610403</t>
  </si>
  <si>
    <t>buurten.60ffa405-29cc-492e-8976-d46324306e0d</t>
  </si>
  <si>
    <t>BU03610404</t>
  </si>
  <si>
    <t>Bergermeer</t>
  </si>
  <si>
    <t>2021BU03610404</t>
  </si>
  <si>
    <t>buurten.a91403b0-6ad9-4003-ac39-a306afdc2315</t>
  </si>
  <si>
    <t>BU03610409</t>
  </si>
  <si>
    <t>Landelijk gebied-West</t>
  </si>
  <si>
    <t>2021BU03610409</t>
  </si>
  <si>
    <t>buurten.efded6da-03dc-4594-8b1e-c311dbceacdd</t>
  </si>
  <si>
    <t>BU03610500</t>
  </si>
  <si>
    <t>Huiswaard-1-Zuid</t>
  </si>
  <si>
    <t>WK036105</t>
  </si>
  <si>
    <t>2021BU03610500</t>
  </si>
  <si>
    <t>buurten.9db768d0-a8ca-4fe8-bb84-4685ee8feece</t>
  </si>
  <si>
    <t>BU03610501</t>
  </si>
  <si>
    <t>Muiderwaard</t>
  </si>
  <si>
    <t>2021BU03610501</t>
  </si>
  <si>
    <t>buurten.a2b7963a-dca7-482e-962a-a7152e3aa08b</t>
  </si>
  <si>
    <t>BU03610502</t>
  </si>
  <si>
    <t>Huiswaard-2-West</t>
  </si>
  <si>
    <t>2021BU03610502</t>
  </si>
  <si>
    <t>buurten.3fcab6e2-a407-4b89-8a76-7d1d32b0dfee</t>
  </si>
  <si>
    <t>BU03610503</t>
  </si>
  <si>
    <t>Huiswaard-2-Oost</t>
  </si>
  <si>
    <t>2021BU03610503</t>
  </si>
  <si>
    <t>buurten.3b013e08-13ca-4b0b-a957-0bde64d3f858</t>
  </si>
  <si>
    <t>BU03610600</t>
  </si>
  <si>
    <t>'t Rak-Zuid</t>
  </si>
  <si>
    <t>WK036106</t>
  </si>
  <si>
    <t>2021BU03610600</t>
  </si>
  <si>
    <t>buurten.1a5c7307-675b-4091-b152-14a9da95c657</t>
  </si>
  <si>
    <t>BU03610601</t>
  </si>
  <si>
    <t>'t Rak-Noord</t>
  </si>
  <si>
    <t>2021BU03610601</t>
  </si>
  <si>
    <t>buurten.f7771c99-45bd-4c83-9d72-206124ae5073</t>
  </si>
  <si>
    <t>BU03610602</t>
  </si>
  <si>
    <t>De Horn-Noord</t>
  </si>
  <si>
    <t>2021BU03610602</t>
  </si>
  <si>
    <t>buurten.58d41323-f60f-4bec-83bc-1b4e6a1eb151</t>
  </si>
  <si>
    <t>BU03610603</t>
  </si>
  <si>
    <t>De Horn-Zuid</t>
  </si>
  <si>
    <t>2021BU03610603</t>
  </si>
  <si>
    <t>buurten.e565d935-6403-4b60-a612-67772d83dac8</t>
  </si>
  <si>
    <t>BU03610604</t>
  </si>
  <si>
    <t>De Mare</t>
  </si>
  <si>
    <t>2021BU03610604</t>
  </si>
  <si>
    <t>buurten.1b418f58-44c0-4c6f-9b00-2b47dcd4f810</t>
  </si>
  <si>
    <t>BU03610700</t>
  </si>
  <si>
    <t>Daalmeer-Zuidoost</t>
  </si>
  <si>
    <t>WK036107</t>
  </si>
  <si>
    <t>2021BU03610700</t>
  </si>
  <si>
    <t>buurten.6072cc10-ac4a-4b51-8951-911224107642</t>
  </si>
  <si>
    <t>BU03610701</t>
  </si>
  <si>
    <t>Daalmeer-Zuidwest</t>
  </si>
  <si>
    <t>2021BU03610701</t>
  </si>
  <si>
    <t>buurten.22e40b2b-0a76-411c-b84c-8e04f01d8b69</t>
  </si>
  <si>
    <t>BU03610702</t>
  </si>
  <si>
    <t>Koedijk en De Weijdt</t>
  </si>
  <si>
    <t>2021BU03610702</t>
  </si>
  <si>
    <t>buurten.91846dd6-4e22-4b0a-8967-a1cd3970627b</t>
  </si>
  <si>
    <t>BU03610703</t>
  </si>
  <si>
    <t>Daalmeer-Noordwest</t>
  </si>
  <si>
    <t>2021BU03610703</t>
  </si>
  <si>
    <t>buurten.87771314-a51f-450d-93a5-ac7c76c21e3f</t>
  </si>
  <si>
    <t>BU03610704</t>
  </si>
  <si>
    <t>Daalmeer-Noordoost</t>
  </si>
  <si>
    <t>2021BU03610704</t>
  </si>
  <si>
    <t>buurten.05de010b-d9fa-4c4d-9e4c-27a0980650f6</t>
  </si>
  <si>
    <t>BU03610709</t>
  </si>
  <si>
    <t>2021BU03610709</t>
  </si>
  <si>
    <t>buurten.e62049e3-9cd7-49ea-89cd-0d8cb5b4430d</t>
  </si>
  <si>
    <t>BU03610800</t>
  </si>
  <si>
    <t>WK036108</t>
  </si>
  <si>
    <t>2021BU03610800</t>
  </si>
  <si>
    <t>buurten.02beedb5-de5a-44f7-ab50-5e7608255132</t>
  </si>
  <si>
    <t>BU03610801</t>
  </si>
  <si>
    <t>2021BU03610801</t>
  </si>
  <si>
    <t>buurten.aaf56bb9-3ccb-4690-862d-56e2e7222e36</t>
  </si>
  <si>
    <t>BU03610802</t>
  </si>
  <si>
    <t>Spoorbuurt</t>
  </si>
  <si>
    <t>2021BU03610802</t>
  </si>
  <si>
    <t>buurten.3c2d1aa7-e93b-44bd-bac1-907fd4b79d4d</t>
  </si>
  <si>
    <t>BU03610803</t>
  </si>
  <si>
    <t>Overstad</t>
  </si>
  <si>
    <t>2021BU03610803</t>
  </si>
  <si>
    <t>buurten.19276d23-b7b0-4858-8cba-b9ae3a66222a</t>
  </si>
  <si>
    <t>BU03610900</t>
  </si>
  <si>
    <t>Oterleek</t>
  </si>
  <si>
    <t>WK036109</t>
  </si>
  <si>
    <t>2021BU03610900</t>
  </si>
  <si>
    <t>buurten.a0f69591-ed5d-4bc6-8a67-bfe8cccbe3d1</t>
  </si>
  <si>
    <t>PL0398010004</t>
  </si>
  <si>
    <t>Buitengebied en oud deel recreatiewijk</t>
  </si>
  <si>
    <t>Duurzaam gas (groen gas of waterstof)</t>
  </si>
  <si>
    <t>groengas en/of waterstof</t>
  </si>
  <si>
    <t>BU03610901</t>
  </si>
  <si>
    <t>Ursem</t>
  </si>
  <si>
    <t>2021BU03610901</t>
  </si>
  <si>
    <t>buurten.44039082-0d7d-4381-a158-5f54a07ebf36</t>
  </si>
  <si>
    <t>BU03610902</t>
  </si>
  <si>
    <t>Stompetoren</t>
  </si>
  <si>
    <t>2021BU03610902</t>
  </si>
  <si>
    <t>buurten.8bc683a2-b899-4b02-9f25-14e88440b0fe</t>
  </si>
  <si>
    <t>BU03610903</t>
  </si>
  <si>
    <t>Schermerhorn</t>
  </si>
  <si>
    <t>2021BU03610903</t>
  </si>
  <si>
    <t>buurten.41ee611a-0ac8-4851-b7f7-bb7143daf380</t>
  </si>
  <si>
    <t>GM0370</t>
  </si>
  <si>
    <t>Beemster</t>
  </si>
  <si>
    <t>DC037001</t>
  </si>
  <si>
    <t>Transitie Visie Warmte (Beemster)</t>
  </si>
  <si>
    <t>gelden vanuit de Rijkshoverheid: duidelijkheid van overheid over inzet groengas, Rijkshoverheid moet faciliteren met middelen en personele bezetting</t>
  </si>
  <si>
    <t>gemeentebrede bewustwordingscampage en isolatieprogramma. Diverse inhouddoelstellingen (zie volgende kolom). Kijken of nieuwbouw kan worden aangsloten op middentemperatuur warmtebronnen.</t>
  </si>
  <si>
    <t>alle 2700 kookgaswoningen aardgasvrij, hopelijk in 2026 en uiterlijk in 2029. De resterende 658 woningen in de PAW Overwhere-Zuid aardgasvrij voor 2024. Daar bovenop nog eens 2500 woningen van het gas af in de periode 2024-2030.</t>
  </si>
  <si>
    <t>https://gemeentebestuur.beemster.net/Vergaderingen/Gemeenteraad/2021/30-november/22:00</t>
  </si>
  <si>
    <t>PL0370010001</t>
  </si>
  <si>
    <t>eigen maatschappelijk vastgoed naar label A voor 2030. Algemene voorlichting en bewustwordingscampagne. Stimuleringsmaatregelen voor energiebesparing (o.a. middels duurzaam bouwloket), collectieve inkoop programmas, etc..</t>
  </si>
  <si>
    <t>BU03610904</t>
  </si>
  <si>
    <t>Zuidschermer</t>
  </si>
  <si>
    <t>2021BU03610904</t>
  </si>
  <si>
    <t>buurten.f4da1d42-3f9b-4198-8d08-b1c7fc735f29</t>
  </si>
  <si>
    <t>BU03610905</t>
  </si>
  <si>
    <t>2021BU03610905</t>
  </si>
  <si>
    <t>buurten.4de93ee6-e475-4266-9c3f-4f95f52269c6</t>
  </si>
  <si>
    <t>BU03610906</t>
  </si>
  <si>
    <t>Grootschermer</t>
  </si>
  <si>
    <t>2021BU03610906</t>
  </si>
  <si>
    <t>buurten.7fd29753-f35e-4e3e-89ba-8245c9b254f5</t>
  </si>
  <si>
    <t>BU03611000</t>
  </si>
  <si>
    <t>WK036110</t>
  </si>
  <si>
    <t>2021BU03611000</t>
  </si>
  <si>
    <t>buurten.afa35384-5b40-416d-9174-c2e5e6285ca0</t>
  </si>
  <si>
    <t>BU03611001</t>
  </si>
  <si>
    <t>West-Graftdijk</t>
  </si>
  <si>
    <t>2021BU03611001</t>
  </si>
  <si>
    <t>buurten.8103627d-5c41-466c-b804-4ecf4df6df01</t>
  </si>
  <si>
    <t>BU03611002</t>
  </si>
  <si>
    <t>Graft</t>
  </si>
  <si>
    <t>2021BU03611002</t>
  </si>
  <si>
    <t>buurten.ec8c7bce-9861-4cd1-9def-5a804fef3672</t>
  </si>
  <si>
    <t>BU03611003</t>
  </si>
  <si>
    <t>De Rijp</t>
  </si>
  <si>
    <t>2021BU03611003</t>
  </si>
  <si>
    <t>buurten.cf829ab9-3779-41dc-b706-4a53de9140ae</t>
  </si>
  <si>
    <t>BU03611004</t>
  </si>
  <si>
    <t>Oost-Graftdijk</t>
  </si>
  <si>
    <t>2021BU03611004</t>
  </si>
  <si>
    <t>buurten.99419ce0-2eee-48d0-8643-b5a26e4a136f</t>
  </si>
  <si>
    <t>BU03611005</t>
  </si>
  <si>
    <t>Starnmeer</t>
  </si>
  <si>
    <t>2021BU03611005</t>
  </si>
  <si>
    <t>buurten.f660fc2d-92b5-446c-b017-b5f1cf9d075c</t>
  </si>
  <si>
    <t>GM0450</t>
  </si>
  <si>
    <t>Uitgeest</t>
  </si>
  <si>
    <t>DC045001</t>
  </si>
  <si>
    <t>Transitievisie Warmte Uitgeest</t>
  </si>
  <si>
    <t>2019-10-01</t>
  </si>
  <si>
    <t>betaalbaarheid, duurzaamheid, draagvlak, koppelkansen</t>
  </si>
  <si>
    <t>kaders geven aan nieuwe initiatieven</t>
  </si>
  <si>
    <t>https://www.uitgeest.nl/plannen-en-projecten/duurzaamheid-en-energiebesparing/aardgasvrije-wijken</t>
  </si>
  <si>
    <t>PL0450010001</t>
  </si>
  <si>
    <t>buitengebied Uitgeest</t>
  </si>
  <si>
    <t>In concept (afwachtend) aansluiten bij natuurlijk moment</t>
  </si>
  <si>
    <t>Individuele oplossingen, no-regret maatregelen, op termijn aardgasvrij</t>
  </si>
  <si>
    <t>BU03611006</t>
  </si>
  <si>
    <t>Markenbinnen</t>
  </si>
  <si>
    <t>2021BU03611006</t>
  </si>
  <si>
    <t>buurten.9bda1974-941f-42dc-82e1-0b832de9f2a9</t>
  </si>
  <si>
    <t>BU03611100</t>
  </si>
  <si>
    <t>Vroonermeer-Zuid</t>
  </si>
  <si>
    <t>WK036111</t>
  </si>
  <si>
    <t>2021BU03611100</t>
  </si>
  <si>
    <t>buurten.84ba1f0f-8925-4c03-9e64-333e32c97282</t>
  </si>
  <si>
    <t>BU03611101</t>
  </si>
  <si>
    <t>Vroonermeer-Noord</t>
  </si>
  <si>
    <t>2021BU03611101</t>
  </si>
  <si>
    <t>buurten.7b7c6b89-d363-4297-8aba-deaf41b8b060</t>
  </si>
  <si>
    <t>BU03620101</t>
  </si>
  <si>
    <t>Randwijck West</t>
  </si>
  <si>
    <t>WK036201</t>
  </si>
  <si>
    <t>GM0362</t>
  </si>
  <si>
    <t>Amstelveen</t>
  </si>
  <si>
    <t>2021BU03620101</t>
  </si>
  <si>
    <t>buurten.d3897cfc-0988-42bd-9a93-8496c2fd2bef</t>
  </si>
  <si>
    <t>BU03620102</t>
  </si>
  <si>
    <t>Randwijck Oost</t>
  </si>
  <si>
    <t>2021BU03620102</t>
  </si>
  <si>
    <t>buurten.47d69834-0d36-4315-b280-d396f68fea8c</t>
  </si>
  <si>
    <t>BU03620201</t>
  </si>
  <si>
    <t>WK036202</t>
  </si>
  <si>
    <t>2021BU03620201</t>
  </si>
  <si>
    <t>buurten.4bcdeab4-d216-486a-98e4-ef83fb5dcbfc</t>
  </si>
  <si>
    <t>BU03620202</t>
  </si>
  <si>
    <t>Patrimonium</t>
  </si>
  <si>
    <t>2021BU03620202</t>
  </si>
  <si>
    <t>buurten.b4cf4888-197c-4d20-a311-e07f517e54e3</t>
  </si>
  <si>
    <t>BU03620301</t>
  </si>
  <si>
    <t>Elsrijk West</t>
  </si>
  <si>
    <t>WK036203</t>
  </si>
  <si>
    <t>2021BU03620301</t>
  </si>
  <si>
    <t>buurten.67a02c66-f6c3-4a10-a7db-e8f739c1cf34</t>
  </si>
  <si>
    <t>BU03620302</t>
  </si>
  <si>
    <t>Kruiskerkbuurt</t>
  </si>
  <si>
    <t>2021BU03620302</t>
  </si>
  <si>
    <t>buurten.ef0eda15-f039-4662-a0a5-7421f89ff641</t>
  </si>
  <si>
    <t>BU03620303</t>
  </si>
  <si>
    <t>Vredeveldbuurt</t>
  </si>
  <si>
    <t>2021BU03620303</t>
  </si>
  <si>
    <t>buurten.40f4092a-3fcb-46f9-8c6a-665091a1fa73</t>
  </si>
  <si>
    <t>BU03620304</t>
  </si>
  <si>
    <t>Elsrijk Oost</t>
  </si>
  <si>
    <t>2021BU03620304</t>
  </si>
  <si>
    <t>buurten.cfdf424e-ef41-42d7-b61f-94f6983cb96a</t>
  </si>
  <si>
    <t>BU03620401</t>
  </si>
  <si>
    <t>Stadshart</t>
  </si>
  <si>
    <t>WK036204</t>
  </si>
  <si>
    <t>2021BU03620401</t>
  </si>
  <si>
    <t>buurten.2344c550-2bdf-460a-8fdd-da150bdbebaa</t>
  </si>
  <si>
    <t>BU03620501</t>
  </si>
  <si>
    <t>Uilenstede</t>
  </si>
  <si>
    <t>WK036205</t>
  </si>
  <si>
    <t>2021BU03620501</t>
  </si>
  <si>
    <t>buurten.66165763-820c-45da-aa3d-2e9047d7bd66</t>
  </si>
  <si>
    <t>BU03620502</t>
  </si>
  <si>
    <t>2021BU03620502</t>
  </si>
  <si>
    <t>buurten.c4e25d91-1121-4f74-9fbf-a2809b634507</t>
  </si>
  <si>
    <t>BU03620601</t>
  </si>
  <si>
    <t>Heldenbuurt</t>
  </si>
  <si>
    <t>WK036206</t>
  </si>
  <si>
    <t>2021BU03620601</t>
  </si>
  <si>
    <t>buurten.cfe70916-08f7-42ae-8a69-5d08a39c057c</t>
  </si>
  <si>
    <t>BU03620602</t>
  </si>
  <si>
    <t>Zeestratenbuurt</t>
  </si>
  <si>
    <t>2021BU03620602</t>
  </si>
  <si>
    <t>buurten.a965835e-5e39-45af-9082-add23f4515c8</t>
  </si>
  <si>
    <t>BU03620603</t>
  </si>
  <si>
    <t>Boekenbuurt</t>
  </si>
  <si>
    <t>2021BU03620603</t>
  </si>
  <si>
    <t>buurten.a2512fd2-40ea-42d4-a554-425f83121276</t>
  </si>
  <si>
    <t>BU03620604</t>
  </si>
  <si>
    <t>Operabuurt</t>
  </si>
  <si>
    <t>2021BU03620604</t>
  </si>
  <si>
    <t>buurten.c0e770f2-7f12-4fd6-a315-004285de9b39</t>
  </si>
  <si>
    <t>BU03620701</t>
  </si>
  <si>
    <t>Middelpolder</t>
  </si>
  <si>
    <t>WK036207</t>
  </si>
  <si>
    <t>2021BU03620701</t>
  </si>
  <si>
    <t>buurten.0a254866-1a7c-4121-a426-95bd47138f84</t>
  </si>
  <si>
    <t>GM0437</t>
  </si>
  <si>
    <t>Ouder-Amstel</t>
  </si>
  <si>
    <t>DC043701</t>
  </si>
  <si>
    <t>Transitievisie voor de gemeente Ouder-Amstel</t>
  </si>
  <si>
    <t>Acties voor de komende vijf jaar:, Uitvoeringsagenda Energietransitie &amp; Warmteregisseur: de visie concreter maken in de Uitvoeringsagenda Energietransitie. De warmteregisseur coordineert dit., Procesmanagement in 7 buurten: onderzoeken warmteopties voor</t>
  </si>
  <si>
    <t>https://www.ouder-amstel.nl/gasvrij/Warmtevisieransitievisie_Warmte_Ouder_AmsteL_web.pdf</t>
  </si>
  <si>
    <t>PL0437010004</t>
  </si>
  <si>
    <t>Voorsorterend. Voor drie buurten in Ouderkerk aan de Amstel zal worden onderzocht wat de mogelijkheden zijn voor een collectief LT-warmtenet op basis van aquathermie.</t>
  </si>
  <si>
    <t>Drie buurten in Ouderkerk aan de Amstel en vier buurten in Duivendrecht lijken geschikt om over te stappen van warmteoptie. Voor deze buurten is procesmanagement nodig voor het opstarten van onderzoeken naar alternatieve warmteopties, afstemming met key-</t>
  </si>
  <si>
    <t>De gemeente en met name het Regionaal Energieloket willen inwoners ondersteunen met het aanbeiden van kennis op het gebied van techniek en informatie over het aanvragen van nationale subsidies.</t>
  </si>
  <si>
    <t>Label B, Dakisolatie, Spouwmuurisolatie, Vloerisolatie, Triple glas, Kierdichting</t>
  </si>
  <si>
    <t>Aquathermie uit De Amstel en/of de Weespertrekvaart</t>
  </si>
  <si>
    <t>BU03620702</t>
  </si>
  <si>
    <t>Buurt over Ouderkerk</t>
  </si>
  <si>
    <t>2021BU03620702</t>
  </si>
  <si>
    <t>buurten.93a9722b-3dcd-4bc6-a2e3-bd5ed518377a</t>
  </si>
  <si>
    <t>PL0437010001</t>
  </si>
  <si>
    <t>Onderzoek warmteopties</t>
  </si>
  <si>
    <t>BU03620801</t>
  </si>
  <si>
    <t>WK036208</t>
  </si>
  <si>
    <t>2021BU03620801</t>
  </si>
  <si>
    <t>buurten.193a25ec-18b9-4468-a689-823b2950d03e</t>
  </si>
  <si>
    <t>BU03620802</t>
  </si>
  <si>
    <t>Kastanjebuurt</t>
  </si>
  <si>
    <t>2021BU03620802</t>
  </si>
  <si>
    <t>buurten.e0b3e2ba-08c2-47a1-9094-ca1270417572</t>
  </si>
  <si>
    <t>BU03620803</t>
  </si>
  <si>
    <t>Van der Leekbuurt</t>
  </si>
  <si>
    <t>2021BU03620803</t>
  </si>
  <si>
    <t>buurten.d7b2f6c6-7554-4981-810d-3c0ef9c6dadf</t>
  </si>
  <si>
    <t>BU03620804</t>
  </si>
  <si>
    <t>Populierenbuurt</t>
  </si>
  <si>
    <t>2021BU03620804</t>
  </si>
  <si>
    <t>buurten.a150f9df-4b0a-48df-8e3d-94d73983d186</t>
  </si>
  <si>
    <t>BU03620805</t>
  </si>
  <si>
    <t>Augustinuspark</t>
  </si>
  <si>
    <t>2021BU03620805</t>
  </si>
  <si>
    <t>buurten.2f13853a-0ee2-4607-84b1-60cdd5e956ea</t>
  </si>
  <si>
    <t>BU03620806</t>
  </si>
  <si>
    <t>Startbaanbuurt</t>
  </si>
  <si>
    <t>2021BU03620806</t>
  </si>
  <si>
    <t>buurten.0f956e09-6d5f-4881-9676-2e9460df1cf9</t>
  </si>
  <si>
    <t>BU03620901</t>
  </si>
  <si>
    <t>Langerhuize</t>
  </si>
  <si>
    <t>WK036209</t>
  </si>
  <si>
    <t>2021BU03620901</t>
  </si>
  <si>
    <t>buurten.b0ee881f-e578-4c5f-ba7f-024ddea47392</t>
  </si>
  <si>
    <t>BU03620902</t>
  </si>
  <si>
    <t>Alpen Rondwegbuurt</t>
  </si>
  <si>
    <t>2021BU03620902</t>
  </si>
  <si>
    <t>buurten.93a21f19-55db-4d87-8cff-6ded9143b4db</t>
  </si>
  <si>
    <t>BU03620903</t>
  </si>
  <si>
    <t>In de Wolkenbuurt</t>
  </si>
  <si>
    <t>2021BU03620903</t>
  </si>
  <si>
    <t>buurten.bf24986f-b752-42ba-8342-c532cc92a77c</t>
  </si>
  <si>
    <t>BU03620904</t>
  </si>
  <si>
    <t>Watercirkelbuurt</t>
  </si>
  <si>
    <t>2021BU03620904</t>
  </si>
  <si>
    <t>buurten.bbd52f46-d454-4b2e-9fea-235bf5179df5</t>
  </si>
  <si>
    <t>BU03620905</t>
  </si>
  <si>
    <t>Kringloopbuurt</t>
  </si>
  <si>
    <t>2021BU03620905</t>
  </si>
  <si>
    <t>buurten.03f0c49a-46ae-42a5-aac3-440eaf7e0285</t>
  </si>
  <si>
    <t>BU03621001</t>
  </si>
  <si>
    <t>Beroepenbuurt</t>
  </si>
  <si>
    <t>WK036210</t>
  </si>
  <si>
    <t>2021BU03621001</t>
  </si>
  <si>
    <t>buurten.e79102a7-c2e4-43c5-92c6-54af345550f0</t>
  </si>
  <si>
    <t>BU03621002</t>
  </si>
  <si>
    <t>Hemellichamenbuurt</t>
  </si>
  <si>
    <t>2021BU03621002</t>
  </si>
  <si>
    <t>buurten.9afc1ca2-af8c-4f33-b568-bb96e100d9a1</t>
  </si>
  <si>
    <t>BU03621003</t>
  </si>
  <si>
    <t>Punterbuurt</t>
  </si>
  <si>
    <t>2021BU03621003</t>
  </si>
  <si>
    <t>buurten.ebe5185d-df4c-430a-9e60-c639d2323a0f</t>
  </si>
  <si>
    <t>BU03621004</t>
  </si>
  <si>
    <t>2021BU03621004</t>
  </si>
  <si>
    <t>buurten.88b3e4f7-49d6-4e72-b375-d0a08a24e97b</t>
  </si>
  <si>
    <t>BU03621005</t>
  </si>
  <si>
    <t>Galjoenbuurt</t>
  </si>
  <si>
    <t>2021BU03621005</t>
  </si>
  <si>
    <t>buurten.a57e3c10-a6a9-4821-ba43-ca726efd3f7d</t>
  </si>
  <si>
    <t>BU03621101</t>
  </si>
  <si>
    <t>Bovenkerk</t>
  </si>
  <si>
    <t>WK036211</t>
  </si>
  <si>
    <t>2021BU03621101</t>
  </si>
  <si>
    <t>buurten.7892f0ef-899c-41a0-aef8-6e23ff0cdaf3</t>
  </si>
  <si>
    <t>BU03621102</t>
  </si>
  <si>
    <t>Buitenplaatsenbuurt</t>
  </si>
  <si>
    <t>2021BU03621102</t>
  </si>
  <si>
    <t>buurten.ddb88d4a-899f-45ce-a86e-aec36d744268</t>
  </si>
  <si>
    <t>BU03621103</t>
  </si>
  <si>
    <t>Betsy Perkbuurt</t>
  </si>
  <si>
    <t>2021BU03621103</t>
  </si>
  <si>
    <t>buurten.df331472-5c75-4df0-ad28-6f711ad9e69b</t>
  </si>
  <si>
    <t>BU03621104</t>
  </si>
  <si>
    <t>Legmeer</t>
  </si>
  <si>
    <t>2021BU03621104</t>
  </si>
  <si>
    <t>buurten.e9bbcff7-fa1b-4f76-94cb-77d21e2198f7</t>
  </si>
  <si>
    <t>BU03621105</t>
  </si>
  <si>
    <t>Landschappenbuurt</t>
  </si>
  <si>
    <t>2021BU03621105</t>
  </si>
  <si>
    <t>buurten.ebb4039a-b00e-453c-856a-a08644a0df1f</t>
  </si>
  <si>
    <t>BU03621106</t>
  </si>
  <si>
    <t>Theaterbuurt</t>
  </si>
  <si>
    <t>2021BU03621106</t>
  </si>
  <si>
    <t>buurten.5aca2d34-0957-4fd4-a1ea-8fd6e7df06f2</t>
  </si>
  <si>
    <t>BU03621201</t>
  </si>
  <si>
    <t>Kastelenbuurt</t>
  </si>
  <si>
    <t>WK036212</t>
  </si>
  <si>
    <t>2021BU03621201</t>
  </si>
  <si>
    <t>buurten.1ad5f0c7-c183-43b2-bee9-c715351529dc</t>
  </si>
  <si>
    <t>BU03621202</t>
  </si>
  <si>
    <t>2021BU03621202</t>
  </si>
  <si>
    <t>buurten.f8c9dd43-8f16-48c0-b31e-8eddbde6cd23</t>
  </si>
  <si>
    <t>BU03621203</t>
  </si>
  <si>
    <t>2021BU03621203</t>
  </si>
  <si>
    <t>buurten.67c2a717-94a0-48a9-b2e3-4af611a8dc47</t>
  </si>
  <si>
    <t>BU03621204</t>
  </si>
  <si>
    <t>2021BU03621204</t>
  </si>
  <si>
    <t>buurten.2fc4f66e-a3ed-407a-83dc-902d403058f2</t>
  </si>
  <si>
    <t>BU03621301</t>
  </si>
  <si>
    <t>Nes aan de Amstel</t>
  </si>
  <si>
    <t>WK036213</t>
  </si>
  <si>
    <t>2021BU03621301</t>
  </si>
  <si>
    <t>buurten.81957c53-b2b8-42c6-821e-f1a4ec7ae4fc</t>
  </si>
  <si>
    <t>GM0736</t>
  </si>
  <si>
    <t>De Ronde Venen</t>
  </si>
  <si>
    <t>DC073601</t>
  </si>
  <si>
    <t>haalbaar en betaalbaar, meewerking van de bewoners</t>
  </si>
  <si>
    <t>organiseren van een klankbordgroep en het bieden van een duidelijk actieperspectief</t>
  </si>
  <si>
    <t>alternatief verwarmen van meer dan 20000 woningen en 5000 bedrijven</t>
  </si>
  <si>
    <t>https://derondevenen.raadsinformatie.nl/vergadering/872432/Digitale%20raadsvergadering%2029-11-2021</t>
  </si>
  <si>
    <t>PL0736010001</t>
  </si>
  <si>
    <t>Verlagen energieverbruik in woningen</t>
  </si>
  <si>
    <t>bewoners helpen minder energie gebruiken</t>
  </si>
  <si>
    <t>BU03621302</t>
  </si>
  <si>
    <t>Legmeerpolder</t>
  </si>
  <si>
    <t>2021BU03621302</t>
  </si>
  <si>
    <t>buurten.cab8324c-9bff-496c-9588-34aa5a6dbbd1</t>
  </si>
  <si>
    <t>BU03621401</t>
  </si>
  <si>
    <t>Amsterdamse Bos Noord</t>
  </si>
  <si>
    <t>WK036214</t>
  </si>
  <si>
    <t>2021BU03621401</t>
  </si>
  <si>
    <t>buurten.782ba895-192a-4fdc-ab69-2cedd03b56b0</t>
  </si>
  <si>
    <t>BU03621402</t>
  </si>
  <si>
    <t>Amsterdamse Bos Zuid</t>
  </si>
  <si>
    <t>2021BU03621402</t>
  </si>
  <si>
    <t>buurten.5f844214-b67b-48a1-8ee8-da4b384aa9cf</t>
  </si>
  <si>
    <t>BU03630000</t>
  </si>
  <si>
    <t>Kop Zeedijk</t>
  </si>
  <si>
    <t>WK036300</t>
  </si>
  <si>
    <t>2021BU03630000</t>
  </si>
  <si>
    <t>buurten.20588872-47d3-4b19-a394-8ca7a1bc3514</t>
  </si>
  <si>
    <t>PL0363010007</t>
  </si>
  <si>
    <t>Tusen 2020 en 2032 lokale bronnnetten: gestaag aardgasvrij</t>
  </si>
  <si>
    <t>BU03630001</t>
  </si>
  <si>
    <t>Oude Kerk e.o.</t>
  </si>
  <si>
    <t>2021BU03630001</t>
  </si>
  <si>
    <t>buurten.856e2ed3-5d00-46db-b12d-27d205b50df5</t>
  </si>
  <si>
    <t>BU03630002</t>
  </si>
  <si>
    <t>Burgwallen Oost</t>
  </si>
  <si>
    <t>2021BU03630002</t>
  </si>
  <si>
    <t>buurten.6759963d-bb32-42d4-906e-f910dd2e3dd1</t>
  </si>
  <si>
    <t>BU03630003</t>
  </si>
  <si>
    <t>Nes e.o.</t>
  </si>
  <si>
    <t>2021BU03630003</t>
  </si>
  <si>
    <t>buurten.61c031ca-408c-4138-ac1d-301ccf4d1d1c</t>
  </si>
  <si>
    <t>BU03630004</t>
  </si>
  <si>
    <t>BG-terrein e.o.</t>
  </si>
  <si>
    <t>2021BU03630004</t>
  </si>
  <si>
    <t>buurten.32d1facd-f6af-46db-a5bc-1962c374d881</t>
  </si>
  <si>
    <t>BU03630100</t>
  </si>
  <si>
    <t>Stationsplein e.o.</t>
  </si>
  <si>
    <t>WK036301</t>
  </si>
  <si>
    <t>2021BU03630100</t>
  </si>
  <si>
    <t>buurten.b7be3b9c-da4e-4391-87de-b947dcd9e270</t>
  </si>
  <si>
    <t>BU03630101</t>
  </si>
  <si>
    <t>Hemelrijk</t>
  </si>
  <si>
    <t>2021BU03630101</t>
  </si>
  <si>
    <t>buurten.2b8e74c8-0417-4cc8-967f-fc28ac614eab</t>
  </si>
  <si>
    <t>BU03630102</t>
  </si>
  <si>
    <t>Nieuwendijk Noord</t>
  </si>
  <si>
    <t>2021BU03630102</t>
  </si>
  <si>
    <t>buurten.0363922b-fe6b-407f-9ffa-8cdf9cbf34f9</t>
  </si>
  <si>
    <t>BU03630103</t>
  </si>
  <si>
    <t>Spuistraat Noord</t>
  </si>
  <si>
    <t>2021BU03630103</t>
  </si>
  <si>
    <t>buurten.0398312b-8c06-43b2-9593-8cc8973a3275</t>
  </si>
  <si>
    <t>BU03630104</t>
  </si>
  <si>
    <t>Nieuwe Kerk e.o.</t>
  </si>
  <si>
    <t>2021BU03630104</t>
  </si>
  <si>
    <t>buurten.c131e9bc-8113-4069-b7e6-feb6b4d8f6e3</t>
  </si>
  <si>
    <t>BU03630105</t>
  </si>
  <si>
    <t>Spuistraat Zuid</t>
  </si>
  <si>
    <t>2021BU03630105</t>
  </si>
  <si>
    <t>buurten.c13a916a-6f43-4dac-a75e-f179430f445a</t>
  </si>
  <si>
    <t>BU03630106</t>
  </si>
  <si>
    <t>Begijnhofbuurt</t>
  </si>
  <si>
    <t>2021BU03630106</t>
  </si>
  <si>
    <t>buurten.6b778950-fcc6-4458-99a1-9342a9a44efd</t>
  </si>
  <si>
    <t>BU03630107</t>
  </si>
  <si>
    <t>Kalverdriehoek</t>
  </si>
  <si>
    <t>2021BU03630107</t>
  </si>
  <si>
    <t>buurten.aaab7451-32b3-4a50-a23c-1daa7c9399ee</t>
  </si>
  <si>
    <t>BU03630200</t>
  </si>
  <si>
    <t>Langestraat e.o.</t>
  </si>
  <si>
    <t>WK036302</t>
  </si>
  <si>
    <t>2021BU03630200</t>
  </si>
  <si>
    <t>buurten.6a1edc2c-6702-43a0-b23e-6b3e87f2fac2</t>
  </si>
  <si>
    <t>BU03630201</t>
  </si>
  <si>
    <t>Leliegracht e.o.</t>
  </si>
  <si>
    <t>2021BU03630201</t>
  </si>
  <si>
    <t>buurten.b4d3e3bc-4948-4684-a4fb-9ee3bcffb8af</t>
  </si>
  <si>
    <t>BU03630202</t>
  </si>
  <si>
    <t>Felix Meritisbuurt</t>
  </si>
  <si>
    <t>2021BU03630202</t>
  </si>
  <si>
    <t>buurten.9f7ee0f8-57c0-4d0e-97ee-a650cb200205</t>
  </si>
  <si>
    <t>BU03630203</t>
  </si>
  <si>
    <t>Leidsegracht Noord</t>
  </si>
  <si>
    <t>2021BU03630203</t>
  </si>
  <si>
    <t>buurten.a0b2eeb2-75ed-43c7-8ced-a6cf7775bee7</t>
  </si>
  <si>
    <t>BU03630300</t>
  </si>
  <si>
    <t>Spiegelbuurt</t>
  </si>
  <si>
    <t>WK036303</t>
  </si>
  <si>
    <t>2021BU03630300</t>
  </si>
  <si>
    <t>buurten.297af125-27f5-45d3-8d67-a829afb0ab20</t>
  </si>
  <si>
    <t>BU03630301</t>
  </si>
  <si>
    <t>Gouden Bocht</t>
  </si>
  <si>
    <t>2021BU03630301</t>
  </si>
  <si>
    <t>buurten.d5f07bf9-0d6d-4ff0-b369-b9bb02d49e6d</t>
  </si>
  <si>
    <t>BU03630302</t>
  </si>
  <si>
    <t>Van Loonbuurt</t>
  </si>
  <si>
    <t>2021BU03630302</t>
  </si>
  <si>
    <t>buurten.64b37496-5cde-4f05-915e-20a639a5add5</t>
  </si>
  <si>
    <t>BU03630303</t>
  </si>
  <si>
    <t>Amstelveldbuurt</t>
  </si>
  <si>
    <t>2021BU03630303</t>
  </si>
  <si>
    <t>buurten.d526d61b-3ad4-4602-8009-9078509c3edc</t>
  </si>
  <si>
    <t>BU03630304</t>
  </si>
  <si>
    <t>Rembrandtpleinbuurt</t>
  </si>
  <si>
    <t>2021BU03630304</t>
  </si>
  <si>
    <t>buurten.03599f3f-f154-4dd7-b28c-3b7e50b0e62f</t>
  </si>
  <si>
    <t>BU03630305</t>
  </si>
  <si>
    <t>Reguliersbuurt</t>
  </si>
  <si>
    <t>2021BU03630305</t>
  </si>
  <si>
    <t>buurten.891016aa-60fb-4555-9c4e-94fe6d2e1126</t>
  </si>
  <si>
    <t>BU03630306</t>
  </si>
  <si>
    <t>Leidsegracht Zuid</t>
  </si>
  <si>
    <t>2021BU03630306</t>
  </si>
  <si>
    <t>buurten.5a85338e-1864-44f3-ab4b-29515fa38be2</t>
  </si>
  <si>
    <t>BU03630400</t>
  </si>
  <si>
    <t>Oosterdokseiland</t>
  </si>
  <si>
    <t>WK036304</t>
  </si>
  <si>
    <t>2021BU03630400</t>
  </si>
  <si>
    <t>buurten.97e5511f-4dfa-4b57-b051-2bd6c99334b0</t>
  </si>
  <si>
    <t>BU03630401</t>
  </si>
  <si>
    <t>Scheepvaarthuisbuurt</t>
  </si>
  <si>
    <t>2021BU03630401</t>
  </si>
  <si>
    <t>buurten.5f7df4ff-393d-47f7-9bec-33022450b4c3</t>
  </si>
  <si>
    <t>BU03630402</t>
  </si>
  <si>
    <t>2021BU03630402</t>
  </si>
  <si>
    <t>buurten.63569aeb-f945-4ba1-99d5-f0d30bae67d8</t>
  </si>
  <si>
    <t>BU03630403</t>
  </si>
  <si>
    <t>Lastage</t>
  </si>
  <si>
    <t>2021BU03630403</t>
  </si>
  <si>
    <t>buurten.27f1f37a-6c8a-49ec-b2e1-bb8cdd0e1fc8</t>
  </si>
  <si>
    <t>BU03630404</t>
  </si>
  <si>
    <t>Nieuwmarkt</t>
  </si>
  <si>
    <t>2021BU03630404</t>
  </si>
  <si>
    <t>buurten.32ea9aed-282b-4dc7-9697-120bf3a465aa</t>
  </si>
  <si>
    <t>BU03630405</t>
  </si>
  <si>
    <t>Uilenburg</t>
  </si>
  <si>
    <t>2021BU03630405</t>
  </si>
  <si>
    <t>buurten.730d8e5e-b5db-4e26-9327-49a049175c0c</t>
  </si>
  <si>
    <t>BU03630406</t>
  </si>
  <si>
    <t>Valkenburg</t>
  </si>
  <si>
    <t>2021BU03630406</t>
  </si>
  <si>
    <t>buurten.8595c23a-a92d-4160-9490-a720be65df59</t>
  </si>
  <si>
    <t>BU03630407</t>
  </si>
  <si>
    <t>Zuiderkerkbuurt</t>
  </si>
  <si>
    <t>2021BU03630407</t>
  </si>
  <si>
    <t>buurten.330dab93-f4f1-429d-8128-0b2b519e59c2</t>
  </si>
  <si>
    <t>BU03630408</t>
  </si>
  <si>
    <t>Waterloopleinbuurt</t>
  </si>
  <si>
    <t>2021BU03630408</t>
  </si>
  <si>
    <t>buurten.705e46f1-b708-46ce-b26d-83125a731159</t>
  </si>
  <si>
    <t>BU03630500</t>
  </si>
  <si>
    <t>Westerdokseiland</t>
  </si>
  <si>
    <t>WK036305</t>
  </si>
  <si>
    <t>2021BU03630500</t>
  </si>
  <si>
    <t>buurten.ca45d69c-0132-4d64-893f-e5feb203f016</t>
  </si>
  <si>
    <t>BU03630501</t>
  </si>
  <si>
    <t>Haarlemmerbuurt Oost</t>
  </si>
  <si>
    <t>2021BU03630501</t>
  </si>
  <si>
    <t>buurten.0829ba1e-31a4-433b-8621-1409bf508924</t>
  </si>
  <si>
    <t>BU03630502</t>
  </si>
  <si>
    <t>Haarlemmerbuurt West</t>
  </si>
  <si>
    <t>2021BU03630502</t>
  </si>
  <si>
    <t>buurten.2637fc85-b0ce-4630-8e73-3a5192aa614e</t>
  </si>
  <si>
    <t>BU03630503</t>
  </si>
  <si>
    <t>Westelijke eilanden</t>
  </si>
  <si>
    <t>2021BU03630503</t>
  </si>
  <si>
    <t>buurten.afc4acdb-31f7-42d2-93a0-c721b61cff2c</t>
  </si>
  <si>
    <t>BU03630505</t>
  </si>
  <si>
    <t>Planciusbuurt Noord</t>
  </si>
  <si>
    <t>2021BU03630505</t>
  </si>
  <si>
    <t>buurten.9687d512-2271-4ec7-aaf5-7472fead83f4</t>
  </si>
  <si>
    <t>BU03630506</t>
  </si>
  <si>
    <t>Planciusbuurt Zuid</t>
  </si>
  <si>
    <t>2021BU03630506</t>
  </si>
  <si>
    <t>buurten.094394c3-53d4-4ce3-af52-1e3660659edc</t>
  </si>
  <si>
    <t>WKO en/of anders</t>
  </si>
  <si>
    <t>BU03630600</t>
  </si>
  <si>
    <t>Driehoekbuurt</t>
  </si>
  <si>
    <t>WK036306</t>
  </si>
  <si>
    <t>2021BU03630600</t>
  </si>
  <si>
    <t>buurten.58fb0e50-000b-44c5-8850-275271f5b2fe</t>
  </si>
  <si>
    <t>BU03630602</t>
  </si>
  <si>
    <t>Bloemgrachtbuurt</t>
  </si>
  <si>
    <t>2021BU03630602</t>
  </si>
  <si>
    <t>buurten.2bc0db5f-e4a3-4550-85e7-825022a47e39</t>
  </si>
  <si>
    <t>BU03630603</t>
  </si>
  <si>
    <t>Marnixbuurt Noord</t>
  </si>
  <si>
    <t>2021BU03630603</t>
  </si>
  <si>
    <t>buurten.c3f65efb-6ef5-4222-9a19-6a1a1dc182c2</t>
  </si>
  <si>
    <t>BU03630604</t>
  </si>
  <si>
    <t>Zaagpoortbuurt</t>
  </si>
  <si>
    <t>2021BU03630604</t>
  </si>
  <si>
    <t>buurten.211036ed-0607-44be-9160-4fe23883692f</t>
  </si>
  <si>
    <t>BU03630605</t>
  </si>
  <si>
    <t>Marnixbuurt Midden</t>
  </si>
  <si>
    <t>2021BU03630605</t>
  </si>
  <si>
    <t>buurten.c00ac4e7-9baa-422b-a3b8-a28b2198e1e1</t>
  </si>
  <si>
    <t>BU03630606</t>
  </si>
  <si>
    <t>Elandsgrachtbuurt</t>
  </si>
  <si>
    <t>2021BU03630606</t>
  </si>
  <si>
    <t>buurten.04ca79e4-ba67-435a-98a0-57c93c906aae</t>
  </si>
  <si>
    <t>BU03630607</t>
  </si>
  <si>
    <t>Passeerdersgrachtbuurt</t>
  </si>
  <si>
    <t>2021BU03630607</t>
  </si>
  <si>
    <t>buurten.155f9ab9-5eac-46d1-81a7-85ee18add5e2</t>
  </si>
  <si>
    <t>BU03630608</t>
  </si>
  <si>
    <t>Groenmarktkadebuurt</t>
  </si>
  <si>
    <t>2021BU03630608</t>
  </si>
  <si>
    <t>buurten.b55e41b6-56c8-447d-a353-88289d4a6459</t>
  </si>
  <si>
    <t>BU03630609</t>
  </si>
  <si>
    <t>Marnixbuurt Zuid</t>
  </si>
  <si>
    <t>2021BU03630609</t>
  </si>
  <si>
    <t>buurten.f9d741e1-2cb5-40a3-8c79-e1329cd2f1ce</t>
  </si>
  <si>
    <t>BU03630610</t>
  </si>
  <si>
    <t>Anjeliersbuurt Noord</t>
  </si>
  <si>
    <t>2021BU03630610</t>
  </si>
  <si>
    <t>buurten.2e9c20ee-edd7-4ad1-87f1-e96ccd499ae5</t>
  </si>
  <si>
    <t>BU03630611</t>
  </si>
  <si>
    <t>Anjeliersbuurt Zuid</t>
  </si>
  <si>
    <t>2021BU03630611</t>
  </si>
  <si>
    <t>buurten.99a737c4-0335-4fcd-90cb-854cd241dab8</t>
  </si>
  <si>
    <t>BU03630700</t>
  </si>
  <si>
    <t>Leidsebuurt Noordwest</t>
  </si>
  <si>
    <t>WK036307</t>
  </si>
  <si>
    <t>2021BU03630700</t>
  </si>
  <si>
    <t>buurten.040783b8-3906-4d13-bd67-37a887e043a2</t>
  </si>
  <si>
    <t>BU03630701</t>
  </si>
  <si>
    <t>Leidsebuurt Zuidwest</t>
  </si>
  <si>
    <t>2021BU03630701</t>
  </si>
  <si>
    <t>buurten.f13b481f-0f7b-4c4c-b95c-37b91feacfbe</t>
  </si>
  <si>
    <t>BU03630702</t>
  </si>
  <si>
    <t>Leidsebuurt Noordoost</t>
  </si>
  <si>
    <t>2021BU03630702</t>
  </si>
  <si>
    <t>buurten.022cb0cf-771a-4f23-8a81-431803ac40bd</t>
  </si>
  <si>
    <t>BU03630703</t>
  </si>
  <si>
    <t>Leidsebuurt Zuidoost</t>
  </si>
  <si>
    <t>2021BU03630703</t>
  </si>
  <si>
    <t>buurten.3cc1da02-1812-4395-8034-b741bdaf4ac9</t>
  </si>
  <si>
    <t>BU03630704</t>
  </si>
  <si>
    <t>Weteringbuurt</t>
  </si>
  <si>
    <t>2021BU03630704</t>
  </si>
  <si>
    <t>buurten.ae71405f-9f30-43c9-a343-db54842d0166</t>
  </si>
  <si>
    <t>BU03630705</t>
  </si>
  <si>
    <t>Den Texbuurt</t>
  </si>
  <si>
    <t>2021BU03630705</t>
  </si>
  <si>
    <t>buurten.635812ab-e4f6-4205-bfb2-420f6185004f</t>
  </si>
  <si>
    <t>BU03630706</t>
  </si>
  <si>
    <t>Utrechtsebuurt Zuid</t>
  </si>
  <si>
    <t>2021BU03630706</t>
  </si>
  <si>
    <t>buurten.066fa487-1d23-4ab5-99ac-891b0af085db</t>
  </si>
  <si>
    <t>BU03630707</t>
  </si>
  <si>
    <t>Frederikspleinbuurt</t>
  </si>
  <si>
    <t>2021BU03630707</t>
  </si>
  <si>
    <t>buurten.b5ac6e06-7f91-47bc-833c-8e39ef406f3f</t>
  </si>
  <si>
    <t>BU03630800</t>
  </si>
  <si>
    <t>Weesperbuurt</t>
  </si>
  <si>
    <t>WK036308</t>
  </si>
  <si>
    <t>2021BU03630800</t>
  </si>
  <si>
    <t>buurten.4c6354dc-17cd-480b-800a-c81537248e59</t>
  </si>
  <si>
    <t>BU03630801</t>
  </si>
  <si>
    <t>Sarphatistrook</t>
  </si>
  <si>
    <t>2021BU03630801</t>
  </si>
  <si>
    <t>buurten.636b69b0-7317-4297-97ec-bd73d9732da0</t>
  </si>
  <si>
    <t>BU03630803</t>
  </si>
  <si>
    <t>de Plantage</t>
  </si>
  <si>
    <t>2021BU03630803</t>
  </si>
  <si>
    <t>buurten.e51ee9c0-7b8d-40a4-8a35-8282ed06f773</t>
  </si>
  <si>
    <t>BU03630804</t>
  </si>
  <si>
    <t>Alexanderplein e.o.</t>
  </si>
  <si>
    <t>2021BU03630804</t>
  </si>
  <si>
    <t>buurten.f3af9d72-ade7-43c5-97a8-2278ae1b9de4</t>
  </si>
  <si>
    <t>BU03630900</t>
  </si>
  <si>
    <t>Marine-Etablissement</t>
  </si>
  <si>
    <t>WK036309</t>
  </si>
  <si>
    <t>2021BU03630900</t>
  </si>
  <si>
    <t>buurten.062bd7ad-3312-42b9-a503-e1160d76c8ab</t>
  </si>
  <si>
    <t>BU03630901</t>
  </si>
  <si>
    <t>Kattenburg</t>
  </si>
  <si>
    <t>2021BU03630901</t>
  </si>
  <si>
    <t>buurten.4023f53f-95c9-4217-92da-d75f4143f68f</t>
  </si>
  <si>
    <t>BU03630902</t>
  </si>
  <si>
    <t>Wittenburg</t>
  </si>
  <si>
    <t>2021BU03630902</t>
  </si>
  <si>
    <t>buurten.992b3b4b-c6d9-4c2d-918c-4b757dfafe02</t>
  </si>
  <si>
    <t>BU03630903</t>
  </si>
  <si>
    <t>Oostenburg</t>
  </si>
  <si>
    <t>2021BU03630903</t>
  </si>
  <si>
    <t>buurten.8cd660d8-9b98-4614-a537-10a817ce8647</t>
  </si>
  <si>
    <t>BU03630904</t>
  </si>
  <si>
    <t>Czaar Peterbuurt</t>
  </si>
  <si>
    <t>2021BU03630904</t>
  </si>
  <si>
    <t>buurten.30cf49bd-b85e-4b64-a29d-afda92b14f0e</t>
  </si>
  <si>
    <t>BU03630905</t>
  </si>
  <si>
    <t>Het Funen</t>
  </si>
  <si>
    <t>2021BU03630905</t>
  </si>
  <si>
    <t>buurten.3987545a-fd03-4a70-8db0-483fdcadf70c</t>
  </si>
  <si>
    <t>BU03630907</t>
  </si>
  <si>
    <t>Kazernebuurt</t>
  </si>
  <si>
    <t>2021BU03630907</t>
  </si>
  <si>
    <t>buurten.f216a059-6b71-4ae4-9aa5-1a2338833ee8</t>
  </si>
  <si>
    <t>BU03630908</t>
  </si>
  <si>
    <t>Kadijken</t>
  </si>
  <si>
    <t>2021BU03630908</t>
  </si>
  <si>
    <t>buurten.6a5a4dd1-9101-42f9-bf89-87b8fe674e68</t>
  </si>
  <si>
    <t>BU03631000</t>
  </si>
  <si>
    <t>Coenhaven/Mercuriushaven</t>
  </si>
  <si>
    <t>WK036310</t>
  </si>
  <si>
    <t>2021BU03631000</t>
  </si>
  <si>
    <t>buurten.1789047f-5332-4858-827d-3b5c9971fc3c</t>
  </si>
  <si>
    <t>BU03631001</t>
  </si>
  <si>
    <t>Alfa-driehoek</t>
  </si>
  <si>
    <t>2021BU03631001</t>
  </si>
  <si>
    <t>buurten.89e9043d-5b6b-40dd-81dd-ca55acb7154e</t>
  </si>
  <si>
    <t>BU03631002</t>
  </si>
  <si>
    <t>Petroleumhaven</t>
  </si>
  <si>
    <t>2021BU03631002</t>
  </si>
  <si>
    <t>buurten.57cfcabf-e631-4bd8-a92b-f2d10b34c941</t>
  </si>
  <si>
    <t>PL0363010008</t>
  </si>
  <si>
    <t>BU03631003</t>
  </si>
  <si>
    <t>Westhaven Noord</t>
  </si>
  <si>
    <t>2021BU03631003</t>
  </si>
  <si>
    <t>buurten.2afd2fe0-ab73-495c-8be6-569ae5711da5</t>
  </si>
  <si>
    <t>Tusen 2020 en 2040 lokale bronnnetten: gestaag aardgasvrij</t>
  </si>
  <si>
    <t>BU03631004</t>
  </si>
  <si>
    <t>Vervoerscentrum</t>
  </si>
  <si>
    <t>2021BU03631004</t>
  </si>
  <si>
    <t>buurten.5a6cd6de-3e46-4e3a-b93d-48408addfac7</t>
  </si>
  <si>
    <t>BU03631005</t>
  </si>
  <si>
    <t>Amerikahaven</t>
  </si>
  <si>
    <t>2021BU03631005</t>
  </si>
  <si>
    <t>buurten.8eea2ff9-1e84-4a7a-a538-36d976f39e43</t>
  </si>
  <si>
    <t>BU03631006</t>
  </si>
  <si>
    <t>Afrikahaven</t>
  </si>
  <si>
    <t>2021BU03631006</t>
  </si>
  <si>
    <t>buurten.70558e03-459f-4bdf-9405-767fb2c0e951</t>
  </si>
  <si>
    <t>PL0394010009</t>
  </si>
  <si>
    <t>Individueel 2050 gemeente Haarlemmermeer</t>
  </si>
  <si>
    <t>All-Electric en/of zonnecollectoren</t>
  </si>
  <si>
    <t>BU03631007</t>
  </si>
  <si>
    <t>Westhaven Zuid</t>
  </si>
  <si>
    <t>2021BU03631007</t>
  </si>
  <si>
    <t>buurten.955589ff-4abc-499f-a262-bded59ea3519</t>
  </si>
  <si>
    <t>BU03631100</t>
  </si>
  <si>
    <t>Sloterdijk II</t>
  </si>
  <si>
    <t>WK036311</t>
  </si>
  <si>
    <t>2021BU03631100</t>
  </si>
  <si>
    <t>buurten.4c454956-4065-4906-bab6-0337ce16037c</t>
  </si>
  <si>
    <t>BU03631102</t>
  </si>
  <si>
    <t>Sloterdijk III Oost</t>
  </si>
  <si>
    <t>2021BU03631102</t>
  </si>
  <si>
    <t>buurten.f72d3157-1ff4-497c-af11-9deeb1c50e5c</t>
  </si>
  <si>
    <t>BU03631103</t>
  </si>
  <si>
    <t>Sloterdijk III West</t>
  </si>
  <si>
    <t>2021BU03631103</t>
  </si>
  <si>
    <t>buurten.d31f2d9f-a4a4-446d-ae6a-6b02be0949d4</t>
  </si>
  <si>
    <t>BU03631104</t>
  </si>
  <si>
    <t>De Heining</t>
  </si>
  <si>
    <t>2021BU03631104</t>
  </si>
  <si>
    <t>buurten.cc7fb8c5-3ba0-48a6-b0b2-3fa5d1056650</t>
  </si>
  <si>
    <t>BU03631105</t>
  </si>
  <si>
    <t>Teleport</t>
  </si>
  <si>
    <t>2021BU03631105</t>
  </si>
  <si>
    <t>buurten.5c7e6bb3-571b-496e-8566-5857a68e98a2</t>
  </si>
  <si>
    <t>PL0363010010</t>
  </si>
  <si>
    <t>warmtenetten amsterdam 2020-2030</t>
  </si>
  <si>
    <t>BU03631107</t>
  </si>
  <si>
    <t>Bretten Oost</t>
  </si>
  <si>
    <t>2021BU03631107</t>
  </si>
  <si>
    <t>buurten.3f0884f4-4779-45c2-8abe-377b4970b460</t>
  </si>
  <si>
    <t>BU03631109</t>
  </si>
  <si>
    <t>Bretten West</t>
  </si>
  <si>
    <t>2021BU03631109</t>
  </si>
  <si>
    <t>buurten.62f61a8b-9132-491a-b838-548d654f4c46</t>
  </si>
  <si>
    <t>PL0363010003</t>
  </si>
  <si>
    <t>PL0394010016</t>
  </si>
  <si>
    <t>warmtenetten 2020 - 2032 Amsterdam</t>
  </si>
  <si>
    <t>verzwaard Elektriciteitsnet</t>
  </si>
  <si>
    <t>BU03631200</t>
  </si>
  <si>
    <t>Houthavens West</t>
  </si>
  <si>
    <t>WK036312</t>
  </si>
  <si>
    <t>2021BU03631200</t>
  </si>
  <si>
    <t>buurten.8fb6347f-fe80-4535-99a9-25987a16b96b</t>
  </si>
  <si>
    <t>BU03631201</t>
  </si>
  <si>
    <t>Houthavens Oost</t>
  </si>
  <si>
    <t>2021BU03631201</t>
  </si>
  <si>
    <t>buurten.7f1d8f04-9189-4cf9-921a-4196824a61c8</t>
  </si>
  <si>
    <t>BU03631300</t>
  </si>
  <si>
    <t>WK036313</t>
  </si>
  <si>
    <t>2021BU03631300</t>
  </si>
  <si>
    <t>buurten.fe583222-52ef-4829-a940-073b31ec295a</t>
  </si>
  <si>
    <t>BU03631301</t>
  </si>
  <si>
    <t>Spaarndammerbuurt Noordoost</t>
  </si>
  <si>
    <t>2021BU03631301</t>
  </si>
  <si>
    <t>buurten.fbda6f1a-d97d-4287-a434-d0d11f7096c1</t>
  </si>
  <si>
    <t>BU03631302</t>
  </si>
  <si>
    <t>Spaarndammerbuurt Zuidoost</t>
  </si>
  <si>
    <t>2021BU03631302</t>
  </si>
  <si>
    <t>buurten.76142f76-96d1-484c-a397-4303a7ce3eba</t>
  </si>
  <si>
    <t>BU03631303</t>
  </si>
  <si>
    <t>Spaarndammerbuurt Zuidwest</t>
  </si>
  <si>
    <t>2021BU03631303</t>
  </si>
  <si>
    <t>buurten.9e877fa3-fd5d-4e47-b5a5-07a3a7c460ab</t>
  </si>
  <si>
    <t>BU03631304</t>
  </si>
  <si>
    <t>Spaarndammerbuurt Midden</t>
  </si>
  <si>
    <t>2021BU03631304</t>
  </si>
  <si>
    <t>buurten.bd683f9c-d4e0-48c4-b719-2ba56004a9fb</t>
  </si>
  <si>
    <t>BU03631305</t>
  </si>
  <si>
    <t>Spaarndammerbuurt Noordwest</t>
  </si>
  <si>
    <t>2021BU03631305</t>
  </si>
  <si>
    <t>buurten.1f36eca5-44a1-4b13-adad-97588dde95c1</t>
  </si>
  <si>
    <t>BU03631306</t>
  </si>
  <si>
    <t>Westergasfabriek</t>
  </si>
  <si>
    <t>2021BU03631306</t>
  </si>
  <si>
    <t>buurten.9d673ab9-70bb-47ab-bb26-cde49933f61b</t>
  </si>
  <si>
    <t>BU03631307</t>
  </si>
  <si>
    <t>Overbraker Binnenpolder</t>
  </si>
  <si>
    <t>2021BU03631307</t>
  </si>
  <si>
    <t>buurten.77b116e3-cc95-4673-bfcd-914b965b3d59</t>
  </si>
  <si>
    <t>BU03631400</t>
  </si>
  <si>
    <t>De Wittenbuurt Noord</t>
  </si>
  <si>
    <t>WK036314</t>
  </si>
  <si>
    <t>2021BU03631400</t>
  </si>
  <si>
    <t>buurten.7b631cb4-e858-4175-90cc-0c29111c10be</t>
  </si>
  <si>
    <t>BU03631401</t>
  </si>
  <si>
    <t>De Wittenbuurt Zuid</t>
  </si>
  <si>
    <t>2021BU03631401</t>
  </si>
  <si>
    <t>buurten.0e7cb19e-8020-49d5-a305-2c54908d202f</t>
  </si>
  <si>
    <t>BU03631402</t>
  </si>
  <si>
    <t>Staatsliedenbuurt Noordoost</t>
  </si>
  <si>
    <t>2021BU03631402</t>
  </si>
  <si>
    <t>buurten.2dd82f2f-8717-4e36-b916-df343d2e0aff</t>
  </si>
  <si>
    <t>BU03631403</t>
  </si>
  <si>
    <t>Fannius Scholtenbuurt</t>
  </si>
  <si>
    <t>2021BU03631403</t>
  </si>
  <si>
    <t>buurten.f9a61d22-fd09-4db9-b00c-5492f88aa10a</t>
  </si>
  <si>
    <t>BU03631404</t>
  </si>
  <si>
    <t>Westerstaatsman</t>
  </si>
  <si>
    <t>2021BU03631404</t>
  </si>
  <si>
    <t>buurten.d4bb6e62-0386-4123-b62c-5028800fbbcb</t>
  </si>
  <si>
    <t>BU03631405</t>
  </si>
  <si>
    <t>Buyskade e.o.</t>
  </si>
  <si>
    <t>2021BU03631405</t>
  </si>
  <si>
    <t>buurten.b642829e-530e-4a70-b5fb-2e7998cb4dcb</t>
  </si>
  <si>
    <t>BU03631500</t>
  </si>
  <si>
    <t>Ecowijk</t>
  </si>
  <si>
    <t>WK036315</t>
  </si>
  <si>
    <t>2021BU03631500</t>
  </si>
  <si>
    <t>buurten.311f6369-634a-44c4-bb40-e259e663a71f</t>
  </si>
  <si>
    <t>BU03631501</t>
  </si>
  <si>
    <t>Markthallen</t>
  </si>
  <si>
    <t>2021BU03631501</t>
  </si>
  <si>
    <t>buurten.5b314e57-1f84-4efb-b916-025aad3517be</t>
  </si>
  <si>
    <t>BU03631502</t>
  </si>
  <si>
    <t>Bedrijvencentrum Westerkwartier</t>
  </si>
  <si>
    <t>2021BU03631502</t>
  </si>
  <si>
    <t>buurten.98fdecc0-b498-47cc-ab31-56c62ba0e8f6</t>
  </si>
  <si>
    <t>BU03631503</t>
  </si>
  <si>
    <t>Marcanti</t>
  </si>
  <si>
    <t>2021BU03631503</t>
  </si>
  <si>
    <t>buurten.f384456a-4bc7-4646-9cf5-6201e3ddc2b6</t>
  </si>
  <si>
    <t>BU03631600</t>
  </si>
  <si>
    <t>Frederik Hendrikbuurt Noord</t>
  </si>
  <si>
    <t>WK036316</t>
  </si>
  <si>
    <t>2021BU03631600</t>
  </si>
  <si>
    <t>buurten.87527573-4138-4b21-bd03-4a3cdfc235a7</t>
  </si>
  <si>
    <t>BU03631601</t>
  </si>
  <si>
    <t>Frederik Hendrikbuurt Zuidoost</t>
  </si>
  <si>
    <t>2021BU03631601</t>
  </si>
  <si>
    <t>buurten.1437e937-eca0-403d-9814-144477d4baa8</t>
  </si>
  <si>
    <t>BU03631602</t>
  </si>
  <si>
    <t>Frederik Hendrikbuurt Zuidwest</t>
  </si>
  <si>
    <t>2021BU03631602</t>
  </si>
  <si>
    <t>buurten.37a9f427-be75-4247-b747-96bfb4a7c203</t>
  </si>
  <si>
    <t>BU03631700</t>
  </si>
  <si>
    <t>Da Costabuurt Noord</t>
  </si>
  <si>
    <t>WK036317</t>
  </si>
  <si>
    <t>2021BU03631700</t>
  </si>
  <si>
    <t>buurten.4b3d4776-3216-4cea-9e5f-311b6086b0f7</t>
  </si>
  <si>
    <t>BU03631800</t>
  </si>
  <si>
    <t>Bellamybuurt Noord</t>
  </si>
  <si>
    <t>WK036318</t>
  </si>
  <si>
    <t>2021BU03631800</t>
  </si>
  <si>
    <t>buurten.16f83fc1-644f-4115-9a91-2f45b23561bd</t>
  </si>
  <si>
    <t>BU03631801</t>
  </si>
  <si>
    <t>Bellamybuurt Zuid</t>
  </si>
  <si>
    <t>2021BU03631801</t>
  </si>
  <si>
    <t>buurten.d1d8349d-296c-456b-991e-26a57c6a4171</t>
  </si>
  <si>
    <t>BU03631900</t>
  </si>
  <si>
    <t>Da Costabuurt Zuid</t>
  </si>
  <si>
    <t>WK036319</t>
  </si>
  <si>
    <t>2021BU03631900</t>
  </si>
  <si>
    <t>buurten.8f7ccdf9-b68f-45a2-b1f4-06036f8242a3</t>
  </si>
  <si>
    <t>BU03631901</t>
  </si>
  <si>
    <t>Borgerbuurt</t>
  </si>
  <si>
    <t>2021BU03631901</t>
  </si>
  <si>
    <t>buurten.fb15129e-7068-465e-94ed-e333c03a7fb9</t>
  </si>
  <si>
    <t>BU03631902</t>
  </si>
  <si>
    <t>Lootsbuurt</t>
  </si>
  <si>
    <t>2021BU03631902</t>
  </si>
  <si>
    <t>buurten.b97bcb16-6e8e-40bc-b9d0-f0ae5a6bd7cd</t>
  </si>
  <si>
    <t>BU03632000</t>
  </si>
  <si>
    <t>Helmersbuurt Oost</t>
  </si>
  <si>
    <t>WK036320</t>
  </si>
  <si>
    <t>2021BU03632000</t>
  </si>
  <si>
    <t>buurten.d1ca3f59-4c0f-498f-a47b-794c2eacfb72</t>
  </si>
  <si>
    <t>BU03632001</t>
  </si>
  <si>
    <t>WG-terrein</t>
  </si>
  <si>
    <t>2021BU03632001</t>
  </si>
  <si>
    <t>buurten.24b8f112-026d-4860-a7ef-d0b047e2282f</t>
  </si>
  <si>
    <t>BU03632002</t>
  </si>
  <si>
    <t>Cremerbuurt Oost</t>
  </si>
  <si>
    <t>2021BU03632002</t>
  </si>
  <si>
    <t>buurten.97c63374-e34b-414b-9736-00ec740e0a8c</t>
  </si>
  <si>
    <t>BU03632100</t>
  </si>
  <si>
    <t>Cremerbuurt West</t>
  </si>
  <si>
    <t>WK036321</t>
  </si>
  <si>
    <t>2021BU03632100</t>
  </si>
  <si>
    <t>buurten.75af0883-5c0c-4077-8414-218a15cf3f5a</t>
  </si>
  <si>
    <t>BU03632101</t>
  </si>
  <si>
    <t>Vondelparkbuurt West</t>
  </si>
  <si>
    <t>2021BU03632101</t>
  </si>
  <si>
    <t>buurten.2f85d5a8-b94c-4a73-8bd9-d604243a8084</t>
  </si>
  <si>
    <t>BU03632200</t>
  </si>
  <si>
    <t>Vondelparkbuurt Oost</t>
  </si>
  <si>
    <t>WK036322</t>
  </si>
  <si>
    <t>2021BU03632200</t>
  </si>
  <si>
    <t>buurten.d90620f7-9eb6-4af1-8db9-79cdde930bd6</t>
  </si>
  <si>
    <t>BU03632201</t>
  </si>
  <si>
    <t>Vondelparkbuurt Midden</t>
  </si>
  <si>
    <t>2021BU03632201</t>
  </si>
  <si>
    <t>buurten.0d972ff9-49b9-4f63-85cd-539453022a80</t>
  </si>
  <si>
    <t>BU03632300</t>
  </si>
  <si>
    <t>Zuidas Noord</t>
  </si>
  <si>
    <t>WK036323</t>
  </si>
  <si>
    <t>2021BU03632300</t>
  </si>
  <si>
    <t>buurten.695c0cd1-1aab-479e-851b-34bb15e7e6c6</t>
  </si>
  <si>
    <t>BU03632301</t>
  </si>
  <si>
    <t>RAI</t>
  </si>
  <si>
    <t>2021BU03632301</t>
  </si>
  <si>
    <t>buurten.c7a669ff-9cae-4b1e-80e0-df11de449272</t>
  </si>
  <si>
    <t>BU03632302</t>
  </si>
  <si>
    <t>VU-kwartier</t>
  </si>
  <si>
    <t>2021BU03632302</t>
  </si>
  <si>
    <t>buurten.c4052306-911c-4cb6-8f88-0d1c46d65253</t>
  </si>
  <si>
    <t>PL0363010009</t>
  </si>
  <si>
    <t>BU03632303</t>
  </si>
  <si>
    <t>Zuidas Zuid</t>
  </si>
  <si>
    <t>2021BU03632303</t>
  </si>
  <si>
    <t>buurten.90be2848-88ad-4202-9d7f-ebbbb3a9bc91</t>
  </si>
  <si>
    <t>BU03632304</t>
  </si>
  <si>
    <t>Vivaldi</t>
  </si>
  <si>
    <t>2021BU03632304</t>
  </si>
  <si>
    <t>buurten.e3b85c44-3e76-43db-8664-901b5f12280a</t>
  </si>
  <si>
    <t>BU03632400</t>
  </si>
  <si>
    <t>Hemonybuurt</t>
  </si>
  <si>
    <t>WK036324</t>
  </si>
  <si>
    <t>2021BU03632400</t>
  </si>
  <si>
    <t>buurten.cbc57d55-2393-4728-973c-2641af9bbd6b</t>
  </si>
  <si>
    <t>BU03632401</t>
  </si>
  <si>
    <t>Gerard Doubuurt</t>
  </si>
  <si>
    <t>2021BU03632401</t>
  </si>
  <si>
    <t>buurten.7704ef44-e0f4-47d0-ba59-29243ca6b066</t>
  </si>
  <si>
    <t>BU03632402</t>
  </si>
  <si>
    <t>Frans Halsbuurt</t>
  </si>
  <si>
    <t>2021BU03632402</t>
  </si>
  <si>
    <t>buurten.e5f21890-b459-448d-ad76-b0959c6a0e40</t>
  </si>
  <si>
    <t>BU03632403</t>
  </si>
  <si>
    <t>Hercules Seghersbuurt</t>
  </si>
  <si>
    <t>2021BU03632403</t>
  </si>
  <si>
    <t>buurten.3fc3b138-fafb-47d8-b8a9-938fcf3ae562</t>
  </si>
  <si>
    <t>BU03632404</t>
  </si>
  <si>
    <t>Sarphatiparkbuurt</t>
  </si>
  <si>
    <t>2021BU03632404</t>
  </si>
  <si>
    <t>buurten.d28b441a-c7d3-4025-af43-4fd3889204f1</t>
  </si>
  <si>
    <t>BU03632500</t>
  </si>
  <si>
    <t>Willibrordusbuurt</t>
  </si>
  <si>
    <t>WK036325</t>
  </si>
  <si>
    <t>2021BU03632500</t>
  </si>
  <si>
    <t>buurten.dddac05f-0ed2-4375-883d-a9bf10e73b12</t>
  </si>
  <si>
    <t>BU03632501</t>
  </si>
  <si>
    <t>Van der Helstpleinbuurt</t>
  </si>
  <si>
    <t>2021BU03632501</t>
  </si>
  <si>
    <t>buurten.adfdd35f-9960-45df-81d4-3802034bb8b0</t>
  </si>
  <si>
    <t>BU03632502</t>
  </si>
  <si>
    <t>Lizzy Ansinghbuurt</t>
  </si>
  <si>
    <t>2021BU03632502</t>
  </si>
  <si>
    <t>buurten.9f25a26d-6f12-41ea-82bf-c9dfb03f5cde</t>
  </si>
  <si>
    <t>BU03632503</t>
  </si>
  <si>
    <t>Cornelis Troostbuurt</t>
  </si>
  <si>
    <t>2021BU03632503</t>
  </si>
  <si>
    <t>buurten.ac3363ff-277b-4b40-ab03-d792408c5dfa</t>
  </si>
  <si>
    <t>BU03632600</t>
  </si>
  <si>
    <t>Diamantbuurt</t>
  </si>
  <si>
    <t>WK036326</t>
  </si>
  <si>
    <t>2021BU03632600</t>
  </si>
  <si>
    <t>buurten.d3202ac9-91aa-487b-a784-6e8cccfd8aa4</t>
  </si>
  <si>
    <t>BU03632601</t>
  </si>
  <si>
    <t>Burgemeester Tellegenbuurt Oost</t>
  </si>
  <si>
    <t>2021BU03632601</t>
  </si>
  <si>
    <t>buurten.7f29805d-5f01-4821-b67b-505547d04edd</t>
  </si>
  <si>
    <t>BU03632602</t>
  </si>
  <si>
    <t>Burgemeester Tellegenbuurt West</t>
  </si>
  <si>
    <t>2021BU03632602</t>
  </si>
  <si>
    <t>buurten.2a23aa66-4997-41ce-976e-76af58cf5c17</t>
  </si>
  <si>
    <t>BU03632700</t>
  </si>
  <si>
    <t>Swammerdambuurt</t>
  </si>
  <si>
    <t>WK036327</t>
  </si>
  <si>
    <t>2021BU03632700</t>
  </si>
  <si>
    <t>buurten.3bf91027-5729-4bdc-9893-6bbc4a0080e4</t>
  </si>
  <si>
    <t>BU03632701</t>
  </si>
  <si>
    <t>Weesperzijde Midden/Zuid</t>
  </si>
  <si>
    <t>2021BU03632701</t>
  </si>
  <si>
    <t>buurten.563745a9-9374-499c-a982-219337aeadbb</t>
  </si>
  <si>
    <t>BU03632702</t>
  </si>
  <si>
    <t>Parooldriehoek</t>
  </si>
  <si>
    <t>2021BU03632702</t>
  </si>
  <si>
    <t>buurten.8453e90c-834f-42b8-a41c-35e95751b5a2</t>
  </si>
  <si>
    <t>BU03632800</t>
  </si>
  <si>
    <t>Oosterparkbuurt Noordwest</t>
  </si>
  <si>
    <t>WK036328</t>
  </si>
  <si>
    <t>2021BU03632800</t>
  </si>
  <si>
    <t>buurten.9aef9607-1ba2-4351-97e2-293039b8b3e4</t>
  </si>
  <si>
    <t>BU03632801</t>
  </si>
  <si>
    <t>2021BU03632801</t>
  </si>
  <si>
    <t>buurten.53fb8453-f310-486b-b619-d84adc90e675</t>
  </si>
  <si>
    <t>BU03632802</t>
  </si>
  <si>
    <t>Oosterparkbuurt Zuidoost</t>
  </si>
  <si>
    <t>2021BU03632802</t>
  </si>
  <si>
    <t>buurten.c83c2e24-9286-4fad-b9c4-f5c2ee3bbf8f</t>
  </si>
  <si>
    <t>BU03632803</t>
  </si>
  <si>
    <t>Oosterparkbuurt Zuidwest</t>
  </si>
  <si>
    <t>2021BU03632803</t>
  </si>
  <si>
    <t>buurten.e8a50803-a0ed-4a05-afec-4351bdb8502a</t>
  </si>
  <si>
    <t>BU03632900</t>
  </si>
  <si>
    <t>Dapperbuurt Noord</t>
  </si>
  <si>
    <t>WK036329</t>
  </si>
  <si>
    <t>2021BU03632900</t>
  </si>
  <si>
    <t>buurten.d74ccc76-3307-4c3a-ade4-4fa716a8f1b7</t>
  </si>
  <si>
    <t>BU03632901</t>
  </si>
  <si>
    <t>Dapperbuurt Zuid</t>
  </si>
  <si>
    <t>2021BU03632901</t>
  </si>
  <si>
    <t>buurten.03d58f81-afa5-4dc4-90f3-8731889f4f5c</t>
  </si>
  <si>
    <t>BU03632902</t>
  </si>
  <si>
    <t>Oostpoort</t>
  </si>
  <si>
    <t>2021BU03632902</t>
  </si>
  <si>
    <t>buurten.59f4ce8f-aa78-4072-92f5-aaef15fb57e1</t>
  </si>
  <si>
    <t>BU03633000</t>
  </si>
  <si>
    <t>Transvaalbuurt West</t>
  </si>
  <si>
    <t>WK036330</t>
  </si>
  <si>
    <t>2021BU03633000</t>
  </si>
  <si>
    <t>buurten.d95df083-801c-495a-a3a1-80dcccb831bd</t>
  </si>
  <si>
    <t>BU03633001</t>
  </si>
  <si>
    <t>Transvaalbuurt Oost</t>
  </si>
  <si>
    <t>2021BU03633001</t>
  </si>
  <si>
    <t>buurten.8ee7edbc-1817-49b0-ab6f-351fb23f8900</t>
  </si>
  <si>
    <t>BU03633100</t>
  </si>
  <si>
    <t>Noordwestkwadrant Indische buurt Noord</t>
  </si>
  <si>
    <t>WK036331</t>
  </si>
  <si>
    <t>2021BU03633100</t>
  </si>
  <si>
    <t>buurten.dceba888-8b80-4270-9211-6e33311fde9d</t>
  </si>
  <si>
    <t>BU03633101</t>
  </si>
  <si>
    <t>Noordwestkwadrant Indische buurt Zuid</t>
  </si>
  <si>
    <t>2021BU03633101</t>
  </si>
  <si>
    <t>buurten.5868a90a-f05c-410e-9b59-e8cff975821b</t>
  </si>
  <si>
    <t>BU03633102</t>
  </si>
  <si>
    <t>Zuidwestkwadrant Indische buurt</t>
  </si>
  <si>
    <t>2021BU03633102</t>
  </si>
  <si>
    <t>buurten.a3cb0199-5d6f-4c16-986f-f4052a63e4f5</t>
  </si>
  <si>
    <t>BU03633200</t>
  </si>
  <si>
    <t>Noordoostkwadrant Indische buurt</t>
  </si>
  <si>
    <t>WK036332</t>
  </si>
  <si>
    <t>2021BU03633200</t>
  </si>
  <si>
    <t>buurten.ba04a386-d4bc-469c-96b1-bc8b15bf147c</t>
  </si>
  <si>
    <t>BU03633201</t>
  </si>
  <si>
    <t>Zuidoostkwadrant Indische buurt</t>
  </si>
  <si>
    <t>2021BU03633201</t>
  </si>
  <si>
    <t>buurten.9b26c643-c8e6-4037-b4e6-86f2a86a378c</t>
  </si>
  <si>
    <t>BU03633202</t>
  </si>
  <si>
    <t>Zeeburgerdijk Oost</t>
  </si>
  <si>
    <t>2021BU03633202</t>
  </si>
  <si>
    <t>buurten.9823b30f-80eb-4c73-99f3-c0e2c6268b06</t>
  </si>
  <si>
    <t>BU03633203</t>
  </si>
  <si>
    <t>Flevopark</t>
  </si>
  <si>
    <t>2021BU03633203</t>
  </si>
  <si>
    <t>buurten.00df0f8a-7b13-4a63-a171-a12e77d810aa</t>
  </si>
  <si>
    <t>BU03633300</t>
  </si>
  <si>
    <t>Oostelijke Handelskade</t>
  </si>
  <si>
    <t>WK036333</t>
  </si>
  <si>
    <t>2021BU03633300</t>
  </si>
  <si>
    <t>buurten.6ecc87c0-43f2-4ec3-9120-b901be5f41e1</t>
  </si>
  <si>
    <t>BU03633301</t>
  </si>
  <si>
    <t>2021BU03633301</t>
  </si>
  <si>
    <t>buurten.a738aa5a-bdf0-4873-b678-ab42e9fc091d</t>
  </si>
  <si>
    <t>BU03633302</t>
  </si>
  <si>
    <t>Java-eiland</t>
  </si>
  <si>
    <t>2021BU03633302</t>
  </si>
  <si>
    <t>buurten.74fba315-1151-427c-ae36-7442ecb24ad0</t>
  </si>
  <si>
    <t>BU03633303</t>
  </si>
  <si>
    <t>KNSM-eiland</t>
  </si>
  <si>
    <t>2021BU03633303</t>
  </si>
  <si>
    <t>buurten.1b4f638b-6f5e-44d6-9cbc-72727f6a8803</t>
  </si>
  <si>
    <t>BU03633304</t>
  </si>
  <si>
    <t>Sporenburg</t>
  </si>
  <si>
    <t>2021BU03633304</t>
  </si>
  <si>
    <t>buurten.682d4f07-bd0e-40fa-9dc8-f252e29b9005</t>
  </si>
  <si>
    <t>BU03633305</t>
  </si>
  <si>
    <t>Borneo</t>
  </si>
  <si>
    <t>2021BU03633305</t>
  </si>
  <si>
    <t>buurten.67f0734b-fc80-42dd-8510-4360b0869210</t>
  </si>
  <si>
    <t>BU03633306</t>
  </si>
  <si>
    <t>Entrepot-Noordwest</t>
  </si>
  <si>
    <t>2021BU03633306</t>
  </si>
  <si>
    <t>buurten.c79ee915-85a0-4a55-bf3a-88611ff21cfd</t>
  </si>
  <si>
    <t>BU03633307</t>
  </si>
  <si>
    <t>Architectenbuurt</t>
  </si>
  <si>
    <t>2021BU03633307</t>
  </si>
  <si>
    <t>buurten.f4486440-68e3-4ebf-b5ff-8e3949a8df38</t>
  </si>
  <si>
    <t>BU03633308</t>
  </si>
  <si>
    <t>Bedrijvengebied Veelaan</t>
  </si>
  <si>
    <t>2021BU03633308</t>
  </si>
  <si>
    <t>buurten.2fa4a1e8-822f-46b9-9ef2-5fffd1e433de</t>
  </si>
  <si>
    <t>BU03633309</t>
  </si>
  <si>
    <t>Bedrijvengebied Cruquiusweg</t>
  </si>
  <si>
    <t>2021BU03633309</t>
  </si>
  <si>
    <t>buurten.751b9475-65c0-40d1-9843-1a1784d341f0</t>
  </si>
  <si>
    <t>BU03633310</t>
  </si>
  <si>
    <t>Bedrijvengebied Zeeburgerkade</t>
  </si>
  <si>
    <t>2021BU03633310</t>
  </si>
  <si>
    <t>buurten.3cdba833-4322-4003-bcb1-18d361f1dca1</t>
  </si>
  <si>
    <t>BU03633400</t>
  </si>
  <si>
    <t>Zeeburgereiland Noordwest</t>
  </si>
  <si>
    <t>WK036334</t>
  </si>
  <si>
    <t>2021BU03633400</t>
  </si>
  <si>
    <t>buurten.2835e29c-d9ac-4442-831d-fedaf030d0fb</t>
  </si>
  <si>
    <t>BU03633402</t>
  </si>
  <si>
    <t>Zeeburgereiland Zuidoost</t>
  </si>
  <si>
    <t>2021BU03633402</t>
  </si>
  <si>
    <t>buurten.398f10e2-2099-4914-b52b-b94d18a87e75</t>
  </si>
  <si>
    <t>BU03633403</t>
  </si>
  <si>
    <t>Zeeburgereiland Zuidwest</t>
  </si>
  <si>
    <t>2021BU03633403</t>
  </si>
  <si>
    <t>buurten.18e4962a-2297-42ab-a5a9-253dd75382dc</t>
  </si>
  <si>
    <t>BU03633404</t>
  </si>
  <si>
    <t>Nieuwe Diep/Diemerpark</t>
  </si>
  <si>
    <t>2021BU03633404</t>
  </si>
  <si>
    <t>buurten.9bf9956e-4604-4d75-b8d1-8ca892701588</t>
  </si>
  <si>
    <t>DC038401</t>
  </si>
  <si>
    <t>PL0384010003</t>
  </si>
  <si>
    <t>Initiatieven ondersteunenWe zoeken de ruimte tussen wat er collectief moet worden geregeld en welke individuele vrijheden er binnen deze kaders zijn. Initiatieven komen bij voorkeur uit de buurten en wijken. Voor een  samenwerking kan het goed zijn om je</t>
  </si>
  <si>
    <t>BU03633405</t>
  </si>
  <si>
    <t>RI Oost terrein</t>
  </si>
  <si>
    <t>2021BU03633405</t>
  </si>
  <si>
    <t>buurten.448fefdc-578a-46f3-bb65-6f85961512c0</t>
  </si>
  <si>
    <t>BU03633406</t>
  </si>
  <si>
    <t>Zeeburgereiland Noordoost</t>
  </si>
  <si>
    <t>2021BU03633406</t>
  </si>
  <si>
    <t>buurten.4b754030-54c1-49bb-9768-cf9d3e433802</t>
  </si>
  <si>
    <t>BU03633500</t>
  </si>
  <si>
    <t>Steigereiland Noord</t>
  </si>
  <si>
    <t>WK036335</t>
  </si>
  <si>
    <t>2021BU03633500</t>
  </si>
  <si>
    <t>buurten.3d372e4e-e59c-40df-ae73-bb8fd00fb271</t>
  </si>
  <si>
    <t>BU03633501</t>
  </si>
  <si>
    <t>Steigereiland Zuid</t>
  </si>
  <si>
    <t>2021BU03633501</t>
  </si>
  <si>
    <t>buurten.8d05238f-ce4c-4d4e-9e12-56e662a7bfc8</t>
  </si>
  <si>
    <t>BU03633502</t>
  </si>
  <si>
    <t>Haveneiland Zuidwest/Rieteiland West</t>
  </si>
  <si>
    <t>2021BU03633502</t>
  </si>
  <si>
    <t>buurten.c48aaeb3-0888-4716-9723-4755c1410832</t>
  </si>
  <si>
    <t>BU03633504</t>
  </si>
  <si>
    <t>Haveneiland Noordwest</t>
  </si>
  <si>
    <t>2021BU03633504</t>
  </si>
  <si>
    <t>buurten.6762f553-29c0-49a7-8ae0-19a2348e87a5</t>
  </si>
  <si>
    <t>BU03633505</t>
  </si>
  <si>
    <t>Haveneiland Noordoost</t>
  </si>
  <si>
    <t>2021BU03633505</t>
  </si>
  <si>
    <t>buurten.a80c3ddf-8359-4bc2-81c9-044ca6f40e5a</t>
  </si>
  <si>
    <t>BU03633600</t>
  </si>
  <si>
    <t>Woon- en Groengebied Sloterdijk</t>
  </si>
  <si>
    <t>WK036336</t>
  </si>
  <si>
    <t>2021BU03633600</t>
  </si>
  <si>
    <t>buurten.c3576674-f34c-404e-b161-f0c0aea28f78</t>
  </si>
  <si>
    <t>BU03633601</t>
  </si>
  <si>
    <t>Bedrijventerrein Sloterdijk I</t>
  </si>
  <si>
    <t>2021BU03633601</t>
  </si>
  <si>
    <t>buurten.b8adb32b-0a1f-470e-bd44-825d50f439a5</t>
  </si>
  <si>
    <t>BU03633700</t>
  </si>
  <si>
    <t>Bedrijventerrein Landlust</t>
  </si>
  <si>
    <t>WK036337</t>
  </si>
  <si>
    <t>2021BU03633700</t>
  </si>
  <si>
    <t>buurten.dc5ebf84-72f2-4ca1-a823-eee8739d13fd</t>
  </si>
  <si>
    <t>BU03633702</t>
  </si>
  <si>
    <t>Bosleeuw</t>
  </si>
  <si>
    <t>2021BU03633702</t>
  </si>
  <si>
    <t>buurten.adb2bb58-7583-44b8-93f1-8038f9893a36</t>
  </si>
  <si>
    <t>BU03633703</t>
  </si>
  <si>
    <t>Landlust Zuid</t>
  </si>
  <si>
    <t>2021BU03633703</t>
  </si>
  <si>
    <t>buurten.260dc314-e144-4871-ba80-9984348a44cd</t>
  </si>
  <si>
    <t>BU03633704</t>
  </si>
  <si>
    <t>Erasmusparkbuurt Oost</t>
  </si>
  <si>
    <t>2021BU03633704</t>
  </si>
  <si>
    <t>buurten.92f7476f-8086-413a-a8c0-fd86a8652e12</t>
  </si>
  <si>
    <t>BU03633705</t>
  </si>
  <si>
    <t>Gibraltarbuurt</t>
  </si>
  <si>
    <t>2021BU03633705</t>
  </si>
  <si>
    <t>buurten.6f187394-9596-47cc-9c07-b3ce37c7a031</t>
  </si>
  <si>
    <t>BU03633706</t>
  </si>
  <si>
    <t>Landlust Noord</t>
  </si>
  <si>
    <t>2021BU03633706</t>
  </si>
  <si>
    <t>buurten.75b3cb26-c8fe-494e-9d2d-48dbee0e6d82</t>
  </si>
  <si>
    <t>BU03633802</t>
  </si>
  <si>
    <t>Erasmusparkbuurt West</t>
  </si>
  <si>
    <t>WK036338</t>
  </si>
  <si>
    <t>2021BU03633802</t>
  </si>
  <si>
    <t>buurten.af104cf5-467d-45b2-96f2-b590880c546c</t>
  </si>
  <si>
    <t>BU03633803</t>
  </si>
  <si>
    <t>Robert Scottbuurt Oost</t>
  </si>
  <si>
    <t>2021BU03633803</t>
  </si>
  <si>
    <t>buurten.11d5e07f-6f2f-4783-bfdf-e61c5ce7471c</t>
  </si>
  <si>
    <t>BU03633900</t>
  </si>
  <si>
    <t>Robert Scottbuurt West</t>
  </si>
  <si>
    <t>WK036339</t>
  </si>
  <si>
    <t>2021BU03633900</t>
  </si>
  <si>
    <t>buurten.3f906f8c-b65e-47fe-984c-918e31475e6c</t>
  </si>
  <si>
    <t>BU03633901</t>
  </si>
  <si>
    <t>Laan van Spartaan</t>
  </si>
  <si>
    <t>2021BU03633901</t>
  </si>
  <si>
    <t>buurten.67efb227-c29d-42db-8832-3584bccfbd4c</t>
  </si>
  <si>
    <t>BU03633902</t>
  </si>
  <si>
    <t>Kolenkitbuurt Zuid</t>
  </si>
  <si>
    <t>2021BU03633902</t>
  </si>
  <si>
    <t>buurten.f272e649-99c7-4a48-ab15-5799122a07cf</t>
  </si>
  <si>
    <t>BU03633903</t>
  </si>
  <si>
    <t>Kolenkitbuurt Noord</t>
  </si>
  <si>
    <t>2021BU03633903</t>
  </si>
  <si>
    <t>buurten.6be28891-74c6-485b-8f21-036d8642efa6</t>
  </si>
  <si>
    <t>BU03634000</t>
  </si>
  <si>
    <t>Geuzenhofbuurt</t>
  </si>
  <si>
    <t>WK036340</t>
  </si>
  <si>
    <t>2021BU03634000</t>
  </si>
  <si>
    <t>buurten.320bd2e2-cd87-4349-bb2c-104e0526a2e7</t>
  </si>
  <si>
    <t>BU03634001</t>
  </si>
  <si>
    <t>Trompbuurt</t>
  </si>
  <si>
    <t>2021BU03634001</t>
  </si>
  <si>
    <t>buurten.57bd96f1-1e6e-4649-9df0-401976edd811</t>
  </si>
  <si>
    <t>BU03634002</t>
  </si>
  <si>
    <t>Pieter van der Doesbuurt</t>
  </si>
  <si>
    <t>2021BU03634002</t>
  </si>
  <si>
    <t>buurten.9c2525f6-9efd-470d-8bec-d9c8f0f00cff</t>
  </si>
  <si>
    <t>BU03634100</t>
  </si>
  <si>
    <t>John Franklinbuurt</t>
  </si>
  <si>
    <t>WK036341</t>
  </si>
  <si>
    <t>2021BU03634100</t>
  </si>
  <si>
    <t>buurten.242d2281-188b-46a0-a4f1-c66a46ef9249</t>
  </si>
  <si>
    <t>BU03634101</t>
  </si>
  <si>
    <t>Jan Maijenbuurt</t>
  </si>
  <si>
    <t>2021BU03634101</t>
  </si>
  <si>
    <t>buurten.4b7fd28d-04bb-4117-927b-c603c2a9f6c6</t>
  </si>
  <si>
    <t>BU03634102</t>
  </si>
  <si>
    <t>Orteliusbuurt Noord</t>
  </si>
  <si>
    <t>2021BU03634102</t>
  </si>
  <si>
    <t>buurten.c097a7eb-9038-4784-9e60-57bf097bdc9a</t>
  </si>
  <si>
    <t>BU03634103</t>
  </si>
  <si>
    <t>Mercatorpark</t>
  </si>
  <si>
    <t>2021BU03634103</t>
  </si>
  <si>
    <t>buurten.8085ae51-ce46-4f72-b6cd-f4ecc309f678</t>
  </si>
  <si>
    <t>BU03634200</t>
  </si>
  <si>
    <t>Balboaplein e.o.</t>
  </si>
  <si>
    <t>WK036342</t>
  </si>
  <si>
    <t>2021BU03634200</t>
  </si>
  <si>
    <t>buurten.9c95d148-52f7-4c1e-a14e-0ddcfb3f4b7b</t>
  </si>
  <si>
    <t>BU03634201</t>
  </si>
  <si>
    <t>Columbusplein e.o.</t>
  </si>
  <si>
    <t>2021BU03634201</t>
  </si>
  <si>
    <t>buurten.ef95e29a-4b7a-4536-be09-1cf6e99e4357</t>
  </si>
  <si>
    <t>BU03634202</t>
  </si>
  <si>
    <t>Orteliusbuurt Midden</t>
  </si>
  <si>
    <t>2021BU03634202</t>
  </si>
  <si>
    <t>buurten.5bbb936d-857f-44bb-8361-9167d73f4ae5</t>
  </si>
  <si>
    <t>BU03634203</t>
  </si>
  <si>
    <t>Orteliusbuurt Zuid</t>
  </si>
  <si>
    <t>2021BU03634203</t>
  </si>
  <si>
    <t>buurten.a5e5dfd1-6091-4b99-a0b9-f9a582866ef3</t>
  </si>
  <si>
    <t>BU03634300</t>
  </si>
  <si>
    <t>Paramariboplein e.o.</t>
  </si>
  <si>
    <t>WK036343</t>
  </si>
  <si>
    <t>2021BU03634300</t>
  </si>
  <si>
    <t>buurten.dca4ad0f-27ff-4f2f-9d49-00bbdb9c1272</t>
  </si>
  <si>
    <t>BU03634301</t>
  </si>
  <si>
    <t>Postjeskade e.o.</t>
  </si>
  <si>
    <t>2021BU03634301</t>
  </si>
  <si>
    <t>buurten.d5dc85b9-2a82-466c-bdc2-eceb5c509444</t>
  </si>
  <si>
    <t>BU03634400</t>
  </si>
  <si>
    <t>Surinamepleinbuurt</t>
  </si>
  <si>
    <t>WK036344</t>
  </si>
  <si>
    <t>2021BU03634400</t>
  </si>
  <si>
    <t>buurten.2612e0f0-fff7-462e-945d-65551eeea314</t>
  </si>
  <si>
    <t>BU03634401</t>
  </si>
  <si>
    <t>Westlandgrachtbuurt</t>
  </si>
  <si>
    <t>2021BU03634401</t>
  </si>
  <si>
    <t>buurten.57d06677-92fc-49dc-82c1-b3be7d0e4f07</t>
  </si>
  <si>
    <t>BU03634402</t>
  </si>
  <si>
    <t>Aalsmeerwegbuurt West</t>
  </si>
  <si>
    <t>2021BU03634402</t>
  </si>
  <si>
    <t>buurten.18b6c56d-c2e5-4be6-ab50-358e5412e167</t>
  </si>
  <si>
    <t>BU03634403</t>
  </si>
  <si>
    <t>Aalsmeerwegbuurt Oost</t>
  </si>
  <si>
    <t>2021BU03634403</t>
  </si>
  <si>
    <t>buurten.2a51273d-6473-468b-ab8d-680a288a3546</t>
  </si>
  <si>
    <t>BU03634404</t>
  </si>
  <si>
    <t>Legmeerpleinbuurt</t>
  </si>
  <si>
    <t>2021BU03634404</t>
  </si>
  <si>
    <t>buurten.6b1e2235-6219-4e4b-8288-ff4628e2361b</t>
  </si>
  <si>
    <t>BU03634405</t>
  </si>
  <si>
    <t>Bedrijventerrein Schinkel</t>
  </si>
  <si>
    <t>2021BU03634405</t>
  </si>
  <si>
    <t>buurten.c93ee676-783d-4c60-931a-5d2ff9dd6244</t>
  </si>
  <si>
    <t>BU03634500</t>
  </si>
  <si>
    <t>Schinkelbuurt Noord</t>
  </si>
  <si>
    <t>WK036345</t>
  </si>
  <si>
    <t>2021BU03634500</t>
  </si>
  <si>
    <t>buurten.c6d4ee84-5206-4112-84fe-2fac3f3c5597</t>
  </si>
  <si>
    <t>BU03634501</t>
  </si>
  <si>
    <t>Schinkelbuurt Zuid</t>
  </si>
  <si>
    <t>2021BU03634501</t>
  </si>
  <si>
    <t>buurten.54e280eb-525c-42fa-92ed-13510efc8dfe</t>
  </si>
  <si>
    <t>BU03634600</t>
  </si>
  <si>
    <t>Valeriusbuurt Oost</t>
  </si>
  <si>
    <t>WK036346</t>
  </si>
  <si>
    <t>2021BU03634600</t>
  </si>
  <si>
    <t>buurten.6e5f35e6-1d41-45a1-926a-d36aff4c406f</t>
  </si>
  <si>
    <t>BU03634601</t>
  </si>
  <si>
    <t>Valeriusbuurt West</t>
  </si>
  <si>
    <t>2021BU03634601</t>
  </si>
  <si>
    <t>buurten.aee9b712-0c5a-424c-8332-b2b5cd7540d7</t>
  </si>
  <si>
    <t>BU03634602</t>
  </si>
  <si>
    <t>Willemsparkbuurt Noord</t>
  </si>
  <si>
    <t>2021BU03634602</t>
  </si>
  <si>
    <t>buurten.e1e5bdf0-d4e8-4af2-8cfd-3eef66a204e8</t>
  </si>
  <si>
    <t>BU03634603</t>
  </si>
  <si>
    <t>Vondelpark West</t>
  </si>
  <si>
    <t>2021BU03634603</t>
  </si>
  <si>
    <t>buurten.2605dae2-64e7-48bb-9432-42889d48652a</t>
  </si>
  <si>
    <t>BU03634700</t>
  </si>
  <si>
    <t>Johannnes Vermeerbuurt</t>
  </si>
  <si>
    <t>WK036347</t>
  </si>
  <si>
    <t>2021BU03634700</t>
  </si>
  <si>
    <t>buurten.0d255391-c496-44cf-ad0c-a19235aaa2b3</t>
  </si>
  <si>
    <t>BU03634701</t>
  </si>
  <si>
    <t>P.C. Hooftbuurt</t>
  </si>
  <si>
    <t>2021BU03634701</t>
  </si>
  <si>
    <t>buurten.52bc49c8-032e-45a6-9500-bcf079a3f199</t>
  </si>
  <si>
    <t>BU03634702</t>
  </si>
  <si>
    <t>Concertgebouwbuurt</t>
  </si>
  <si>
    <t>2021BU03634702</t>
  </si>
  <si>
    <t>buurten.b69c3481-d2a5-44e6-95b4-84ea278e848d</t>
  </si>
  <si>
    <t>BU03634703</t>
  </si>
  <si>
    <t>Cornelis Schuytbuurt</t>
  </si>
  <si>
    <t>2021BU03634703</t>
  </si>
  <si>
    <t>buurten.fcdbd9bf-74fd-491f-9932-73f297b44fd0</t>
  </si>
  <si>
    <t>BU03634704</t>
  </si>
  <si>
    <t>Banpleinbuurt</t>
  </si>
  <si>
    <t>2021BU03634704</t>
  </si>
  <si>
    <t>buurten.c8c68faa-4b4b-46d6-a7c2-6f0f073e80c5</t>
  </si>
  <si>
    <t>BU03634705</t>
  </si>
  <si>
    <t>Hondecoeterbuurt</t>
  </si>
  <si>
    <t>2021BU03634705</t>
  </si>
  <si>
    <t>buurten.ab4ffdb1-b7e1-48ee-be79-eb6351571fc6</t>
  </si>
  <si>
    <t>BU03634706</t>
  </si>
  <si>
    <t>Harmoniehofbuurt</t>
  </si>
  <si>
    <t>2021BU03634706</t>
  </si>
  <si>
    <t>buurten.24b77468-8796-4b2e-9493-ff3e65b45233</t>
  </si>
  <si>
    <t>BU03634707</t>
  </si>
  <si>
    <t>Museumplein</t>
  </si>
  <si>
    <t>2021BU03634707</t>
  </si>
  <si>
    <t>buurten.f0d4b709-a909-4d63-9c77-46aec433419b</t>
  </si>
  <si>
    <t>BU03634708</t>
  </si>
  <si>
    <t>Vondelpark Oost</t>
  </si>
  <si>
    <t>2021BU03634708</t>
  </si>
  <si>
    <t>buurten.818cc21e-bd22-4b26-bda0-f9ffd8748b25</t>
  </si>
  <si>
    <t>BU03634709</t>
  </si>
  <si>
    <t>Duivelseiland</t>
  </si>
  <si>
    <t>2021BU03634709</t>
  </si>
  <si>
    <t>buurten.2a95df24-ed23-4e65-959d-b0c1e7e49651</t>
  </si>
  <si>
    <t>BU03634800</t>
  </si>
  <si>
    <t>Bertelmanpleinbuurt</t>
  </si>
  <si>
    <t>WK036348</t>
  </si>
  <si>
    <t>2021BU03634800</t>
  </si>
  <si>
    <t>buurten.257b59d4-de04-4ff5-91a3-494fa29ded24</t>
  </si>
  <si>
    <t>BU03634801</t>
  </si>
  <si>
    <t>Marathonbuurt Oost</t>
  </si>
  <si>
    <t>2021BU03634801</t>
  </si>
  <si>
    <t>buurten.a81d34c0-7df2-4a31-8109-a466c3bee0da</t>
  </si>
  <si>
    <t>BU03634802</t>
  </si>
  <si>
    <t>Marathonbuurt West</t>
  </si>
  <si>
    <t>2021BU03634802</t>
  </si>
  <si>
    <t>buurten.31e2a9af-2586-4b51-a3b8-a0e0dc60e75c</t>
  </si>
  <si>
    <t>BU03634803</t>
  </si>
  <si>
    <t>Olympisch Stadion e.o.</t>
  </si>
  <si>
    <t>2021BU03634803</t>
  </si>
  <si>
    <t>buurten.f1c49b6f-bf17-4441-8d0d-985663aefb25</t>
  </si>
  <si>
    <t>BU03634804</t>
  </si>
  <si>
    <t>IJsbaanpad e.o.</t>
  </si>
  <si>
    <t>2021BU03634804</t>
  </si>
  <si>
    <t>buurten.6d8006cf-97e5-4e56-8e5b-2b03816d97e1</t>
  </si>
  <si>
    <t>BU03634805</t>
  </si>
  <si>
    <t>Van Tuyllbuurt</t>
  </si>
  <si>
    <t>2021BU03634805</t>
  </si>
  <si>
    <t>buurten.ca4d6e03-05fa-4b2c-9bb6-9615a0d26cbd</t>
  </si>
  <si>
    <t>BU03634900</t>
  </si>
  <si>
    <t>Diepenbrockbuurt</t>
  </si>
  <si>
    <t>WK036349</t>
  </si>
  <si>
    <t>2021BU03634900</t>
  </si>
  <si>
    <t>buurten.4c8755aa-21bf-4ef8-93be-543dd9eae13d</t>
  </si>
  <si>
    <t>BU03634901</t>
  </si>
  <si>
    <t>Beethovenbuurt</t>
  </si>
  <si>
    <t>2021BU03634901</t>
  </si>
  <si>
    <t>buurten.bb15c282-9b58-4851-b1ab-45a830ad1a68</t>
  </si>
  <si>
    <t>BU03634902</t>
  </si>
  <si>
    <t>Hiltonbuurt</t>
  </si>
  <si>
    <t>2021BU03634902</t>
  </si>
  <si>
    <t>buurten.2fc4c6cc-8fb0-41c7-a934-1c97f82191d1</t>
  </si>
  <si>
    <t>BU03634903</t>
  </si>
  <si>
    <t>Minervabuurt Noord</t>
  </si>
  <si>
    <t>2021BU03634903</t>
  </si>
  <si>
    <t>buurten.862bef31-f786-4834-a039-5736b6fab7c0</t>
  </si>
  <si>
    <t>BU03634904</t>
  </si>
  <si>
    <t>Minervabuurt Midden</t>
  </si>
  <si>
    <t>2021BU03634904</t>
  </si>
  <si>
    <t>buurten.7af9be84-db52-44ea-a689-cf2ebb54435e</t>
  </si>
  <si>
    <t>BU03634905</t>
  </si>
  <si>
    <t>Minervabuurt Zuid</t>
  </si>
  <si>
    <t>2021BU03634905</t>
  </si>
  <si>
    <t>buurten.d9e31bf9-1866-43dd-8c9b-dfb41d56045e</t>
  </si>
  <si>
    <t>BU03635000</t>
  </si>
  <si>
    <t>Strandeiland</t>
  </si>
  <si>
    <t>WK036350</t>
  </si>
  <si>
    <t>2021BU03635000</t>
  </si>
  <si>
    <t>buurten.4663e84d-cd77-4763-8392-fb529711328c</t>
  </si>
  <si>
    <t>BU03635001</t>
  </si>
  <si>
    <t>Middeneiland Zuidoost</t>
  </si>
  <si>
    <t>2021BU03635001</t>
  </si>
  <si>
    <t>buurten.db829548-0d12-40f9-a9e6-3987a5c37f8e</t>
  </si>
  <si>
    <t>BU03635003</t>
  </si>
  <si>
    <t>Middeneiland Zuidwest</t>
  </si>
  <si>
    <t>2021BU03635003</t>
  </si>
  <si>
    <t>buurten.450f47f7-1909-4ee7-a12e-1463a55613ff</t>
  </si>
  <si>
    <t>BU03635005</t>
  </si>
  <si>
    <t>Buiteneiland</t>
  </si>
  <si>
    <t>2021BU03635005</t>
  </si>
  <si>
    <t>buurten.cc99bab9-f379-462f-a3a1-bdeae4cfbf4d</t>
  </si>
  <si>
    <t>BU03635006</t>
  </si>
  <si>
    <t>Centrumeiland</t>
  </si>
  <si>
    <t>2021BU03635006</t>
  </si>
  <si>
    <t>buurten.0843f373-bc5f-4952-9683-0312f7d1f8a2</t>
  </si>
  <si>
    <t>BU03635100</t>
  </si>
  <si>
    <t>Rieteiland Oost</t>
  </si>
  <si>
    <t>WK036351</t>
  </si>
  <si>
    <t>2021BU03635100</t>
  </si>
  <si>
    <t>buurten.b251088e-e558-4e30-bd91-35716742bad7</t>
  </si>
  <si>
    <t>BU03635101</t>
  </si>
  <si>
    <t>Haveneiland Oost</t>
  </si>
  <si>
    <t>2021BU03635101</t>
  </si>
  <si>
    <t>buurten.1ed55fc9-a2f7-494d-ad9e-9c715e78d35b</t>
  </si>
  <si>
    <t>BU03635102</t>
  </si>
  <si>
    <t>Haveneiland Noord</t>
  </si>
  <si>
    <t>2021BU03635102</t>
  </si>
  <si>
    <t>buurten.1ee35452-cf37-4c01-a96b-c42908b8b803</t>
  </si>
  <si>
    <t>BU03635200</t>
  </si>
  <si>
    <t>Wielingenbuurt</t>
  </si>
  <si>
    <t>WK036352</t>
  </si>
  <si>
    <t>2021BU03635200</t>
  </si>
  <si>
    <t>buurten.8453429f-ada5-414a-8cb2-fa6eefec7f65</t>
  </si>
  <si>
    <t>BU03635201</t>
  </si>
  <si>
    <t>Scheldebuurt West</t>
  </si>
  <si>
    <t>2021BU03635201</t>
  </si>
  <si>
    <t>buurten.e092fb67-46e9-4e01-9f92-670a2b026589</t>
  </si>
  <si>
    <t>BU03635202</t>
  </si>
  <si>
    <t>Scheldebuurt Midden</t>
  </si>
  <si>
    <t>2021BU03635202</t>
  </si>
  <si>
    <t>buurten.0333b734-4b13-468e-941b-3bec04dd582d</t>
  </si>
  <si>
    <t>BU03635203</t>
  </si>
  <si>
    <t>Scheldebuurt Oost</t>
  </si>
  <si>
    <t>2021BU03635203</t>
  </si>
  <si>
    <t>buurten.77fc8f9b-167d-4a8a-8e37-629364650f72</t>
  </si>
  <si>
    <t>BU03635206</t>
  </si>
  <si>
    <t>Veluwebuurt</t>
  </si>
  <si>
    <t>2021BU03635206</t>
  </si>
  <si>
    <t>buurten.34406ed8-fb77-4b93-b8a8-a20730a1a17c</t>
  </si>
  <si>
    <t>BU03635207</t>
  </si>
  <si>
    <t>Kop Zuidas</t>
  </si>
  <si>
    <t>2021BU03635207</t>
  </si>
  <si>
    <t>buurten.1b157d67-e1e6-4c18-a3a3-3982b05eb016</t>
  </si>
  <si>
    <t>BU03635300</t>
  </si>
  <si>
    <t>IJselbuurt West</t>
  </si>
  <si>
    <t>WK036353</t>
  </si>
  <si>
    <t>2021BU03635300</t>
  </si>
  <si>
    <t>buurten.be76b0fc-ca28-45e7-bf9d-1d50c6a88e9e</t>
  </si>
  <si>
    <t>BU03635301</t>
  </si>
  <si>
    <t>IJselbuurt Oost</t>
  </si>
  <si>
    <t>2021BU03635301</t>
  </si>
  <si>
    <t>buurten.2df356eb-c1b3-4499-a169-aef582a3cd93</t>
  </si>
  <si>
    <t>BU03635400</t>
  </si>
  <si>
    <t>Kromme Mijdrechtbuurt</t>
  </si>
  <si>
    <t>WK036354</t>
  </si>
  <si>
    <t>2021BU03635400</t>
  </si>
  <si>
    <t>buurten.585d7ea5-9656-4e44-8f35-8840033bc3c4</t>
  </si>
  <si>
    <t>BU03635401</t>
  </si>
  <si>
    <t>Rijnbuurt Oost</t>
  </si>
  <si>
    <t>2021BU03635401</t>
  </si>
  <si>
    <t>buurten.c7979f10-43ac-474b-9d3d-53bbecef3489</t>
  </si>
  <si>
    <t>BU03635402</t>
  </si>
  <si>
    <t>Rijnbuurt Midden</t>
  </si>
  <si>
    <t>2021BU03635402</t>
  </si>
  <si>
    <t>buurten.aec3e3a5-f870-47e5-9162-134fea3ca26c</t>
  </si>
  <si>
    <t>BU03635403</t>
  </si>
  <si>
    <t>Rijnbuurt West</t>
  </si>
  <si>
    <t>2021BU03635403</t>
  </si>
  <si>
    <t>buurten.cf7ce5e7-b575-49e7-a251-5eb96cc49359</t>
  </si>
  <si>
    <t>BU03635404</t>
  </si>
  <si>
    <t>Zorgvlied</t>
  </si>
  <si>
    <t>2021BU03635404</t>
  </si>
  <si>
    <t>buurten.4d2a0176-9b8c-4bf2-a715-3a397b055e71</t>
  </si>
  <si>
    <t>BU03635501</t>
  </si>
  <si>
    <t>De Eenhoorn</t>
  </si>
  <si>
    <t>WK036355</t>
  </si>
  <si>
    <t>2021BU03635501</t>
  </si>
  <si>
    <t>buurten.4d81f919-22a8-4be2-a401-08ed18bd5983</t>
  </si>
  <si>
    <t>BU03635502</t>
  </si>
  <si>
    <t>2021BU03635502</t>
  </si>
  <si>
    <t>buurten.15f71e0f-b517-4c92-9cf3-52f1516e6707</t>
  </si>
  <si>
    <t>BU03635503</t>
  </si>
  <si>
    <t>Don Bosco</t>
  </si>
  <si>
    <t>2021BU03635503</t>
  </si>
  <si>
    <t>buurten.4cde8c7b-a203-4d71-961d-b09d2bdd97f0</t>
  </si>
  <si>
    <t>BU03635504</t>
  </si>
  <si>
    <t>Frankendael</t>
  </si>
  <si>
    <t>2021BU03635504</t>
  </si>
  <si>
    <t>buurten.23e87861-f3a5-4557-90de-e40a198c6bf3</t>
  </si>
  <si>
    <t>BU03635505</t>
  </si>
  <si>
    <t>Tuindorp Amstelstation</t>
  </si>
  <si>
    <t>2021BU03635505</t>
  </si>
  <si>
    <t>buurten.dfadf94e-f0da-4e0f-ada8-be04faf5289a</t>
  </si>
  <si>
    <t>BU03635506</t>
  </si>
  <si>
    <t>De Wetbuurt</t>
  </si>
  <si>
    <t>2021BU03635506</t>
  </si>
  <si>
    <t>buurten.8d51a833-cc72-41d0-9ed8-a49a69c34d69</t>
  </si>
  <si>
    <t>BU03635507</t>
  </si>
  <si>
    <t>Tuindorp Frankendael</t>
  </si>
  <si>
    <t>2021BU03635507</t>
  </si>
  <si>
    <t>buurten.51c1e20e-24e1-4ac9-917c-61314215ed6c</t>
  </si>
  <si>
    <t>BU03635508</t>
  </si>
  <si>
    <t>Van der Kunbuurt</t>
  </si>
  <si>
    <t>2021BU03635508</t>
  </si>
  <si>
    <t>buurten.114696b1-0f17-45f0-aaec-00ea16a172e0</t>
  </si>
  <si>
    <t>BU03635600</t>
  </si>
  <si>
    <t>Linnaeusparkbuurt</t>
  </si>
  <si>
    <t>WK036356</t>
  </si>
  <si>
    <t>2021BU03635600</t>
  </si>
  <si>
    <t>buurten.4c61b2e1-4be8-44ab-b348-e297030dbe91</t>
  </si>
  <si>
    <t>BU03635601</t>
  </si>
  <si>
    <t>Middenmeer Noord</t>
  </si>
  <si>
    <t>2021BU03635601</t>
  </si>
  <si>
    <t>buurten.ed61a007-b6d7-4955-81f4-518ad6305bb4</t>
  </si>
  <si>
    <t>BU03635602</t>
  </si>
  <si>
    <t>Middenmeer Zuid</t>
  </si>
  <si>
    <t>2021BU03635602</t>
  </si>
  <si>
    <t>buurten.c872e89a-70e2-4746-8428-130bd093900e</t>
  </si>
  <si>
    <t>BU03635603</t>
  </si>
  <si>
    <t>Sportpark Middenmeer Zuid</t>
  </si>
  <si>
    <t>2021BU03635603</t>
  </si>
  <si>
    <t>buurten.c9fa3c28-a4cf-469d-86b7-0676c9e27ecc</t>
  </si>
  <si>
    <t>BU03635604</t>
  </si>
  <si>
    <t>Sportpark Middenmeer Noord</t>
  </si>
  <si>
    <t>2021BU03635604</t>
  </si>
  <si>
    <t>buurten.bada668e-06a2-423c-a973-a07bde6e5d39</t>
  </si>
  <si>
    <t>BU03635605</t>
  </si>
  <si>
    <t>Park de Meer</t>
  </si>
  <si>
    <t>2021BU03635605</t>
  </si>
  <si>
    <t>buurten.0aeb215b-9f7e-4013-9f25-521abdaa537f</t>
  </si>
  <si>
    <t>BU03635606</t>
  </si>
  <si>
    <t>Sportpark Voorland</t>
  </si>
  <si>
    <t>2021BU03635606</t>
  </si>
  <si>
    <t>buurten.a87526a1-fcaa-42ca-b930-66c6a1dc048a</t>
  </si>
  <si>
    <t>aquathermie en/of WKO en/of restwarmte</t>
  </si>
  <si>
    <t>aquathermie, WKO, restwarmte</t>
  </si>
  <si>
    <t>BU03635607</t>
  </si>
  <si>
    <t>Science Park Noord</t>
  </si>
  <si>
    <t>2021BU03635607</t>
  </si>
  <si>
    <t>buurten.a7a27a91-5155-40ee-a56e-22e5d549da5a</t>
  </si>
  <si>
    <t>BU03635608</t>
  </si>
  <si>
    <t>Science Park Zuid</t>
  </si>
  <si>
    <t>2021BU03635608</t>
  </si>
  <si>
    <t>buurten.f4e848ad-e64c-4326-bf7c-8312192af7c5</t>
  </si>
  <si>
    <t>BU03635700</t>
  </si>
  <si>
    <t>Betondorp</t>
  </si>
  <si>
    <t>WK036357</t>
  </si>
  <si>
    <t>2021BU03635700</t>
  </si>
  <si>
    <t>buurten.eb0a4f33-60e0-435b-b60a-441177db41f3</t>
  </si>
  <si>
    <t>BU03635701</t>
  </si>
  <si>
    <t>Nieuwe Oosterbegraafplaats</t>
  </si>
  <si>
    <t>2021BU03635701</t>
  </si>
  <si>
    <t>buurten.cbfe0649-f06f-4aa0-8d21-327ab57db10b</t>
  </si>
  <si>
    <t>BU03635702</t>
  </si>
  <si>
    <t>Drieburg</t>
  </si>
  <si>
    <t>2021BU03635702</t>
  </si>
  <si>
    <t>buurten.7f58de2a-44e0-4e7c-bd11-21e363e685dc</t>
  </si>
  <si>
    <t>BU03635801</t>
  </si>
  <si>
    <t>Weespertrekvaart</t>
  </si>
  <si>
    <t>WK036358</t>
  </si>
  <si>
    <t>2021BU03635801</t>
  </si>
  <si>
    <t>buurten.5fbfe4bf-107e-4c95-b882-3be198cd0e37</t>
  </si>
  <si>
    <t>BU03635804</t>
  </si>
  <si>
    <t>Amstelglorie</t>
  </si>
  <si>
    <t>2021BU03635804</t>
  </si>
  <si>
    <t>buurten.ffa37cfd-2d2d-40d7-83a8-fadcb16bc3d5</t>
  </si>
  <si>
    <t>BU03635805</t>
  </si>
  <si>
    <t>Overamstel</t>
  </si>
  <si>
    <t>2021BU03635805</t>
  </si>
  <si>
    <t>buurten.4d6bbec0-89e4-4e12-8cd6-7104ab2ab9b0</t>
  </si>
  <si>
    <t>BU03635806</t>
  </si>
  <si>
    <t>Amstelkwartier Noord</t>
  </si>
  <si>
    <t>2021BU03635806</t>
  </si>
  <si>
    <t>buurten.59536641-ff83-4da7-888d-cf9ad90094b2</t>
  </si>
  <si>
    <t>BU03635807</t>
  </si>
  <si>
    <t>De Omval</t>
  </si>
  <si>
    <t>2021BU03635807</t>
  </si>
  <si>
    <t>buurten.4023836b-e62f-4319-bdfe-79b93cd42957</t>
  </si>
  <si>
    <t>BU03635808</t>
  </si>
  <si>
    <t>Amstelkwartier Zuid</t>
  </si>
  <si>
    <t>2021BU03635808</t>
  </si>
  <si>
    <t>buurten.bc9d5c52-1301-4e97-bbb2-2293c4bb0512</t>
  </si>
  <si>
    <t>BU03635809</t>
  </si>
  <si>
    <t>Amstelkwartier West</t>
  </si>
  <si>
    <t>2021BU03635809</t>
  </si>
  <si>
    <t>buurten.a41362eb-ddca-4b20-9eb5-83207ca06e4b</t>
  </si>
  <si>
    <t>BU03635900</t>
  </si>
  <si>
    <t>Prinses Irenebuurt</t>
  </si>
  <si>
    <t>WK036359</t>
  </si>
  <si>
    <t>2021BU03635900</t>
  </si>
  <si>
    <t>buurten.1ff030d3-ac93-4874-9892-80091c539a6e</t>
  </si>
  <si>
    <t>BU03635901</t>
  </si>
  <si>
    <t>2021BU03635901</t>
  </si>
  <si>
    <t>buurten.01238dcb-4df2-40a3-a3b3-5444b139ba41</t>
  </si>
  <si>
    <t>BU03636000</t>
  </si>
  <si>
    <t>Van der Pekbuurt</t>
  </si>
  <si>
    <t>WK036360</t>
  </si>
  <si>
    <t>2021BU03636000</t>
  </si>
  <si>
    <t>buurten.77199774-789c-48ec-a50f-dfa510deea29</t>
  </si>
  <si>
    <t>BU03636001</t>
  </si>
  <si>
    <t>Bloemenbuurt Zuid</t>
  </si>
  <si>
    <t>2021BU03636001</t>
  </si>
  <si>
    <t>buurten.a857c8a8-e2ab-4011-b80e-29658494ef24</t>
  </si>
  <si>
    <t>BU03636002</t>
  </si>
  <si>
    <t>Bloemenbuurt Noord</t>
  </si>
  <si>
    <t>2021BU03636002</t>
  </si>
  <si>
    <t>buurten.5e1213b7-c996-4a2b-8520-c0024f247108</t>
  </si>
  <si>
    <t>Tussen 2020 en 2040 all-electric, gestaag aardgasvrij</t>
  </si>
  <si>
    <t>Afleverset en/of infrarood</t>
  </si>
  <si>
    <t>BU03636100</t>
  </si>
  <si>
    <t>IJplein e.o.</t>
  </si>
  <si>
    <t>WK036361</t>
  </si>
  <si>
    <t>2021BU03636100</t>
  </si>
  <si>
    <t>buurten.3f1809d4-2dd3-4085-b33b-b2a751881fa7</t>
  </si>
  <si>
    <t>BU03636101</t>
  </si>
  <si>
    <t>Vogelbuurt Zuid</t>
  </si>
  <si>
    <t>2021BU03636101</t>
  </si>
  <si>
    <t>buurten.4c84f4dc-38c2-4337-842b-3d0cf11e95a4</t>
  </si>
  <si>
    <t>BU03636102</t>
  </si>
  <si>
    <t>Vogelbuurt Noord</t>
  </si>
  <si>
    <t>2021BU03636102</t>
  </si>
  <si>
    <t>buurten.1f416b66-3ba5-48b6-a523-54755de26b21</t>
  </si>
  <si>
    <t>BU03636103</t>
  </si>
  <si>
    <t>Vliegenbos</t>
  </si>
  <si>
    <t>2021BU03636103</t>
  </si>
  <si>
    <t>buurten.f5557cd1-08c4-4d65-bff9-f05ce8d16ec8</t>
  </si>
  <si>
    <t>BU03636200</t>
  </si>
  <si>
    <t>Tuindorp Nieuwendam West</t>
  </si>
  <si>
    <t>WK036362</t>
  </si>
  <si>
    <t>2021BU03636200</t>
  </si>
  <si>
    <t>buurten.9c71f677-71f4-4555-8e1d-ffec8b130a0b</t>
  </si>
  <si>
    <t>BU03636201</t>
  </si>
  <si>
    <t>Tuindorp Nieuwendam Oost</t>
  </si>
  <si>
    <t>2021BU03636201</t>
  </si>
  <si>
    <t>buurten.5642721c-0ead-4754-943f-a325fa500706</t>
  </si>
  <si>
    <t>BU03636300</t>
  </si>
  <si>
    <t>Blauwe Zand</t>
  </si>
  <si>
    <t>WK036363</t>
  </si>
  <si>
    <t>2021BU03636300</t>
  </si>
  <si>
    <t>buurten.1d81dd73-6129-48d9-8ad4-45890f86eb86</t>
  </si>
  <si>
    <t>BU03636400</t>
  </si>
  <si>
    <t>Buiksloterdijk West</t>
  </si>
  <si>
    <t>WK036364</t>
  </si>
  <si>
    <t>2021BU03636400</t>
  </si>
  <si>
    <t>buurten.440c13e4-4e45-4cfa-afe1-bc3eace231d2</t>
  </si>
  <si>
    <t>BU03636401</t>
  </si>
  <si>
    <t>Buiksloterdijk Oost</t>
  </si>
  <si>
    <t>2021BU03636401</t>
  </si>
  <si>
    <t>buurten.5549bc1a-c65e-4af4-b380-4146f0a91cd6</t>
  </si>
  <si>
    <t>BU03636402</t>
  </si>
  <si>
    <t>Nieuwendammerdijk West</t>
  </si>
  <si>
    <t>2021BU03636402</t>
  </si>
  <si>
    <t>buurten.0457063a-a875-4880-b082-fb0d28058814</t>
  </si>
  <si>
    <t>BU03636403</t>
  </si>
  <si>
    <t>Nieuwendammerdijk Oost</t>
  </si>
  <si>
    <t>2021BU03636403</t>
  </si>
  <si>
    <t>buurten.c6f03f33-ae80-426a-92eb-a8bc905ed5dd</t>
  </si>
  <si>
    <t>BU03636404</t>
  </si>
  <si>
    <t>Nieuwendammerdijk Zuid</t>
  </si>
  <si>
    <t>2021BU03636404</t>
  </si>
  <si>
    <t>buurten.510d0940-7c0f-46a9-b289-364397fdc425</t>
  </si>
  <si>
    <t>BU03636500</t>
  </si>
  <si>
    <t>Tuindorp Oostzaan West</t>
  </si>
  <si>
    <t>WK036365</t>
  </si>
  <si>
    <t>2021BU03636500</t>
  </si>
  <si>
    <t>buurten.f51cee2c-93f2-480c-9d1c-eaf969480d66</t>
  </si>
  <si>
    <t>BU03636501</t>
  </si>
  <si>
    <t>Tuindorp Oostzaan Oost</t>
  </si>
  <si>
    <t>2021BU03636501</t>
  </si>
  <si>
    <t>buurten.88a05f27-474c-4c2f-aff8-63483f8e8046</t>
  </si>
  <si>
    <t>BU03636502</t>
  </si>
  <si>
    <t>Terrasdorp</t>
  </si>
  <si>
    <t>2021BU03636502</t>
  </si>
  <si>
    <t>buurten.7ba143b4-3ad8-42bf-9ff4-7ce75eb85843</t>
  </si>
  <si>
    <t>BU03636503</t>
  </si>
  <si>
    <t>De Bongerd</t>
  </si>
  <si>
    <t>2021BU03636503</t>
  </si>
  <si>
    <t>buurten.986dd1f0-b5bc-4715-808c-3ceee37f1bbd</t>
  </si>
  <si>
    <t>BU03636601</t>
  </si>
  <si>
    <t>Oostzanerdijk</t>
  </si>
  <si>
    <t>WK036366</t>
  </si>
  <si>
    <t>2021BU03636601</t>
  </si>
  <si>
    <t>buurten.a22ad4b7-9ee9-47d8-948a-fb7c94735606</t>
  </si>
  <si>
    <t>BU03636602</t>
  </si>
  <si>
    <t>Walvisbuurt</t>
  </si>
  <si>
    <t>2021BU03636602</t>
  </si>
  <si>
    <t>buurten.db55631f-c128-4a1a-9f12-d1679f6f302d</t>
  </si>
  <si>
    <t>GM0431</t>
  </si>
  <si>
    <t>Oostzaan</t>
  </si>
  <si>
    <t>DC043101</t>
  </si>
  <si>
    <t>Wonen in Oostzaan zonder aardgas</t>
  </si>
  <si>
    <t>Adaptief en gebiedsoversteigende uitvoering van de TVW. Elke type woning vraagt om eigen aanpak, oudere woningen om maatwerk. Transitie moet betaalbaar zijn, meedenken bewoners, woningcorporaties zorgen voor momentum.</t>
  </si>
  <si>
    <t>Deze Transitievisie Warmte geeft focusen richting maar is geen eindpunt en dient op basis vanontwikkelingen herijkt te worden. De Transitievisie Warmtezal in principe eens in de 5 jaar geactualiseerd worden.Op deze manier worden telkens nieuwe wijken aan</t>
  </si>
  <si>
    <t>In 2050 aardgas vrij zijn. In 2022 is helder welke oplossing(en) voor de bebouwde kom van Oostzaan de voorkeur heeft. In 2024 zijn er 300 corporatiewoningen transitiegereed, 100 particuliere woningen basisniveau isolatie, handvol woningen all-electric (k</t>
  </si>
  <si>
    <t>https://www.oostzaan.nl/mozard/document/docnr/1599427/bijlage%201%20-%20Transitievisie%20Warmte%20Oostzaan%20-%20Wonen%20in%20Oostzaan%20zonder%20aardgas.pdf</t>
  </si>
  <si>
    <t>PL0431010004</t>
  </si>
  <si>
    <t>Aanwezigheid draagvlak in de buurt, woonlasten en kostenneutraal, benutten van koppelkansen, beschikbare bronnen om aardgasvrij te kunnen verwarmen, gelijksoortige gebouwen zodat er een alternatief onstaat dit voorkomt een dubbele infrastructuur in het g</t>
  </si>
  <si>
    <t>Bedrijventerreinen isoleren, thermische energie uit oppervlaktewater verkennen</t>
  </si>
  <si>
    <t>BU03636603</t>
  </si>
  <si>
    <t>Twiske West</t>
  </si>
  <si>
    <t>2021BU03636603</t>
  </si>
  <si>
    <t>buurten.f3149dc0-d8f9-4f66-8a12-fb7f0063c539</t>
  </si>
  <si>
    <t>Isoleren woningen</t>
  </si>
  <si>
    <t>BU03636604</t>
  </si>
  <si>
    <t>Noorder IJplas</t>
  </si>
  <si>
    <t>2021BU03636604</t>
  </si>
  <si>
    <t>buurten.2c30b318-45a5-4961-af36-d9e2cdbfb9a7</t>
  </si>
  <si>
    <t>BU03636605</t>
  </si>
  <si>
    <t>2021BU03636605</t>
  </si>
  <si>
    <t>buurten.3b5f3b17-30f6-4d1f-b14f-0d626e8342c0</t>
  </si>
  <si>
    <t>BU03636606</t>
  </si>
  <si>
    <t>Circus/Kermisbuurt</t>
  </si>
  <si>
    <t>2021BU03636606</t>
  </si>
  <si>
    <t>buurten.4da28bec-e57a-4754-b392-befbb7c930e5</t>
  </si>
  <si>
    <t>BU03636700</t>
  </si>
  <si>
    <t>Kadoelen</t>
  </si>
  <si>
    <t>WK036367</t>
  </si>
  <si>
    <t>2021BU03636700</t>
  </si>
  <si>
    <t>buurten.0b840f9f-b6a2-423c-9294-ffa5d683164e</t>
  </si>
  <si>
    <t>GM0415</t>
  </si>
  <si>
    <t>Landsmeer</t>
  </si>
  <si>
    <t>aardgasvrij in 2050; energiepositief in 2050</t>
  </si>
  <si>
    <t>DC041501</t>
  </si>
  <si>
    <t>Wonen in Landsmeer zonder aardgas; Transitievisie Warmte Landsmeer</t>
  </si>
  <si>
    <t>2020-06-26</t>
  </si>
  <si>
    <t>Laagste maatschappelijke kosten en laagste kosten voor huiseigenaren en huurders. Draagvlak onder de bewoners. Ook een passend aanbod aan duurzame bronnen en geschiktheid van de bodem voor de beoogde oplossing zijn voorwaarden.</t>
  </si>
  <si>
    <t>Goede stakeholdersamenwerking, gebaseerd op vertrouwen en open communicatie.</t>
  </si>
  <si>
    <t>Het doel van de Transitievisie Warmte is om samen met de projectgroep te komen tot een centraal kader en gezamenlijk beeld voor de aanpak van deze grote opgave in Landsmeer, met als eindresultaat een analyse en selectie van de meest kansrijke startgebied</t>
  </si>
  <si>
    <t>https://landsmeer.bestuurlijkeinformatie.nl/Agenda/Document/ec93b4d0-367b-43c3-9936-42e2bc2f2e13?documentId=621e2e6d-cd41-4577-a262-ac442bf713ad#</t>
  </si>
  <si>
    <t>PL0415010004</t>
  </si>
  <si>
    <t>Ook de oplossingen voor deze wijken zullen steeds duidelijker worden, aan de hand van de infrastructuur die zich met de jaren steeds verder ontwikkeld in de wijken waar de warmtetransitie al is gestart.</t>
  </si>
  <si>
    <t>Er is nog geen plan voor de overige bebouwing in Landsmeer. Er lijken geen kansen te liggen voor warmtenetten. Lintbebouwing zou in aanmerking kunnen komen voor een individuele all-electric oplossing.</t>
  </si>
  <si>
    <t>BU03636701</t>
  </si>
  <si>
    <t>Twiske Oost</t>
  </si>
  <si>
    <t>2021BU03636701</t>
  </si>
  <si>
    <t>buurten.df49c630-1130-43a5-a22e-29c116db1a21</t>
  </si>
  <si>
    <t>nog niet gestart</t>
  </si>
  <si>
    <t>BU03636800</t>
  </si>
  <si>
    <t>Baanakkerspark Noord</t>
  </si>
  <si>
    <t>WK036368</t>
  </si>
  <si>
    <t>2021BU03636800</t>
  </si>
  <si>
    <t>buurten.99af1178-f768-45c6-961b-2cfb4683aad8</t>
  </si>
  <si>
    <t>BU03636801</t>
  </si>
  <si>
    <t>Baanakkerspark Zuid</t>
  </si>
  <si>
    <t>2021BU03636801</t>
  </si>
  <si>
    <t>buurten.b58f2098-8820-4c5e-bc0b-80942bc5b571</t>
  </si>
  <si>
    <t>BU03636802</t>
  </si>
  <si>
    <t>Werengouw Midden</t>
  </si>
  <si>
    <t>2021BU03636802</t>
  </si>
  <si>
    <t>buurten.59c1ac3f-5d4b-4568-909c-f8b54a69bd91</t>
  </si>
  <si>
    <t>BU03636803</t>
  </si>
  <si>
    <t>Markengouw Midden</t>
  </si>
  <si>
    <t>2021BU03636803</t>
  </si>
  <si>
    <t>buurten.53563142-d5fd-481d-bac0-d6bab7e45986</t>
  </si>
  <si>
    <t>BU03636804</t>
  </si>
  <si>
    <t>Markengouw Zuid</t>
  </si>
  <si>
    <t>2021BU03636804</t>
  </si>
  <si>
    <t>buurten.fb915dff-a2b1-4f86-9703-d66ce6d75770</t>
  </si>
  <si>
    <t>BU03636805</t>
  </si>
  <si>
    <t>Werengouw Zuid</t>
  </si>
  <si>
    <t>2021BU03636805</t>
  </si>
  <si>
    <t>buurten.898b1e72-f1b9-4ff1-a291-b40ec452aa9f</t>
  </si>
  <si>
    <t>BU03636900</t>
  </si>
  <si>
    <t>Rode Kruisbuurt</t>
  </si>
  <si>
    <t>WK036369</t>
  </si>
  <si>
    <t>2021BU03636900</t>
  </si>
  <si>
    <t>buurten.4ffa879b-6b5a-4320-9de9-7799ce024804</t>
  </si>
  <si>
    <t>BU03636902</t>
  </si>
  <si>
    <t>Loenermark</t>
  </si>
  <si>
    <t>2021BU03636902</t>
  </si>
  <si>
    <t>buurten.31a981a4-2ade-401c-9015-9c5cf82a1c2c</t>
  </si>
  <si>
    <t>BU03636909</t>
  </si>
  <si>
    <t>Buikslotermeerplein</t>
  </si>
  <si>
    <t>2021BU03636909</t>
  </si>
  <si>
    <t>buurten.99a760bf-0cb9-4b79-af8a-77c3b4150046</t>
  </si>
  <si>
    <t>BU03636910</t>
  </si>
  <si>
    <t>Plan van Gool</t>
  </si>
  <si>
    <t>2021BU03636910</t>
  </si>
  <si>
    <t>buurten.6aa9b2a1-7528-438d-9160-4ab2f0a4ff21</t>
  </si>
  <si>
    <t>BU03636911</t>
  </si>
  <si>
    <t>De Kleine Wereld</t>
  </si>
  <si>
    <t>2021BU03636911</t>
  </si>
  <si>
    <t>buurten.ce3d5768-92a3-40a4-9603-0bb2eab5495b</t>
  </si>
  <si>
    <t>BU03636912</t>
  </si>
  <si>
    <t>Buikslotermeer Noord</t>
  </si>
  <si>
    <t>2021BU03636912</t>
  </si>
  <si>
    <t>buurten.164cba7f-fb70-4407-a722-20edd384a808</t>
  </si>
  <si>
    <t>BU03637000</t>
  </si>
  <si>
    <t>Banne Zuidwest</t>
  </si>
  <si>
    <t>WK036370</t>
  </si>
  <si>
    <t>2021BU03637000</t>
  </si>
  <si>
    <t>buurten.c597e7d9-982a-4696-907a-abdd9d018c9e</t>
  </si>
  <si>
    <t>BU03637001</t>
  </si>
  <si>
    <t>Banne Zuidoost</t>
  </si>
  <si>
    <t>2021BU03637001</t>
  </si>
  <si>
    <t>buurten.2567973b-229a-4788-a348-3ca6d2a28b37</t>
  </si>
  <si>
    <t>BU03637002</t>
  </si>
  <si>
    <t>Banne Noordwest</t>
  </si>
  <si>
    <t>2021BU03637002</t>
  </si>
  <si>
    <t>buurten.d88ebcfb-fb9b-4732-a2e0-c920d61c8935</t>
  </si>
  <si>
    <t>BU03637003</t>
  </si>
  <si>
    <t>Banne Noordoost</t>
  </si>
  <si>
    <t>2021BU03637003</t>
  </si>
  <si>
    <t>buurten.82245602-af64-4568-b45a-d93f86a01cb4</t>
  </si>
  <si>
    <t>BU03637004</t>
  </si>
  <si>
    <t>Buiksloterbreek</t>
  </si>
  <si>
    <t>2021BU03637004</t>
  </si>
  <si>
    <t>buurten.1f16faf5-05e8-4b2f-8e2f-621416d47830</t>
  </si>
  <si>
    <t>BU03637005</t>
  </si>
  <si>
    <t>Marjoleinterrein</t>
  </si>
  <si>
    <t>2021BU03637005</t>
  </si>
  <si>
    <t>buurten.438c339b-d0a9-486a-94ae-27ed1885a34b</t>
  </si>
  <si>
    <t>BU03637102</t>
  </si>
  <si>
    <t>Papaverweg e.o.</t>
  </si>
  <si>
    <t>WK036371</t>
  </si>
  <si>
    <t>2021BU03637102</t>
  </si>
  <si>
    <t>buurten.f471bf2d-c69a-4a25-8a41-c74301847126</t>
  </si>
  <si>
    <t>BU03637104</t>
  </si>
  <si>
    <t>Cornelis Douwesterrein</t>
  </si>
  <si>
    <t>2021BU03637104</t>
  </si>
  <si>
    <t>buurten.b39fb50c-59ea-433b-ad39-aa986f188420</t>
  </si>
  <si>
    <t>BU03637105</t>
  </si>
  <si>
    <t>NDSM terrein</t>
  </si>
  <si>
    <t>2021BU03637105</t>
  </si>
  <si>
    <t>buurten.f3fe5cc8-76d4-44e9-b6c5-3687bd69a667</t>
  </si>
  <si>
    <t>BU03637106</t>
  </si>
  <si>
    <t>Buiksloterham</t>
  </si>
  <si>
    <t>2021BU03637106</t>
  </si>
  <si>
    <t>buurten.ef1dbebd-5a26-45ca-8785-c4f56dfabf3e</t>
  </si>
  <si>
    <t>BU03637107</t>
  </si>
  <si>
    <t>Overhoeks</t>
  </si>
  <si>
    <t>2021BU03637107</t>
  </si>
  <si>
    <t>buurten.182746a7-09c8-4831-be58-ffe92f0ff73b</t>
  </si>
  <si>
    <t>BU03637200</t>
  </si>
  <si>
    <t>Bedrijventerrein Hamerstraat</t>
  </si>
  <si>
    <t>WK036372</t>
  </si>
  <si>
    <t>2021BU03637200</t>
  </si>
  <si>
    <t>buurten.62da0d75-73d9-4ab8-b31f-c90b981b5409</t>
  </si>
  <si>
    <t>BU03637201</t>
  </si>
  <si>
    <t>Zamenhofstraat e.o.</t>
  </si>
  <si>
    <t>2021BU03637201</t>
  </si>
  <si>
    <t>buurten.4f83fa3f-203f-4b3a-a9a8-95cd6befeaa1</t>
  </si>
  <si>
    <t>BU03637202</t>
  </si>
  <si>
    <t>Bedrijventerrein Nieuwendammerdijk</t>
  </si>
  <si>
    <t>2021BU03637202</t>
  </si>
  <si>
    <t>buurten.53a6c720-6f20-4ec7-980f-5861f2f7fa93</t>
  </si>
  <si>
    <t>BU03637300</t>
  </si>
  <si>
    <t>Schellingwoude West</t>
  </si>
  <si>
    <t>WK036373</t>
  </si>
  <si>
    <t>2021BU03637300</t>
  </si>
  <si>
    <t>buurten.05936aeb-126e-49ff-8032-f19adc7f4534</t>
  </si>
  <si>
    <t>BU03637301</t>
  </si>
  <si>
    <t>Schellingwoude Oost</t>
  </si>
  <si>
    <t>2021BU03637301</t>
  </si>
  <si>
    <t>buurten.08c08aea-a387-441f-b013-26c146d8bfaa</t>
  </si>
  <si>
    <t>BU03637302</t>
  </si>
  <si>
    <t>Schellingwoude Noord</t>
  </si>
  <si>
    <t>2021BU03637302</t>
  </si>
  <si>
    <t>buurten.51f16349-ecf9-49d3-b469-78ba4884c1a7</t>
  </si>
  <si>
    <t>BU03637303</t>
  </si>
  <si>
    <t>Durgerdam</t>
  </si>
  <si>
    <t>2021BU03637303</t>
  </si>
  <si>
    <t>buurten.491f348f-b17d-47a1-9d42-ee85dc73bbd1</t>
  </si>
  <si>
    <t>BU03637304</t>
  </si>
  <si>
    <t>Zwarte Gouw</t>
  </si>
  <si>
    <t>2021BU03637304</t>
  </si>
  <si>
    <t>buurten.26847d32-4cf8-454a-9389-3d1c7fbb6239</t>
  </si>
  <si>
    <t>BU03637305</t>
  </si>
  <si>
    <t>Ransdorp</t>
  </si>
  <si>
    <t>2021BU03637305</t>
  </si>
  <si>
    <t>buurten.2ee33ef5-76c3-4560-aec4-0cbca3993629</t>
  </si>
  <si>
    <t>BU03637306</t>
  </si>
  <si>
    <t>Holysloot</t>
  </si>
  <si>
    <t>2021BU03637306</t>
  </si>
  <si>
    <t>buurten.9f4b76e4-56cb-4b3f-9f87-eb2f90f0f454</t>
  </si>
  <si>
    <t>BU03637307</t>
  </si>
  <si>
    <t>Zunderdorp</t>
  </si>
  <si>
    <t>2021BU03637307</t>
  </si>
  <si>
    <t>buurten.490840c5-d54f-45c1-965e-e432016fd3e9</t>
  </si>
  <si>
    <t>BU03637308</t>
  </si>
  <si>
    <t>Noorderstrook West</t>
  </si>
  <si>
    <t>2021BU03637308</t>
  </si>
  <si>
    <t>buurten.f82fce7d-f227-45d4-bb67-1c1d105260e1</t>
  </si>
  <si>
    <t>BU03637309</t>
  </si>
  <si>
    <t>Noorderstrook Oost</t>
  </si>
  <si>
    <t>2021BU03637309</t>
  </si>
  <si>
    <t>buurten.a396532a-002c-4b5c-b21f-96a0c148c0c5</t>
  </si>
  <si>
    <t>BU03637400</t>
  </si>
  <si>
    <t>Nintemanterrein</t>
  </si>
  <si>
    <t>WK036374</t>
  </si>
  <si>
    <t>2021BU03637400</t>
  </si>
  <si>
    <t>buurten.4eaa40ad-093f-455e-80b0-59200b98f16e</t>
  </si>
  <si>
    <t>BU03637401</t>
  </si>
  <si>
    <t>Elzenhagen Zuid</t>
  </si>
  <si>
    <t>2021BU03637401</t>
  </si>
  <si>
    <t>buurten.14738cff-9d8a-4b83-b829-52f9d7a14d05</t>
  </si>
  <si>
    <t>BU03637402</t>
  </si>
  <si>
    <t>Elzenhagen Noord</t>
  </si>
  <si>
    <t>2021BU03637402</t>
  </si>
  <si>
    <t>buurten.8e3e0768-1f73-44fa-ae39-2e53b627bbd3</t>
  </si>
  <si>
    <t>BU03637500</t>
  </si>
  <si>
    <t>Kortenaerkwartier</t>
  </si>
  <si>
    <t>WK036375</t>
  </si>
  <si>
    <t>2021BU03637500</t>
  </si>
  <si>
    <t>buurten.4b89582f-4453-4e6b-adc3-160a7eab57c4</t>
  </si>
  <si>
    <t>BU03637501</t>
  </si>
  <si>
    <t>Filips van Almondekwartier</t>
  </si>
  <si>
    <t>2021BU03637501</t>
  </si>
  <si>
    <t>buurten.979a3c4f-2309-45f1-8e1a-cb57f5d8e547</t>
  </si>
  <si>
    <t>BU03637502</t>
  </si>
  <si>
    <t>De Wester Quartier</t>
  </si>
  <si>
    <t>2021BU03637502</t>
  </si>
  <si>
    <t>buurten.e8ea28a3-6fb2-4bcd-b31e-4f9dbcff89ad</t>
  </si>
  <si>
    <t>BU03637503</t>
  </si>
  <si>
    <t>Van Brakelkwartier</t>
  </si>
  <si>
    <t>2021BU03637503</t>
  </si>
  <si>
    <t>buurten.172377f8-8414-4042-814a-76b7dc8c8d39</t>
  </si>
  <si>
    <t>BU03637600</t>
  </si>
  <si>
    <t>Buurt 3</t>
  </si>
  <si>
    <t>WK036376</t>
  </si>
  <si>
    <t>2021BU03637600</t>
  </si>
  <si>
    <t>buurten.03b5d017-dd1f-431a-9be6-d137d4d36e47</t>
  </si>
  <si>
    <t>BU03637601</t>
  </si>
  <si>
    <t>Buurt 2</t>
  </si>
  <si>
    <t>2021BU03637601</t>
  </si>
  <si>
    <t>buurten.b4d3537b-6f7d-4fee-ae3c-23e453cc93db</t>
  </si>
  <si>
    <t>BU03637700</t>
  </si>
  <si>
    <t>Slotermeer Zuid</t>
  </si>
  <si>
    <t>WK036377</t>
  </si>
  <si>
    <t>2021BU03637700</t>
  </si>
  <si>
    <t>buurten.3a135adc-0141-4422-9e4a-0a2f8bfd76b3</t>
  </si>
  <si>
    <t>BU03637701</t>
  </si>
  <si>
    <t>Noordoever Sloterplas</t>
  </si>
  <si>
    <t>2021BU03637701</t>
  </si>
  <si>
    <t>buurten.d27914a2-f2bc-4e45-9004-7816073403a8</t>
  </si>
  <si>
    <t>BU03637702</t>
  </si>
  <si>
    <t>Buurt 4 Oost</t>
  </si>
  <si>
    <t>2021BU03637702</t>
  </si>
  <si>
    <t>buurten.1fdc326c-3cc9-4804-8a60-afb31b6ea9f0</t>
  </si>
  <si>
    <t>BU03637703</t>
  </si>
  <si>
    <t>Buurt 5 Noord</t>
  </si>
  <si>
    <t>2021BU03637703</t>
  </si>
  <si>
    <t>buurten.b487485e-5b8d-49d8-8941-a95cba0bddf0</t>
  </si>
  <si>
    <t>BU03637704</t>
  </si>
  <si>
    <t>Sloterpark</t>
  </si>
  <si>
    <t>2021BU03637704</t>
  </si>
  <si>
    <t>buurten.c0850be9-07f3-4c39-b766-6941c15a7c62</t>
  </si>
  <si>
    <t>BU03637705</t>
  </si>
  <si>
    <t>Buurt 5 Zuid</t>
  </si>
  <si>
    <t>2021BU03637705</t>
  </si>
  <si>
    <t>buurten.5bd90c05-9c7f-4efb-9944-21779a8a6442</t>
  </si>
  <si>
    <t>BU03637800</t>
  </si>
  <si>
    <t>Buurt 6</t>
  </si>
  <si>
    <t>WK036378</t>
  </si>
  <si>
    <t>2021BU03637800</t>
  </si>
  <si>
    <t>buurten.e47d929e-4375-4d94-9f60-7191139819e1</t>
  </si>
  <si>
    <t>BU03637801</t>
  </si>
  <si>
    <t>Buurt 7</t>
  </si>
  <si>
    <t>2021BU03637801</t>
  </si>
  <si>
    <t>buurten.257fcb87-5e74-4434-b81d-0e00d2cbd0bc</t>
  </si>
  <si>
    <t>BU03637802</t>
  </si>
  <si>
    <t>Buurt 8</t>
  </si>
  <si>
    <t>2021BU03637802</t>
  </si>
  <si>
    <t>buurten.1372361c-d0fe-49fc-8be5-a27e08aa5dc2</t>
  </si>
  <si>
    <t>BU03637803</t>
  </si>
  <si>
    <t>Buurt 9</t>
  </si>
  <si>
    <t>2021BU03637803</t>
  </si>
  <si>
    <t>buurten.5a6e1793-b10b-4544-863a-eddd4f534c3e</t>
  </si>
  <si>
    <t>BU03637804</t>
  </si>
  <si>
    <t>Eendrachtspark</t>
  </si>
  <si>
    <t>2021BU03637804</t>
  </si>
  <si>
    <t>buurten.3a36204e-a38c-43e2-8332-9b1ef1cecf68</t>
  </si>
  <si>
    <t>BU03637900</t>
  </si>
  <si>
    <t>Osdorper Binnenpolder</t>
  </si>
  <si>
    <t>WK036379</t>
  </si>
  <si>
    <t>2021BU03637900</t>
  </si>
  <si>
    <t>buurten.01a9a1e0-2cad-4ea1-aaf8-d7903dd404c6</t>
  </si>
  <si>
    <t>BU03637901</t>
  </si>
  <si>
    <t>Buurt 10</t>
  </si>
  <si>
    <t>2021BU03637901</t>
  </si>
  <si>
    <t>buurten.efaa0ecf-7546-472d-b5c4-f73ae91dbd44</t>
  </si>
  <si>
    <t>BU03638000</t>
  </si>
  <si>
    <t>Ookmeer</t>
  </si>
  <si>
    <t>WK036380</t>
  </si>
  <si>
    <t>2021BU03638000</t>
  </si>
  <si>
    <t>buurten.e87fcd73-f95f-4d28-b1ca-a5ff873179d1</t>
  </si>
  <si>
    <t>BU03638001</t>
  </si>
  <si>
    <t>Osdorper Bovenpolder</t>
  </si>
  <si>
    <t>2021BU03638001</t>
  </si>
  <si>
    <t>buurten.7b54b6bb-a740-4181-aa4c-b2b1990780ce</t>
  </si>
  <si>
    <t>warmtenet HT of individueel 2050, gemeente Haarlemmermeer</t>
  </si>
  <si>
    <t>voldoende bedrijven die meedoen</t>
  </si>
  <si>
    <t>BU03638002</t>
  </si>
  <si>
    <t>Bedrijvenpark Lutkemeer</t>
  </si>
  <si>
    <t>2021BU03638002</t>
  </si>
  <si>
    <t>buurten.3a513600-f00e-4ff4-8b99-fcfd14b2a3b9</t>
  </si>
  <si>
    <t>PL0394010012</t>
  </si>
  <si>
    <t>BU03638100</t>
  </si>
  <si>
    <t>Wildeman</t>
  </si>
  <si>
    <t>WK036381</t>
  </si>
  <si>
    <t>2021BU03638100</t>
  </si>
  <si>
    <t>buurten.f75505a6-4adc-4cfc-9632-609a4b90eca1</t>
  </si>
  <si>
    <t>BU03638101</t>
  </si>
  <si>
    <t>Meer en Oever</t>
  </si>
  <si>
    <t>2021BU03638101</t>
  </si>
  <si>
    <t>buurten.0e967ca4-a2e3-4196-817d-a2575d28a14c</t>
  </si>
  <si>
    <t>BU03638102</t>
  </si>
  <si>
    <t>Osdorpplein e.o.</t>
  </si>
  <si>
    <t>2021BU03638102</t>
  </si>
  <si>
    <t>buurten.a1a18a5c-9ee6-4048-84ce-e76fd82bc8c4</t>
  </si>
  <si>
    <t>BU03638103</t>
  </si>
  <si>
    <t>Calandlaan/Lelylaan</t>
  </si>
  <si>
    <t>2021BU03638103</t>
  </si>
  <si>
    <t>buurten.09727e42-8f84-4037-a8a5-374eafbccd78</t>
  </si>
  <si>
    <t>BU03638104</t>
  </si>
  <si>
    <t>Osdorp Zuidoost</t>
  </si>
  <si>
    <t>2021BU03638104</t>
  </si>
  <si>
    <t>buurten.b360560b-71ce-430c-8f0f-c08e94eaeebc</t>
  </si>
  <si>
    <t>BU03638200</t>
  </si>
  <si>
    <t>Osdorp Midden Noord</t>
  </si>
  <si>
    <t>WK036382</t>
  </si>
  <si>
    <t>2021BU03638200</t>
  </si>
  <si>
    <t>buurten.e2b9ec6b-afd0-4cd0-bba5-00dc6a9d403b</t>
  </si>
  <si>
    <t>BU03638201</t>
  </si>
  <si>
    <t>Osdorp Midden Zuid</t>
  </si>
  <si>
    <t>2021BU03638201</t>
  </si>
  <si>
    <t>buurten.96b00686-e202-43ad-9cd3-d85995c7fbef</t>
  </si>
  <si>
    <t>BU03638202</t>
  </si>
  <si>
    <t>Zuidwestkwadrant Osdorp Noord</t>
  </si>
  <si>
    <t>2021BU03638202</t>
  </si>
  <si>
    <t>buurten.d91d4f7f-17ac-45d7-9d56-f6cc9500423b</t>
  </si>
  <si>
    <t>BU03638203</t>
  </si>
  <si>
    <t>Zuidwestkwadrant Osdorp Zuid</t>
  </si>
  <si>
    <t>2021BU03638203</t>
  </si>
  <si>
    <t>buurten.445121b5-6697-46d8-9053-a5c238c16624</t>
  </si>
  <si>
    <t>BU03638300</t>
  </si>
  <si>
    <t>De Punt</t>
  </si>
  <si>
    <t>WK036383</t>
  </si>
  <si>
    <t>2021BU03638300</t>
  </si>
  <si>
    <t>buurten.1749efd1-fac7-4ecd-a4bc-18ff19771121</t>
  </si>
  <si>
    <t>BU03638301</t>
  </si>
  <si>
    <t>Bedrijvencentrum Osdorp</t>
  </si>
  <si>
    <t>2021BU03638301</t>
  </si>
  <si>
    <t>buurten.b6040bd5-5b4f-466e-a5be-648898ad4a5f</t>
  </si>
  <si>
    <t>BU03638400</t>
  </si>
  <si>
    <t>Middelveldsche Akerpolder</t>
  </si>
  <si>
    <t>WK036384</t>
  </si>
  <si>
    <t>2021BU03638400</t>
  </si>
  <si>
    <t>buurten.cc9d035e-5600-48c1-ba41-a3087e557e1b</t>
  </si>
  <si>
    <t>PL0363010001</t>
  </si>
  <si>
    <t>BU03638401</t>
  </si>
  <si>
    <t>De Aker West</t>
  </si>
  <si>
    <t>2021BU03638401</t>
  </si>
  <si>
    <t>buurten.284d63bd-670b-4ee0-8210-8974f626fd4e</t>
  </si>
  <si>
    <t>BU03638402</t>
  </si>
  <si>
    <t>De Aker Oost</t>
  </si>
  <si>
    <t>2021BU03638402</t>
  </si>
  <si>
    <t>buurten.d26c9301-1ea1-4341-8ab7-ef7d1a783b4f</t>
  </si>
  <si>
    <t>BU03638500</t>
  </si>
  <si>
    <t>Oostoever Sloterplas</t>
  </si>
  <si>
    <t>WK036385</t>
  </si>
  <si>
    <t>2021BU03638500</t>
  </si>
  <si>
    <t>buurten.4b00a0bd-650a-42c9-a96c-53d3149685ca</t>
  </si>
  <si>
    <t>BU03638501</t>
  </si>
  <si>
    <t>Emanuel van Meterenbuurt</t>
  </si>
  <si>
    <t>2021BU03638501</t>
  </si>
  <si>
    <t>buurten.24072f7c-42ca-4825-9123-db3f4f02430a</t>
  </si>
  <si>
    <t>BU03638502</t>
  </si>
  <si>
    <t>Jacob Geelbuurt</t>
  </si>
  <si>
    <t>2021BU03638502</t>
  </si>
  <si>
    <t>buurten.2b69a231-58bd-4ebd-859d-5467810a7b50</t>
  </si>
  <si>
    <t>BU03638600</t>
  </si>
  <si>
    <t>Overtoomse Veld Noord</t>
  </si>
  <si>
    <t>WK036386</t>
  </si>
  <si>
    <t>2021BU03638600</t>
  </si>
  <si>
    <t>buurten.223fe6da-b1ea-45d4-b3ac-8e773702b167</t>
  </si>
  <si>
    <t>BU03638601</t>
  </si>
  <si>
    <t>Overtoomse Veld Zuid</t>
  </si>
  <si>
    <t>2021BU03638601</t>
  </si>
  <si>
    <t>buurten.c4e97dc6-40b8-4bf5-9e73-3590f2142fa0</t>
  </si>
  <si>
    <t>BU03638602</t>
  </si>
  <si>
    <t>Rembrandtpark Noord</t>
  </si>
  <si>
    <t>2021BU03638602</t>
  </si>
  <si>
    <t>buurten.bfb43b13-f366-4e93-a432-276196135eaa</t>
  </si>
  <si>
    <t>BU03638603</t>
  </si>
  <si>
    <t>Rembrandtpark Zuid</t>
  </si>
  <si>
    <t>2021BU03638603</t>
  </si>
  <si>
    <t>buurten.e1c6e6c2-a639-44ff-95d0-484fdbcd800f</t>
  </si>
  <si>
    <t>BU03638604</t>
  </si>
  <si>
    <t>Johan Jongkindbuurt</t>
  </si>
  <si>
    <t>2021BU03638604</t>
  </si>
  <si>
    <t>buurten.516718bf-4eae-45a5-b6c9-6bd4d76476cc</t>
  </si>
  <si>
    <t>BU03638605</t>
  </si>
  <si>
    <t>Lucas/Andreasziekenhuis e.o.</t>
  </si>
  <si>
    <t>2021BU03638605</t>
  </si>
  <si>
    <t>buurten.7048fde4-5e4f-47c5-8d16-a82ce5e83b58</t>
  </si>
  <si>
    <t>BU03638700</t>
  </si>
  <si>
    <t>Koningin Wilhelminaplein</t>
  </si>
  <si>
    <t>WK036387</t>
  </si>
  <si>
    <t>2021BU03638700</t>
  </si>
  <si>
    <t>buurten.488eefa9-8709-491a-8001-ebe4a1362228</t>
  </si>
  <si>
    <t>BU03638701</t>
  </si>
  <si>
    <t>Andreasterrein</t>
  </si>
  <si>
    <t>2021BU03638701</t>
  </si>
  <si>
    <t>buurten.40c8c86e-f66e-4f11-8ecb-e29bc14d6764</t>
  </si>
  <si>
    <t>BU03638702</t>
  </si>
  <si>
    <t>Delflandpleinbuurt Oost</t>
  </si>
  <si>
    <t>2021BU03638702</t>
  </si>
  <si>
    <t>buurten.b1b06e41-d74e-49c1-a233-ba9d61c6889d</t>
  </si>
  <si>
    <t>BU03638703</t>
  </si>
  <si>
    <t>Delflandpleinbuurt West</t>
  </si>
  <si>
    <t>2021BU03638703</t>
  </si>
  <si>
    <t>buurten.989cec49-ae48-463e-810a-e0157d04beec</t>
  </si>
  <si>
    <t>BU03638704</t>
  </si>
  <si>
    <t>Riekerhaven</t>
  </si>
  <si>
    <t>2021BU03638704</t>
  </si>
  <si>
    <t>buurten.4e212661-8a20-4561-bf90-e36f0e99623c</t>
  </si>
  <si>
    <t>BU03638705</t>
  </si>
  <si>
    <t>Schipluidenbuurt</t>
  </si>
  <si>
    <t>2021BU03638705</t>
  </si>
  <si>
    <t>buurten.f7e85023-0870-4080-963e-149fc03882c9</t>
  </si>
  <si>
    <t>BU03638800</t>
  </si>
  <si>
    <t>Riekerpolder</t>
  </si>
  <si>
    <t>WK036388</t>
  </si>
  <si>
    <t>2021BU03638800</t>
  </si>
  <si>
    <t>buurten.4701d73e-8f2f-4a5c-92cd-2ccb1da9569c</t>
  </si>
  <si>
    <t>BU03638801</t>
  </si>
  <si>
    <t>Park Haagseweg</t>
  </si>
  <si>
    <t>2021BU03638801</t>
  </si>
  <si>
    <t>buurten.e83228da-0cb9-4371-af27-0433153801f7</t>
  </si>
  <si>
    <t>BU03638802</t>
  </si>
  <si>
    <t>Nieuwe Meer</t>
  </si>
  <si>
    <t>2021BU03638802</t>
  </si>
  <si>
    <t>buurten.3b281e33-8fd8-4b01-8c81-606f0d2d6372</t>
  </si>
  <si>
    <t>BU03638803</t>
  </si>
  <si>
    <t>Sloterweg e.o.</t>
  </si>
  <si>
    <t>2021BU03638803</t>
  </si>
  <si>
    <t>buurten.5088b537-caea-437d-bd54-c73a1fa03bf4</t>
  </si>
  <si>
    <t>BU03638804</t>
  </si>
  <si>
    <t>Nieuw Sloten Noordwest</t>
  </si>
  <si>
    <t>2021BU03638804</t>
  </si>
  <si>
    <t>buurten.b17511c0-879e-4aaa-9394-55217f4e82a9</t>
  </si>
  <si>
    <t>BU03638805</t>
  </si>
  <si>
    <t>Nieuw Sloten Noordoost</t>
  </si>
  <si>
    <t>2021BU03638805</t>
  </si>
  <si>
    <t>buurten.7bfd7bfa-652e-4c8f-b975-c2d062c9dda5</t>
  </si>
  <si>
    <t>BU03638806</t>
  </si>
  <si>
    <t>Belgiëplein e.o.</t>
  </si>
  <si>
    <t>2021BU03638806</t>
  </si>
  <si>
    <t>buurten.4e700270-e86d-4784-9379-8f100575fb4d</t>
  </si>
  <si>
    <t>BU03638807</t>
  </si>
  <si>
    <t>Nieuw Sloten Zuidwest</t>
  </si>
  <si>
    <t>2021BU03638807</t>
  </si>
  <si>
    <t>buurten.1f23e7cd-b9f3-4289-a153-b90ad779168b</t>
  </si>
  <si>
    <t>BU03638808</t>
  </si>
  <si>
    <t>Nieuw Sloten Zuidoost</t>
  </si>
  <si>
    <t>2021BU03638808</t>
  </si>
  <si>
    <t>buurten.839f1b64-bd46-4af3-b078-bab111867049</t>
  </si>
  <si>
    <t>BU03638809</t>
  </si>
  <si>
    <t>Dorp Sloten</t>
  </si>
  <si>
    <t>2021BU03638809</t>
  </si>
  <si>
    <t>buurten.bc6f60c4-46ed-4638-862c-9bec103e841b</t>
  </si>
  <si>
    <t>BU03638900</t>
  </si>
  <si>
    <t>Louis Chrispijnbuurt</t>
  </si>
  <si>
    <t>WK036389</t>
  </si>
  <si>
    <t>2021BU03638900</t>
  </si>
  <si>
    <t>buurten.c36d53fe-63a8-4312-8dcf-d95f6ebf3f27</t>
  </si>
  <si>
    <t>BU03638901</t>
  </si>
  <si>
    <t>Jacques Veltmanbuurt</t>
  </si>
  <si>
    <t>2021BU03638901</t>
  </si>
  <si>
    <t>buurten.6fd1843c-1d80-4add-a80a-000fe4c125d2</t>
  </si>
  <si>
    <t>BU03638902</t>
  </si>
  <si>
    <t>Staalmanbuurt</t>
  </si>
  <si>
    <t>2021BU03638902</t>
  </si>
  <si>
    <t>buurten.2d457405-8ba9-4eda-9c05-ca9cb59ab288</t>
  </si>
  <si>
    <t>BU03638903</t>
  </si>
  <si>
    <t>Medisch Centrum Slotervaart</t>
  </si>
  <si>
    <t>2021BU03638903</t>
  </si>
  <si>
    <t>buurten.ba5f9a8d-da64-43ee-b5f0-485d10675184</t>
  </si>
  <si>
    <t>BU03639000</t>
  </si>
  <si>
    <t>Gelderlandpleinbuurt</t>
  </si>
  <si>
    <t>WK036390</t>
  </si>
  <si>
    <t>2021BU03639000</t>
  </si>
  <si>
    <t>buurten.7373bcca-e9bc-4f78-a571-1ea2a70f50d9</t>
  </si>
  <si>
    <t>BU03639002</t>
  </si>
  <si>
    <t>Buitenveldert Midden Zuid</t>
  </si>
  <si>
    <t>2021BU03639002</t>
  </si>
  <si>
    <t>buurten.ff200977-a3e3-46cf-b3b1-a4534642a4a8</t>
  </si>
  <si>
    <t>BU03639003</t>
  </si>
  <si>
    <t>Buitenveldert Zuidwest</t>
  </si>
  <si>
    <t>2021BU03639003</t>
  </si>
  <si>
    <t>buurten.87e623c5-37bb-4c52-86d5-9b45de676a6f</t>
  </si>
  <si>
    <t>BU03639004</t>
  </si>
  <si>
    <t>Amsterdamse Bos</t>
  </si>
  <si>
    <t>2021BU03639004</t>
  </si>
  <si>
    <t>buurten.cbeee185-a275-4507-916a-34586ab8f918</t>
  </si>
  <si>
    <t>BU03639008</t>
  </si>
  <si>
    <t>Buitenveldert West Midden</t>
  </si>
  <si>
    <t>2021BU03639008</t>
  </si>
  <si>
    <t>buurten.2ec5592d-68c9-4ccd-b6c4-363174be2ddc</t>
  </si>
  <si>
    <t>BU03639009</t>
  </si>
  <si>
    <t>Zuiderhof</t>
  </si>
  <si>
    <t>2021BU03639009</t>
  </si>
  <si>
    <t>buurten.06085a8b-7b54-4266-8a2a-abb7ace33b9d</t>
  </si>
  <si>
    <t>BU03639100</t>
  </si>
  <si>
    <t>De Klenckebuurt</t>
  </si>
  <si>
    <t>WK036391</t>
  </si>
  <si>
    <t>2021BU03639100</t>
  </si>
  <si>
    <t>buurten.0a5ea0f1-283a-4d72-901f-963924725b0a</t>
  </si>
  <si>
    <t>BU03639101</t>
  </si>
  <si>
    <t>Buitenveldert Oost Midden</t>
  </si>
  <si>
    <t>2021BU03639101</t>
  </si>
  <si>
    <t>buurten.081b26f6-9a4f-4006-8fb9-34536b475097</t>
  </si>
  <si>
    <t>BU03639102</t>
  </si>
  <si>
    <t>Buitenveldert Zuidoost</t>
  </si>
  <si>
    <t>2021BU03639102</t>
  </si>
  <si>
    <t>buurten.4af6a29e-eeb7-4919-8a96-99c4a13885df</t>
  </si>
  <si>
    <t>BU03639103</t>
  </si>
  <si>
    <t>Amstelpark</t>
  </si>
  <si>
    <t>2021BU03639103</t>
  </si>
  <si>
    <t>buurten.22c09e56-84be-4330-a214-d541bb25ced9</t>
  </si>
  <si>
    <t>BU03639200</t>
  </si>
  <si>
    <t>Hoofdcentrum Zuidoost</t>
  </si>
  <si>
    <t>WK036392</t>
  </si>
  <si>
    <t>2021BU03639200</t>
  </si>
  <si>
    <t>buurten.763163e2-ed35-4b62-aa5f-f8432ee31ac7</t>
  </si>
  <si>
    <t>BU03639201</t>
  </si>
  <si>
    <t>Amstel III deel A/B Noord</t>
  </si>
  <si>
    <t>2021BU03639201</t>
  </si>
  <si>
    <t>buurten.66a548e8-c7b6-4a4e-88eb-6c598029ed15</t>
  </si>
  <si>
    <t>BU03639202</t>
  </si>
  <si>
    <t>Amstel III deel C/D Noord</t>
  </si>
  <si>
    <t>2021BU03639202</t>
  </si>
  <si>
    <t>buurten.741fdb67-b0b5-4714-bcc5-79ede8389c53</t>
  </si>
  <si>
    <t>BU03639203</t>
  </si>
  <si>
    <t>Amstel III deel A/B Zuid</t>
  </si>
  <si>
    <t>2021BU03639203</t>
  </si>
  <si>
    <t>buurten.4829020b-b723-4efd-afe1-0f92f3318483</t>
  </si>
  <si>
    <t>BU03639204</t>
  </si>
  <si>
    <t>Amstel III deel C/D Zuid</t>
  </si>
  <si>
    <t>2021BU03639204</t>
  </si>
  <si>
    <t>buurten.9db80eea-8592-46fa-85c7-180896be0878</t>
  </si>
  <si>
    <t>BU03639205</t>
  </si>
  <si>
    <t>AMC</t>
  </si>
  <si>
    <t>2021BU03639205</t>
  </si>
  <si>
    <t>buurten.ed95d512-0db3-4735-b84a-636e7e42f859</t>
  </si>
  <si>
    <t>BU03639206</t>
  </si>
  <si>
    <t>Hoge Dijk</t>
  </si>
  <si>
    <t>2021BU03639206</t>
  </si>
  <si>
    <t>buurten.cc447d5a-d300-4307-98f7-c6fd4e594d5b</t>
  </si>
  <si>
    <t>BU03639300</t>
  </si>
  <si>
    <t>Venserpolder West</t>
  </si>
  <si>
    <t>WK036393</t>
  </si>
  <si>
    <t>2021BU03639300</t>
  </si>
  <si>
    <t>buurten.705bf641-622d-48a9-98c9-a51360bbcbab</t>
  </si>
  <si>
    <t>BU03639301</t>
  </si>
  <si>
    <t>Venserpolder Oost</t>
  </si>
  <si>
    <t>2021BU03639301</t>
  </si>
  <si>
    <t>buurten.97ebe1a0-6156-4b45-9beb-f83e12f479e0</t>
  </si>
  <si>
    <t>BU03639302</t>
  </si>
  <si>
    <t>D-buurt</t>
  </si>
  <si>
    <t>2021BU03639302</t>
  </si>
  <si>
    <t>buurten.71dea608-1cb2-4288-bd14-5fe1ce2c052d</t>
  </si>
  <si>
    <t>BU03639303</t>
  </si>
  <si>
    <t>F-buurt</t>
  </si>
  <si>
    <t>2021BU03639303</t>
  </si>
  <si>
    <t>buurten.6d1c574f-e26b-438b-a530-b2bb7e236950</t>
  </si>
  <si>
    <t>BU03639304</t>
  </si>
  <si>
    <t>Amsterdamse Poort</t>
  </si>
  <si>
    <t>2021BU03639304</t>
  </si>
  <si>
    <t>buurten.52a6662a-3497-4880-88cb-5dfa030bc08d</t>
  </si>
  <si>
    <t>BU03639305</t>
  </si>
  <si>
    <t>Hoptille</t>
  </si>
  <si>
    <t>2021BU03639305</t>
  </si>
  <si>
    <t>buurten.614a7d68-ba38-49c8-a6f6-6a97984ebb27</t>
  </si>
  <si>
    <t>BU03639306</t>
  </si>
  <si>
    <t>Rechte H-buurt</t>
  </si>
  <si>
    <t>2021BU03639306</t>
  </si>
  <si>
    <t>buurten.faca1975-5dab-4ea0-8e37-b37e8074f4d3</t>
  </si>
  <si>
    <t>BU03639307</t>
  </si>
  <si>
    <t>Hakfort/Huigenbos</t>
  </si>
  <si>
    <t>2021BU03639307</t>
  </si>
  <si>
    <t>buurten.0b2d4d14-e376-4358-91e8-6640864d3c18</t>
  </si>
  <si>
    <t>BU03639308</t>
  </si>
  <si>
    <t>Huntum</t>
  </si>
  <si>
    <t>2021BU03639308</t>
  </si>
  <si>
    <t>buurten.ebdac3d6-43f6-43fd-9d9f-843a5f34441b</t>
  </si>
  <si>
    <t>BU03639309</t>
  </si>
  <si>
    <t>Vogeltjeswei</t>
  </si>
  <si>
    <t>2021BU03639309</t>
  </si>
  <si>
    <t>buurten.11fc3fa0-f801-481e-8077-946be400e67c</t>
  </si>
  <si>
    <t>BU03639310</t>
  </si>
  <si>
    <t>Nelson Mandelapark</t>
  </si>
  <si>
    <t>2021BU03639310</t>
  </si>
  <si>
    <t>buurten.c0a92b38-15ff-482f-82f7-7925d6f44731</t>
  </si>
  <si>
    <t>BU03639400</t>
  </si>
  <si>
    <t>E-buurt</t>
  </si>
  <si>
    <t>WK036394</t>
  </si>
  <si>
    <t>2021BU03639400</t>
  </si>
  <si>
    <t>buurten.5c61b961-c8b3-43ba-b2a1-0def9b9571f8</t>
  </si>
  <si>
    <t>BU03639401</t>
  </si>
  <si>
    <t>G-buurt West</t>
  </si>
  <si>
    <t>2021BU03639401</t>
  </si>
  <si>
    <t>buurten.bb9bf69d-103e-4d26-b017-5ab36e193e46</t>
  </si>
  <si>
    <t>BU03639402</t>
  </si>
  <si>
    <t>Bijlmermuseum Noord</t>
  </si>
  <si>
    <t>2021BU03639402</t>
  </si>
  <si>
    <t>buurten.e0fce2af-840c-429a-9bf1-5d5a6a7598ea</t>
  </si>
  <si>
    <t>BU03639403</t>
  </si>
  <si>
    <t>Kortvoort</t>
  </si>
  <si>
    <t>2021BU03639403</t>
  </si>
  <si>
    <t>buurten.eac09e06-dc7f-4f63-a6f8-c8c372f71c4c</t>
  </si>
  <si>
    <t>BU03639404</t>
  </si>
  <si>
    <t>Kelbergen</t>
  </si>
  <si>
    <t>2021BU03639404</t>
  </si>
  <si>
    <t>buurten.5faf1845-f8aa-49de-8e94-68b4984b339a</t>
  </si>
  <si>
    <t>BU03639405</t>
  </si>
  <si>
    <t>K-buurt Midden</t>
  </si>
  <si>
    <t>2021BU03639405</t>
  </si>
  <si>
    <t>buurten.4d35e3c5-7060-4847-9734-05174d380d41</t>
  </si>
  <si>
    <t>PL0363010002</t>
  </si>
  <si>
    <t>BU03639406</t>
  </si>
  <si>
    <t>K-buurt Zuidoost</t>
  </si>
  <si>
    <t>2021BU03639406</t>
  </si>
  <si>
    <t>buurten.e173421f-d46d-49c0-9b49-6a81960932e9</t>
  </si>
  <si>
    <t>BU03639407</t>
  </si>
  <si>
    <t>K-buurt Zuidwest</t>
  </si>
  <si>
    <t>2021BU03639407</t>
  </si>
  <si>
    <t>buurten.3d27504a-e84f-4ab0-b652-f90259379fac</t>
  </si>
  <si>
    <t>BU03639408</t>
  </si>
  <si>
    <t>Grunder/Koningshoef</t>
  </si>
  <si>
    <t>2021BU03639408</t>
  </si>
  <si>
    <t>buurten.72cece68-05ec-4b7a-accd-8054cdac2cbe</t>
  </si>
  <si>
    <t>BU03639409</t>
  </si>
  <si>
    <t>G-buurt Oost</t>
  </si>
  <si>
    <t>2021BU03639409</t>
  </si>
  <si>
    <t>buurten.24ad2032-ce1e-490e-ab35-5dc44aae89ad</t>
  </si>
  <si>
    <t>BU03639410</t>
  </si>
  <si>
    <t>Kantershof</t>
  </si>
  <si>
    <t>2021BU03639410</t>
  </si>
  <si>
    <t>buurten.e3a268c4-52ef-4047-beda-f77b73dc7e57</t>
  </si>
  <si>
    <t>BU03639411</t>
  </si>
  <si>
    <t>Gooise Kant</t>
  </si>
  <si>
    <t>2021BU03639411</t>
  </si>
  <si>
    <t>buurten.bd88918d-5210-4acf-8e8a-eae403fccce8</t>
  </si>
  <si>
    <t>BU03639412</t>
  </si>
  <si>
    <t>G-buurt Noord</t>
  </si>
  <si>
    <t>2021BU03639412</t>
  </si>
  <si>
    <t>buurten.0babc666-3253-4e45-9c4d-83e6b12c0317</t>
  </si>
  <si>
    <t>BU03639413</t>
  </si>
  <si>
    <t>Bijlmermuseum Zuid</t>
  </si>
  <si>
    <t>2021BU03639413</t>
  </si>
  <si>
    <t>buurten.cce71bf5-6e5d-4b31-98cf-a1c884be6b07</t>
  </si>
  <si>
    <t>BU03639500</t>
  </si>
  <si>
    <t>L-buurt</t>
  </si>
  <si>
    <t>WK036395</t>
  </si>
  <si>
    <t>2021BU03639500</t>
  </si>
  <si>
    <t>buurten.9782f8e4-282a-446e-a4d9-be47136b2b11</t>
  </si>
  <si>
    <t>BU03639501</t>
  </si>
  <si>
    <t>Gaasperpark</t>
  </si>
  <si>
    <t>2021BU03639501</t>
  </si>
  <si>
    <t>buurten.d19b53c3-adcd-46d9-833b-213916bbe6f3</t>
  </si>
  <si>
    <t>BU03639502</t>
  </si>
  <si>
    <t>Gaasperplas</t>
  </si>
  <si>
    <t>2021BU03639502</t>
  </si>
  <si>
    <t>buurten.7b262ad4-82c2-4238-ab8c-1e827f00d064</t>
  </si>
  <si>
    <t>Transitievisie Warmte Stap voor stap over op duurzame warmte</t>
  </si>
  <si>
    <t>BU03639600</t>
  </si>
  <si>
    <t>Holendrecht West</t>
  </si>
  <si>
    <t>WK036396</t>
  </si>
  <si>
    <t>2021BU03639600</t>
  </si>
  <si>
    <t>buurten.a520314d-0d1a-4b30-84ff-09c558e878db</t>
  </si>
  <si>
    <t>BU03639601</t>
  </si>
  <si>
    <t>Reigersbos Noord</t>
  </si>
  <si>
    <t>2021BU03639601</t>
  </si>
  <si>
    <t>buurten.f7e4dc01-78f9-4545-a964-fb0f6dfa7794</t>
  </si>
  <si>
    <t>BU03639602</t>
  </si>
  <si>
    <t>Holendrecht Oost</t>
  </si>
  <si>
    <t>2021BU03639602</t>
  </si>
  <si>
    <t>buurten.f67a04ed-9ceb-4592-a2fb-43ec9ec83ff8</t>
  </si>
  <si>
    <t>BU03639603</t>
  </si>
  <si>
    <t>Gaasperdam Noord</t>
  </si>
  <si>
    <t>2021BU03639603</t>
  </si>
  <si>
    <t>buurten.b96a267c-e8c3-4328-af87-499399233442</t>
  </si>
  <si>
    <t>BU03639604</t>
  </si>
  <si>
    <t>Gaasperdam Zuid</t>
  </si>
  <si>
    <t>2021BU03639604</t>
  </si>
  <si>
    <t>buurten.d6384f92-1ffd-4e4b-811c-2b8379d61d97</t>
  </si>
  <si>
    <t>BU03639605</t>
  </si>
  <si>
    <t>Reigersbos Midden</t>
  </si>
  <si>
    <t>2021BU03639605</t>
  </si>
  <si>
    <t>buurten.108b02e2-3322-4d85-b6b4-27e3c7afde9c</t>
  </si>
  <si>
    <t>BU03639606</t>
  </si>
  <si>
    <t>Reigersbos Zuid</t>
  </si>
  <si>
    <t>2021BU03639606</t>
  </si>
  <si>
    <t>buurten.e77fbb55-930c-4062-8017-60e1d089482e</t>
  </si>
  <si>
    <t>BU03639700</t>
  </si>
  <si>
    <t>Gein Noordwest</t>
  </si>
  <si>
    <t>WK036397</t>
  </si>
  <si>
    <t>2021BU03639700</t>
  </si>
  <si>
    <t>buurten.1b2e3497-4f1a-425b-8047-7e51b92c5567</t>
  </si>
  <si>
    <t>BU03639701</t>
  </si>
  <si>
    <t>Gein Zuidwest</t>
  </si>
  <si>
    <t>2021BU03639701</t>
  </si>
  <si>
    <t>buurten.be9b847a-30de-47d0-904a-d397b3dc3a52</t>
  </si>
  <si>
    <t>BU03639702</t>
  </si>
  <si>
    <t>Gein Noordoost</t>
  </si>
  <si>
    <t>2021BU03639702</t>
  </si>
  <si>
    <t>buurten.7427e2fe-f543-44bb-a1ef-15618101c84e</t>
  </si>
  <si>
    <t>BU03639703</t>
  </si>
  <si>
    <t>Gein Zuidoost</t>
  </si>
  <si>
    <t>2021BU03639703</t>
  </si>
  <si>
    <t>buurten.1f5163c3-5a52-4b75-8eff-a11931d79da8</t>
  </si>
  <si>
    <t>BU03639800</t>
  </si>
  <si>
    <t>Dorp Driemond</t>
  </si>
  <si>
    <t>WK036398</t>
  </si>
  <si>
    <t>2021BU03639800</t>
  </si>
  <si>
    <t>buurten.c8c1d1c5-e0cb-4ca0-834d-c6494add0604</t>
  </si>
  <si>
    <t>BU03639801</t>
  </si>
  <si>
    <t>Landelijk gebied Driemond</t>
  </si>
  <si>
    <t>2021BU03639801</t>
  </si>
  <si>
    <t>buurten.47353699-9335-4903-9ddc-86031fd11aaf</t>
  </si>
  <si>
    <t>BU03700801</t>
  </si>
  <si>
    <t>Middenbeemster</t>
  </si>
  <si>
    <t>WK037008</t>
  </si>
  <si>
    <t>2021BU03700801</t>
  </si>
  <si>
    <t>buurten.e4f51cfe-4823-4c60-bcd8-67a575b8ef67</t>
  </si>
  <si>
    <t>PL0370010004</t>
  </si>
  <si>
    <t>financiering vanuit Rijksoverheid</t>
  </si>
  <si>
    <t>onderzoek naar mogelijkheid riothermie</t>
  </si>
  <si>
    <t>mogelijk riothermie (TEA) RWZI</t>
  </si>
  <si>
    <t>aquathermie (riool) en/of aquathermie (RWZI)</t>
  </si>
  <si>
    <t>BU03700802</t>
  </si>
  <si>
    <t>Noordbeemster</t>
  </si>
  <si>
    <t>2021BU03700802</t>
  </si>
  <si>
    <t>buurten.a62ec5fc-c7e2-4894-b8ce-0245d4f85142</t>
  </si>
  <si>
    <t>BU03700803</t>
  </si>
  <si>
    <t>Westbeemster</t>
  </si>
  <si>
    <t>2021BU03700803</t>
  </si>
  <si>
    <t>buurten.6338cd1d-c3d7-4845-9139-cc83ee5e881f</t>
  </si>
  <si>
    <t>BU03700804</t>
  </si>
  <si>
    <t>Zuidoostbeemster</t>
  </si>
  <si>
    <t>2021BU03700804</t>
  </si>
  <si>
    <t>buurten.0d01ba93-022e-4939-8cbd-7feab7fb2af9</t>
  </si>
  <si>
    <t>PL0370010005</t>
  </si>
  <si>
    <t>geen plannen</t>
  </si>
  <si>
    <t>BU03730101</t>
  </si>
  <si>
    <t>Bergen-Centrum</t>
  </si>
  <si>
    <t>WK037301</t>
  </si>
  <si>
    <t>2021BU03730101</t>
  </si>
  <si>
    <t>buurten.9ef0fbe0-68cd-4723-8069-0103f5bfed22</t>
  </si>
  <si>
    <t>1200 koopwoningen geisoleerd en verduurzaamd  in 2022, programmastructuur verduurzaming en CO2-reductie, communicaite publiciteit en educatie, haalbaarheidsstudie naar geothermiestation en aansluiten op warmtenet HVC, geleidelijk aardgas uitfaseren</t>
  </si>
  <si>
    <t>DC037301</t>
  </si>
  <si>
    <t>Visie aardgasvrije Wijken  Gemeente Bergen:   Op weg naar een aardgasvrije gebouwde omgeving</t>
  </si>
  <si>
    <t>2020-09-24</t>
  </si>
  <si>
    <t>onderzoek in kansrijke wijken, draagvlak</t>
  </si>
  <si>
    <t>om inzicht te geven in de totale opgave, kansrijke oplossingen en een logisch tempo voor het aardgasvrij maken van gemeente Bergen</t>
  </si>
  <si>
    <t>https://opreisnaar2050.nl/aardgasvrij/bergen/</t>
  </si>
  <si>
    <t>PL0373010003</t>
  </si>
  <si>
    <t>warmtenetten 2022-2030 Bergen (NH)</t>
  </si>
  <si>
    <t>2022-2030</t>
  </si>
  <si>
    <t>interesse pandeigenaren om aan te sluiten, warmtebedrijf betrekken, financieel en technisch haalbaar</t>
  </si>
  <si>
    <t>aquathermie en/of zonthermie en/of WKO (onderzoeken)</t>
  </si>
  <si>
    <t>aquathermie en/of WKO en/of zonnewarmte</t>
  </si>
  <si>
    <t>BU03730102</t>
  </si>
  <si>
    <t>Van Reenen</t>
  </si>
  <si>
    <t>2021BU03730102</t>
  </si>
  <si>
    <t>buurten.43d61c6b-e304-4232-8e70-949d5e9c26d9</t>
  </si>
  <si>
    <t>BU03730103</t>
  </si>
  <si>
    <t>Boschrand</t>
  </si>
  <si>
    <t>2021BU03730103</t>
  </si>
  <si>
    <t>buurten.3b136b5b-2cc1-4a90-926f-376cf2b73ddc</t>
  </si>
  <si>
    <t>BU03730104</t>
  </si>
  <si>
    <t>Negen-Nessen</t>
  </si>
  <si>
    <t>2021BU03730104</t>
  </si>
  <si>
    <t>buurten.3ca2f95d-a6e3-42b3-9b15-025ca79fc905</t>
  </si>
  <si>
    <t>BU03730105</t>
  </si>
  <si>
    <t>Landweg</t>
  </si>
  <si>
    <t>2021BU03730105</t>
  </si>
  <si>
    <t>buurten.c7e36e17-abe5-40f5-8fa5-cc94a8f170b2</t>
  </si>
  <si>
    <t>PL0373010001</t>
  </si>
  <si>
    <t>Oudtburgh</t>
  </si>
  <si>
    <t>BU03730106</t>
  </si>
  <si>
    <t>2021BU03730106</t>
  </si>
  <si>
    <t>buurten.a7de03df-5901-453f-ae19-40907ec495a8</t>
  </si>
  <si>
    <t>BU03730107</t>
  </si>
  <si>
    <t>De Rekere</t>
  </si>
  <si>
    <t>2021BU03730107</t>
  </si>
  <si>
    <t>buurten.e9f0c539-3831-40b7-966f-f2676fbb438f</t>
  </si>
  <si>
    <t>BU03730108</t>
  </si>
  <si>
    <t>Elkshove</t>
  </si>
  <si>
    <t>2021BU03730108</t>
  </si>
  <si>
    <t>buurten.57d24268-5d08-4094-bade-e63bef245288</t>
  </si>
  <si>
    <t>BU03730109</t>
  </si>
  <si>
    <t>Saenegheest</t>
  </si>
  <si>
    <t>2021BU03730109</t>
  </si>
  <si>
    <t>buurten.af2d5028-6085-4bba-b1cd-e4c01db3ac56</t>
  </si>
  <si>
    <t>BU03730110</t>
  </si>
  <si>
    <t>Tuin-en Oostdorp</t>
  </si>
  <si>
    <t>2021BU03730110</t>
  </si>
  <si>
    <t>buurten.bdb7966f-f004-4c7f-bdca-d66c833d2214</t>
  </si>
  <si>
    <t>BU03730111</t>
  </si>
  <si>
    <t>Boendermaker</t>
  </si>
  <si>
    <t>2021BU03730111</t>
  </si>
  <si>
    <t>buurten.93a0d466-d166-4768-9a34-b32e12ca3d26</t>
  </si>
  <si>
    <t>PL0373010004</t>
  </si>
  <si>
    <t>Beekhove &amp; Conincx</t>
  </si>
  <si>
    <t>financieel en technisch haalbaar, en financierbaar</t>
  </si>
  <si>
    <t>BU03730112</t>
  </si>
  <si>
    <t>2021BU03730112</t>
  </si>
  <si>
    <t>buurten.c077195e-3f21-4449-9a7c-9107c2400ec2</t>
  </si>
  <si>
    <t>BU03730113</t>
  </si>
  <si>
    <t>Conincx</t>
  </si>
  <si>
    <t>2021BU03730113</t>
  </si>
  <si>
    <t>buurten.3708c7a3-d51e-40dd-aa9a-e99793ef04d4</t>
  </si>
  <si>
    <t>BU03730114</t>
  </si>
  <si>
    <t>Beekhove</t>
  </si>
  <si>
    <t>2021BU03730114</t>
  </si>
  <si>
    <t>buurten.95b879c4-8034-49d5-888d-a912c3278153</t>
  </si>
  <si>
    <t>BU03730115</t>
  </si>
  <si>
    <t>2021BU03730115</t>
  </si>
  <si>
    <t>buurten.9f9a45a6-2775-4ee7-9e2d-607ec74f286f</t>
  </si>
  <si>
    <t>BU03730116</t>
  </si>
  <si>
    <t>Geest</t>
  </si>
  <si>
    <t>2021BU03730116</t>
  </si>
  <si>
    <t>buurten.5be6048f-cb1f-4bac-bdc2-e0bd0095d63f</t>
  </si>
  <si>
    <t>BU03730117</t>
  </si>
  <si>
    <t>2021BU03730117</t>
  </si>
  <si>
    <t>buurten.b6103770-0c42-43b3-b7e9-0bc7d55c0037</t>
  </si>
  <si>
    <t>BU03730200</t>
  </si>
  <si>
    <t>Bergen aan Zee</t>
  </si>
  <si>
    <t>WK037302</t>
  </si>
  <si>
    <t>2021BU03730200</t>
  </si>
  <si>
    <t>buurten.720693d0-4613-460f-a76c-992d0c1f7b22</t>
  </si>
  <si>
    <t>BU03730300</t>
  </si>
  <si>
    <t>Buitengebied Bergen</t>
  </si>
  <si>
    <t>WK037303</t>
  </si>
  <si>
    <t>2021BU03730300</t>
  </si>
  <si>
    <t>buurten.1811308c-2460-4bc4-99c4-549f6bc0c48b</t>
  </si>
  <si>
    <t>BU03730400</t>
  </si>
  <si>
    <t>Egmond aan Zee</t>
  </si>
  <si>
    <t>WK037304</t>
  </si>
  <si>
    <t>2021BU03730400</t>
  </si>
  <si>
    <t>buurten.8dbd4769-aae6-461d-9764-1851b9d3376d</t>
  </si>
  <si>
    <t>BU03730401</t>
  </si>
  <si>
    <t>Prins Hendrik Stichting</t>
  </si>
  <si>
    <t>2021BU03730401</t>
  </si>
  <si>
    <t>buurten.cfd36077-8a88-4c25-8caf-fcee3e382292</t>
  </si>
  <si>
    <t>BU03730402</t>
  </si>
  <si>
    <t>Zuid I en II</t>
  </si>
  <si>
    <t>2021BU03730402</t>
  </si>
  <si>
    <t>buurten.3b17db9a-4425-4038-876d-13d154cb4fb3</t>
  </si>
  <si>
    <t>BU03730403</t>
  </si>
  <si>
    <t>Sportlaan</t>
  </si>
  <si>
    <t>2021BU03730403</t>
  </si>
  <si>
    <t>buurten.d4274fb9-abb5-4046-a99a-a35f315a89cf</t>
  </si>
  <si>
    <t>BU03730500</t>
  </si>
  <si>
    <t>Egmond-Binnen</t>
  </si>
  <si>
    <t>WK037305</t>
  </si>
  <si>
    <t>2021BU03730500</t>
  </si>
  <si>
    <t>buurten.62a6d315-06d5-48f6-9ad1-9ddba3858ce2</t>
  </si>
  <si>
    <t>BU03730501</t>
  </si>
  <si>
    <t>Rinnegom</t>
  </si>
  <si>
    <t>2021BU03730501</t>
  </si>
  <si>
    <t>buurten.bcffb2a4-c913-4b11-b38a-696eb6ef3410</t>
  </si>
  <si>
    <t>BU03730600</t>
  </si>
  <si>
    <t>Egmond aan den Hoef</t>
  </si>
  <si>
    <t>WK037306</t>
  </si>
  <si>
    <t>2021BU03730600</t>
  </si>
  <si>
    <t>buurten.8b1c49af-283f-4d24-93f1-e21580f42314</t>
  </si>
  <si>
    <t>BU03730601</t>
  </si>
  <si>
    <t>Slotplan</t>
  </si>
  <si>
    <t>2021BU03730601</t>
  </si>
  <si>
    <t>buurten.12a63b3f-f750-4270-8857-4d06d8e4a064</t>
  </si>
  <si>
    <t>BU03730602</t>
  </si>
  <si>
    <t>Wimmenum</t>
  </si>
  <si>
    <t>2021BU03730602</t>
  </si>
  <si>
    <t>buurten.bc11efee-c812-426c-9a91-780b49945ab7</t>
  </si>
  <si>
    <t>BU03730609</t>
  </si>
  <si>
    <t>Verspreide huizen Egmondermeer</t>
  </si>
  <si>
    <t>2021BU03730609</t>
  </si>
  <si>
    <t>buurten.d24f84da-6617-4413-b320-79c805c26fbb</t>
  </si>
  <si>
    <t>BU03730700</t>
  </si>
  <si>
    <t>Schoorl met Bregtdorp</t>
  </si>
  <si>
    <t>WK037307</t>
  </si>
  <si>
    <t>2021BU03730700</t>
  </si>
  <si>
    <t>buurten.ea4f52f9-23eb-45b1-bf1e-56c3a7406040</t>
  </si>
  <si>
    <t>BU03730701</t>
  </si>
  <si>
    <t>Schoorldam (gedeeltelijk)</t>
  </si>
  <si>
    <t>2021BU03730701</t>
  </si>
  <si>
    <t>buurten.d3ead28f-b06a-4091-bc48-f6bdde71ee0e</t>
  </si>
  <si>
    <t>BU03730702</t>
  </si>
  <si>
    <t>Aagtdorp</t>
  </si>
  <si>
    <t>2021BU03730702</t>
  </si>
  <si>
    <t>buurten.56fae8db-2c5e-406b-a7ad-ee78c22595ad</t>
  </si>
  <si>
    <t>BU03730703</t>
  </si>
  <si>
    <t>Catrijp</t>
  </si>
  <si>
    <t>2021BU03730703</t>
  </si>
  <si>
    <t>buurten.70c013b6-e3df-4953-863f-34b5d4e998b3</t>
  </si>
  <si>
    <t>BU03730704</t>
  </si>
  <si>
    <t>Groet met Hargen</t>
  </si>
  <si>
    <t>2021BU03730704</t>
  </si>
  <si>
    <t>buurten.6fe42e48-5f48-4ec6-8381-35c96750e992</t>
  </si>
  <si>
    <t>BU03730705</t>
  </si>
  <si>
    <t>Camperduin</t>
  </si>
  <si>
    <t>2021BU03730705</t>
  </si>
  <si>
    <t>buurten.737cd1f7-5c27-4136-a79c-4c3de20bb187</t>
  </si>
  <si>
    <t>BU03730709</t>
  </si>
  <si>
    <t>Verspreide huizen in de polders</t>
  </si>
  <si>
    <t>2021BU03730709</t>
  </si>
  <si>
    <t>buurten.1f17f06b-5a3d-4a14-910a-122633830529</t>
  </si>
  <si>
    <t>BU03750000</t>
  </si>
  <si>
    <t>Wijkertoren</t>
  </si>
  <si>
    <t>WK037500</t>
  </si>
  <si>
    <t>2021BU03750000</t>
  </si>
  <si>
    <t>buurten.354771a5-df4a-4b2d-9db7-18e1c5fa0faf</t>
  </si>
  <si>
    <t>DC037501</t>
  </si>
  <si>
    <t>De weg naar schone, betaalbare en betrouwbare warmte in Beverwijk; Transitievisie warmte Beverwijk</t>
  </si>
  <si>
    <t>2021-05-01</t>
  </si>
  <si>
    <t>steun/middelen vanuit de Rijkshoverheid: woonlastenneutraliteit bewoners</t>
  </si>
  <si>
    <t>zoveel mogelijk isoleren met provinciaal/ gemeentebreed programma. Identificatie kansrijke buurten</t>
  </si>
  <si>
    <t>3100 woningen en gebouwen aardgasvrij of transitiegereed (17% van totaal)</t>
  </si>
  <si>
    <t>beverwijk.bestuurlijkeinformatie.nl/Agenda/Document/4e918540-85a4-4409-a06b-86d47baa3675?documentId=7692b2ce-3687-4008-9106-33cfa59acf18</t>
  </si>
  <si>
    <t>PL0375010001</t>
  </si>
  <si>
    <t>Gemeente Beverwijk: gemeentebreed isolatieprogramma</t>
  </si>
  <si>
    <t>gelden vanuit Rijksoverheid voor woonlastenneutraliteit</t>
  </si>
  <si>
    <t>zoveel mogelijk isoleren/ transitiegereed maken</t>
  </si>
  <si>
    <t>verschilt per gebouw, minimum is 65-80 kWh/m2</t>
  </si>
  <si>
    <t>BU03750001</t>
  </si>
  <si>
    <t>Meerplein</t>
  </si>
  <si>
    <t>2021BU03750001</t>
  </si>
  <si>
    <t>buurten.fca02365-c2bc-4c34-b50d-f9b55120e3e2</t>
  </si>
  <si>
    <t>BU03750002</t>
  </si>
  <si>
    <t>Koningstraat</t>
  </si>
  <si>
    <t>2021BU03750002</t>
  </si>
  <si>
    <t>buurten.c231d64a-84c6-4d74-92d6-f7716acabe33</t>
  </si>
  <si>
    <t>BU03750003</t>
  </si>
  <si>
    <t>Burgerhartstraat</t>
  </si>
  <si>
    <t>2021BU03750003</t>
  </si>
  <si>
    <t>buurten.de3964ac-2b68-4532-90ee-02ded6727d17</t>
  </si>
  <si>
    <t>BU03750004</t>
  </si>
  <si>
    <t>Sint Aagtendorp</t>
  </si>
  <si>
    <t>2021BU03750004</t>
  </si>
  <si>
    <t>buurten.4b087361-1b68-47b1-9b1b-444659462ca1</t>
  </si>
  <si>
    <t>BU03750005</t>
  </si>
  <si>
    <t>Reguliersstraat</t>
  </si>
  <si>
    <t>2021BU03750005</t>
  </si>
  <si>
    <t>buurten.852750c6-e620-440b-8089-b8d91d28529a</t>
  </si>
  <si>
    <t>BU03750100</t>
  </si>
  <si>
    <t>Vondellaan</t>
  </si>
  <si>
    <t>WK037501</t>
  </si>
  <si>
    <t>2021BU03750100</t>
  </si>
  <si>
    <t>buurten.0821cc41-5356-4868-bb15-779ef3249639</t>
  </si>
  <si>
    <t>BU03750101</t>
  </si>
  <si>
    <t>Ronde Boogaard</t>
  </si>
  <si>
    <t>2021BU03750101</t>
  </si>
  <si>
    <t>buurten.a94d60cb-f4c0-496b-8fba-fbd6cbf24815</t>
  </si>
  <si>
    <t>BU03750102</t>
  </si>
  <si>
    <t>2021BU03750102</t>
  </si>
  <si>
    <t>buurten.cc2968cc-c5f9-4313-abe4-d01680086f75</t>
  </si>
  <si>
    <t>BU03750200</t>
  </si>
  <si>
    <t>WK037502</t>
  </si>
  <si>
    <t>2021BU03750200</t>
  </si>
  <si>
    <t>buurten.76ee9031-6cc9-445c-9d36-6af604e36de0</t>
  </si>
  <si>
    <t>BU03750201</t>
  </si>
  <si>
    <t>Oud Sportpark</t>
  </si>
  <si>
    <t>2021BU03750201</t>
  </si>
  <si>
    <t>buurten.7148ba73-2f66-4f44-ac75-b3e37d3740dc</t>
  </si>
  <si>
    <t>BU03750202</t>
  </si>
  <si>
    <t>Beijnes</t>
  </si>
  <si>
    <t>2021BU03750202</t>
  </si>
  <si>
    <t>buurten.f69ffcc9-be55-4b46-b0e2-a067273b615c</t>
  </si>
  <si>
    <t>BU03750300</t>
  </si>
  <si>
    <t>Plantage</t>
  </si>
  <si>
    <t>WK037503</t>
  </si>
  <si>
    <t>2021BU03750300</t>
  </si>
  <si>
    <t>buurten.263c78aa-b82a-4f61-a3bd-d423c1e80011</t>
  </si>
  <si>
    <t>BU03750301</t>
  </si>
  <si>
    <t>Oostertuinen</t>
  </si>
  <si>
    <t>2021BU03750301</t>
  </si>
  <si>
    <t>buurten.8408fe3c-b741-4778-8ed7-72031f83ff3d</t>
  </si>
  <si>
    <t>PL0375010002</t>
  </si>
  <si>
    <t>Kuenenplein- en pilotenbuurt</t>
  </si>
  <si>
    <t>onderzoek doen naar (technische) mogelijkheden en voorbereiden WUP</t>
  </si>
  <si>
    <t>geothermie of restwarmte met collectieve warmtepomp</t>
  </si>
  <si>
    <t>geothermie of restwarmte (industrie) en collectieve warmtepomp</t>
  </si>
  <si>
    <t>BU03750302</t>
  </si>
  <si>
    <t>Kuenenplein</t>
  </si>
  <si>
    <t>2021BU03750302</t>
  </si>
  <si>
    <t>buurten.6e2102d0-7054-4c62-aa75-fc1314d96048</t>
  </si>
  <si>
    <t>BU03750303</t>
  </si>
  <si>
    <t>De Naald</t>
  </si>
  <si>
    <t>2021BU03750303</t>
  </si>
  <si>
    <t>buurten.1362936f-470e-46bf-b6b6-7fecc3fb1a7e</t>
  </si>
  <si>
    <t>BU03750400</t>
  </si>
  <si>
    <t>Warande</t>
  </si>
  <si>
    <t>WK037504</t>
  </si>
  <si>
    <t>2021BU03750400</t>
  </si>
  <si>
    <t>buurten.c227667e-8519-46a4-a1c4-3fbf143442d3</t>
  </si>
  <si>
    <t>BU03750401</t>
  </si>
  <si>
    <t>De Horn</t>
  </si>
  <si>
    <t>2021BU03750401</t>
  </si>
  <si>
    <t>buurten.bd046048-46d9-443c-b71b-84a0b7a2636f</t>
  </si>
  <si>
    <t>BU03750500</t>
  </si>
  <si>
    <t>Westertuinen</t>
  </si>
  <si>
    <t>WK037505</t>
  </si>
  <si>
    <t>2021BU03750500</t>
  </si>
  <si>
    <t>buurten.cd48c4d3-4a09-47db-b75e-17a2d9721ecd</t>
  </si>
  <si>
    <t>3.750 huizen aardgasvrij in 2030, energieneutraal in 2050</t>
  </si>
  <si>
    <t>DC039601</t>
  </si>
  <si>
    <t>Onderweg naar een aardgasvrij Heemskerk</t>
  </si>
  <si>
    <t>Voldoende geld en middelen middelen beschikbaar om de transitie te kunnen realiseren. Startwijken met laagste maatschappelijk kosten. Koppelkansen andere werkzaamheden.</t>
  </si>
  <si>
    <t>Particitpatie en communicatie plan, opstellen van WUPs, gemeentebrede projecten om de warmtevraag te reduceren en inwoners en overheidsparticipatie.</t>
  </si>
  <si>
    <t>In 2030 3.750 gebouwen aardgasvrij of transitiegereed. In 2050 17.500 gebouwen aardgasvrij</t>
  </si>
  <si>
    <t>https://duurzaam.heemskerk.nl/fileadmin/Heemskerk/PDF/Duurzaam/warmtevisie_Heemskerk.pdf</t>
  </si>
  <si>
    <t>PL0396010005</t>
  </si>
  <si>
    <t>Transitiegereed maken woningen</t>
  </si>
  <si>
    <t>BU03750501</t>
  </si>
  <si>
    <t>Creutzberglaan</t>
  </si>
  <si>
    <t>2021BU03750501</t>
  </si>
  <si>
    <t>buurten.8b8b4b94-339b-4334-862a-1ff2cc3c4019</t>
  </si>
  <si>
    <t>BU03750502</t>
  </si>
  <si>
    <t>Binnenduin</t>
  </si>
  <si>
    <t>2021BU03750502</t>
  </si>
  <si>
    <t>buurten.c3313ee7-7967-4fc7-b76d-a148dc63c6bd</t>
  </si>
  <si>
    <t>BU03750600</t>
  </si>
  <si>
    <t>Oosterwijk</t>
  </si>
  <si>
    <t>WK037506</t>
  </si>
  <si>
    <t>2021BU03750600</t>
  </si>
  <si>
    <t>buurten.8b4c9aac-45e9-4d55-8333-ef8a430a46dc</t>
  </si>
  <si>
    <t>Broekpolder</t>
  </si>
  <si>
    <t>BU03750601</t>
  </si>
  <si>
    <t>Zwaansmeer</t>
  </si>
  <si>
    <t>2021BU03750601</t>
  </si>
  <si>
    <t>buurten.d95bfb84-4f51-4aa0-bcb0-d0bbe806028f</t>
  </si>
  <si>
    <t>PL0375010003</t>
  </si>
  <si>
    <t>TEO (kleinschalig)</t>
  </si>
  <si>
    <t>BU03750700</t>
  </si>
  <si>
    <t>Bleriotlaan</t>
  </si>
  <si>
    <t>WK037507</t>
  </si>
  <si>
    <t>2021BU03750700</t>
  </si>
  <si>
    <t>buurten.be675359-c4a3-42a4-9305-d75b059b927e</t>
  </si>
  <si>
    <t>BU03750701</t>
  </si>
  <si>
    <t>Fokkerlaan</t>
  </si>
  <si>
    <t>2021BU03750701</t>
  </si>
  <si>
    <t>buurten.b14f348a-757b-43ee-8f6e-871939795eb2</t>
  </si>
  <si>
    <t>BU03750702</t>
  </si>
  <si>
    <t>Wijkerbaan</t>
  </si>
  <si>
    <t>2021BU03750702</t>
  </si>
  <si>
    <t>buurten.fa76a6ae-90c4-4d73-a066-d08a1a4c94f2</t>
  </si>
  <si>
    <t>BU03750703</t>
  </si>
  <si>
    <t>Overbos</t>
  </si>
  <si>
    <t>2021BU03750703</t>
  </si>
  <si>
    <t>buurten.3015e3a5-3435-4a9a-b9fc-69c357a8d191</t>
  </si>
  <si>
    <t>BU03750800</t>
  </si>
  <si>
    <t>Wijk aan Zee</t>
  </si>
  <si>
    <t>WK037508</t>
  </si>
  <si>
    <t>2021BU03750800</t>
  </si>
  <si>
    <t>buurten.b9c102f2-3f0e-4378-aa8f-76e9077f8f51</t>
  </si>
  <si>
    <t>BU03750801</t>
  </si>
  <si>
    <t>Industriegebied Hoogovens</t>
  </si>
  <si>
    <t>2021BU03750801</t>
  </si>
  <si>
    <t>buurten.fd0a9148-68da-40ed-b2c3-6d6ffdc294dc</t>
  </si>
  <si>
    <t>BU03750900</t>
  </si>
  <si>
    <t>De Pijp</t>
  </si>
  <si>
    <t>WK037509</t>
  </si>
  <si>
    <t>2021BU03750900</t>
  </si>
  <si>
    <t>buurten.bc41a49f-0da9-4d67-ba85-dc80b729e6e3</t>
  </si>
  <si>
    <t>BU03750901</t>
  </si>
  <si>
    <t>Kagerweg</t>
  </si>
  <si>
    <t>2021BU03750901</t>
  </si>
  <si>
    <t>buurten.ff908d72-304f-44f2-8125-693da371dcd7</t>
  </si>
  <si>
    <t>BU03750902</t>
  </si>
  <si>
    <t>Wijkerbroek</t>
  </si>
  <si>
    <t>2021BU03750902</t>
  </si>
  <si>
    <t>buurten.f5f88344-336f-475d-b177-298f6b360b49</t>
  </si>
  <si>
    <t>BU03751000</t>
  </si>
  <si>
    <t>Lanen</t>
  </si>
  <si>
    <t>WK037510</t>
  </si>
  <si>
    <t>2021BU03751000</t>
  </si>
  <si>
    <t>buurten.3cf31911-d19d-40f5-acea-834bc16b042b</t>
  </si>
  <si>
    <t>BU03751001</t>
  </si>
  <si>
    <t>De Ladder Noord</t>
  </si>
  <si>
    <t>2021BU03751001</t>
  </si>
  <si>
    <t>buurten.877b037c-febe-4ac4-a424-d9cbc412c0cc</t>
  </si>
  <si>
    <t>BU03751002</t>
  </si>
  <si>
    <t>De Ladder Zuid</t>
  </si>
  <si>
    <t>2021BU03751002</t>
  </si>
  <si>
    <t>buurten.ed43abc4-52ae-49dc-966e-37bbf6d24efa</t>
  </si>
  <si>
    <t>BU03751003</t>
  </si>
  <si>
    <t>2021BU03751003</t>
  </si>
  <si>
    <t>buurten.79264e32-5c94-466d-8ced-d56c1be723ff</t>
  </si>
  <si>
    <t>BU03760101</t>
  </si>
  <si>
    <t>Bijvanck</t>
  </si>
  <si>
    <t>WK037601</t>
  </si>
  <si>
    <t>2021BU03760101</t>
  </si>
  <si>
    <t>buurten.3fce6e66-1956-4409-9883-25761c38b929</t>
  </si>
  <si>
    <t>DC040601</t>
  </si>
  <si>
    <t>PL0406010004</t>
  </si>
  <si>
    <t>Binnen 5 jaar te starten met een WUP.</t>
  </si>
  <si>
    <t>BU03760102</t>
  </si>
  <si>
    <t>Blaricum-Dorp</t>
  </si>
  <si>
    <t>2021BU03760102</t>
  </si>
  <si>
    <t>buurten.1a09ece4-2605-4f7f-ad29-70bf433feb19</t>
  </si>
  <si>
    <t>PL0417010007</t>
  </si>
  <si>
    <t>Zwarte Berg</t>
  </si>
  <si>
    <t>Genoeg gas beschikbaar komt voor een betaalbare prijs</t>
  </si>
  <si>
    <t>BU03760103</t>
  </si>
  <si>
    <t>Blaricummer Heide</t>
  </si>
  <si>
    <t>2021BU03760103</t>
  </si>
  <si>
    <t>buurten.e585af65-5024-4a9d-be27-67b6c0e5ad7c</t>
  </si>
  <si>
    <t>BU03760104</t>
  </si>
  <si>
    <t>Blaricummermeent</t>
  </si>
  <si>
    <t>2021BU03760104</t>
  </si>
  <si>
    <t>buurten.aab14b17-c008-4a8d-b9fa-1220b86e82e0</t>
  </si>
  <si>
    <t>PL0376010001</t>
  </si>
  <si>
    <t>PL0406010003</t>
  </si>
  <si>
    <t>BU03760105</t>
  </si>
  <si>
    <t>Crailo</t>
  </si>
  <si>
    <t>2021BU03760105</t>
  </si>
  <si>
    <t>buurten.7cec5955-a728-4293-8b7d-b2098343f66f</t>
  </si>
  <si>
    <t>PL0417010008</t>
  </si>
  <si>
    <t>BU03760106</t>
  </si>
  <si>
    <t>2021BU03760106</t>
  </si>
  <si>
    <t>buurten.2b7ac6d4-3140-43a1-ae82-2ebe492315b4</t>
  </si>
  <si>
    <t>BU03760107</t>
  </si>
  <si>
    <t>Eemmeer-Blaricum</t>
  </si>
  <si>
    <t>2021BU03760107</t>
  </si>
  <si>
    <t>buurten.fb05ee43-5082-406f-9760-0f6e09da7620</t>
  </si>
  <si>
    <t>BU03760108</t>
  </si>
  <si>
    <t>Stichtsebrug</t>
  </si>
  <si>
    <t>2021BU03760108</t>
  </si>
  <si>
    <t>buurten.6833c93a-7a1e-48bf-a9c6-9d8a12bea61f</t>
  </si>
  <si>
    <t>BU03760109</t>
  </si>
  <si>
    <t>Warandepark-De Eng</t>
  </si>
  <si>
    <t>2021BU03760109</t>
  </si>
  <si>
    <t>buurten.3398da06-9646-4e42-958a-aff2e257ec85</t>
  </si>
  <si>
    <t>BU03770000</t>
  </si>
  <si>
    <t>WK037700</t>
  </si>
  <si>
    <t>2021BU03770000</t>
  </si>
  <si>
    <t>buurten.84e4671e-5bdf-4e98-a3c1-000b0055f6c1</t>
  </si>
  <si>
    <t>GM0392</t>
  </si>
  <si>
    <t>Haarlem</t>
  </si>
  <si>
    <t>DC039201</t>
  </si>
  <si>
    <t>Haarlemse transitievisie warmteSamen op weg naar aardgasvrij</t>
  </si>
  <si>
    <t>2021-02-16</t>
  </si>
  <si>
    <t>[p. 14-15] Uitgangspunten:DuurzaamheidBetrouwbaarheidBetaalbaarheidSamen met de stad</t>
  </si>
  <si>
    <t>voor alle wijken die voor 2030 van het aardgas gaan hetbeoogde alternatief voor aardgas bekend</t>
  </si>
  <si>
    <t>Aardgasvrij in 2040. (Ook in 2040 circulair te zijn en in 2050 klimaatbestendig)</t>
  </si>
  <si>
    <t>https://www.haarlem.nl/gasvrijer/visie/documenten/</t>
  </si>
  <si>
    <t>PL0392010005</t>
  </si>
  <si>
    <t>Woningen gebouwd na 1995</t>
  </si>
  <si>
    <t>De doelstelling voor 2030 is dat de kantoorgebouwenminimaal energielabel A hebben</t>
  </si>
  <si>
    <t>BU03770001</t>
  </si>
  <si>
    <t>Veen en Duin</t>
  </si>
  <si>
    <t>2021BU03770001</t>
  </si>
  <si>
    <t>buurten.bd300835-d16d-4134-b966-4001f6e04421</t>
  </si>
  <si>
    <t>PL0453010003</t>
  </si>
  <si>
    <t>MT warmte: geothermie en/of restwarmte en/of biomassa en/of aquathermie (riool)</t>
  </si>
  <si>
    <t>BU03770002</t>
  </si>
  <si>
    <t>Wildhoef</t>
  </si>
  <si>
    <t>2021BU03770002</t>
  </si>
  <si>
    <t>buurten.fee9397d-1fae-4584-bb8f-aefde02dbe80</t>
  </si>
  <si>
    <t>PL0377010005</t>
  </si>
  <si>
    <t>Onduidelijk, wellicht een mix vanduurzame bronnen</t>
  </si>
  <si>
    <t>BU03770003</t>
  </si>
  <si>
    <t>Duinlustpark</t>
  </si>
  <si>
    <t>2021BU03770003</t>
  </si>
  <si>
    <t>buurten.29066858-f440-4aff-90db-9d58a1ae4751</t>
  </si>
  <si>
    <t>BU03770004</t>
  </si>
  <si>
    <t>Provinciaal Ziekenhuis</t>
  </si>
  <si>
    <t>2021BU03770004</t>
  </si>
  <si>
    <t>buurten.281fe585-056f-43b3-9fb3-b795a0fdac8d</t>
  </si>
  <si>
    <t>Voormalig Provinciaal Ziekenhuis</t>
  </si>
  <si>
    <t>Isolatie, zonnepanelen, warmtepompen</t>
  </si>
  <si>
    <t>Op termijn 100%duurzame elektriciteit uitnetwerk, aangevuld metdecentrale opwek zoalszon op dak</t>
  </si>
  <si>
    <t>BU03770005</t>
  </si>
  <si>
    <t>2021BU03770005</t>
  </si>
  <si>
    <t>buurten.c39a91f9-5054-4525-b8f8-95b8e8645e49</t>
  </si>
  <si>
    <t>PL0377010006</t>
  </si>
  <si>
    <t>BU03770009</t>
  </si>
  <si>
    <t>Verspreide huizen Bloemendaal</t>
  </si>
  <si>
    <t>2021BU03770009</t>
  </si>
  <si>
    <t>buurten.8d7a61d5-5176-44ca-9168-331a8c97f70f</t>
  </si>
  <si>
    <t>Transitiegereed maken en hybride warmte pompen / deel van de wijk all-electric</t>
  </si>
  <si>
    <t>BU03770100</t>
  </si>
  <si>
    <t>Overveen</t>
  </si>
  <si>
    <t>WK037701</t>
  </si>
  <si>
    <t>2021BU03770100</t>
  </si>
  <si>
    <t>buurten.501abb68-8c50-4de2-abbd-6a4db9b233aa</t>
  </si>
  <si>
    <t>Uitvoeringsplan wordt opgesteld</t>
  </si>
  <si>
    <t>Bewoners en gemeente gaan een warmteuitvoeringsplanopstellen voor de realisatie van het ZonneWarmteNet.  2024 start uitvoering</t>
  </si>
  <si>
    <t>Afleverset en/of PVT panelen</t>
  </si>
  <si>
    <t>BU03770101</t>
  </si>
  <si>
    <t>Oldenhove</t>
  </si>
  <si>
    <t>2021BU03770101</t>
  </si>
  <si>
    <t>buurten.d4c8a2d2-099f-46ee-9d9d-b8111a75e5ef</t>
  </si>
  <si>
    <t>BU03770109</t>
  </si>
  <si>
    <t>Overveen-West</t>
  </si>
  <si>
    <t>2021BU03770109</t>
  </si>
  <si>
    <t>buurten.47b6c0ea-e09a-409b-8092-ec38ede55baf</t>
  </si>
  <si>
    <t>PL0377010008</t>
  </si>
  <si>
    <t>Aerdenhout (Noord, West, Zuid en Centrum)</t>
  </si>
  <si>
    <t>Groen gas indien beschikbaaren betaalbaar, deelsduurzame elektriciteit uitnetwerk, aangevuld metdecentrale opwek zoals zonop dak</t>
  </si>
  <si>
    <t>BU03770200</t>
  </si>
  <si>
    <t>Aerdenhout-Centrum</t>
  </si>
  <si>
    <t>WK037702</t>
  </si>
  <si>
    <t>2021BU03770200</t>
  </si>
  <si>
    <t>buurten.c4004c5e-f5e0-434b-87c0-35c9a96b2174</t>
  </si>
  <si>
    <t>GM0397</t>
  </si>
  <si>
    <t>Heemstede</t>
  </si>
  <si>
    <t>gemeente transitie-gereed maken, focus op isoleren en hybride warmtepomp</t>
  </si>
  <si>
    <t>DC039701</t>
  </si>
  <si>
    <t>Transitievisie Warmte Heemstede</t>
  </si>
  <si>
    <t>2021-12-13</t>
  </si>
  <si>
    <t>Tot 2030 voorbereiden om na 2030 van het gas af te gaan. Doormiddel van isoleren en warmtepompen</t>
  </si>
  <si>
    <t>https://zoek.officielebekendmakingen.nl/gmb-2021-451421.pdf</t>
  </si>
  <si>
    <t>PL0377010010</t>
  </si>
  <si>
    <t>PL0397010014</t>
  </si>
  <si>
    <t>hernieuwbaar gas en/of bodemenergie en/of omgevingswarmte</t>
  </si>
  <si>
    <t>BU03770201</t>
  </si>
  <si>
    <t>Aerdenhout-West</t>
  </si>
  <si>
    <t>2021BU03770201</t>
  </si>
  <si>
    <t>buurten.613c779d-efa6-4ea7-a268-53ed0c68e15b</t>
  </si>
  <si>
    <t>BU03770202</t>
  </si>
  <si>
    <t>Aerdenhout-Noord</t>
  </si>
  <si>
    <t>2021BU03770202</t>
  </si>
  <si>
    <t>buurten.6b0db41c-fe99-4bf6-a524-03da2d5701cc</t>
  </si>
  <si>
    <t>PL0377010009</t>
  </si>
  <si>
    <t>BU03770209</t>
  </si>
  <si>
    <t>Aerdenhout-Zuid</t>
  </si>
  <si>
    <t>2021BU03770209</t>
  </si>
  <si>
    <t>buurten.1c890e27-b925-4b4d-ae2f-43a036eb6a6f</t>
  </si>
  <si>
    <t>Opties tot uitvoering haalbaar en betaalbaar, vergoeding vanuit het Rijk beschikbaar voor uitvoeringslasten, woonlastenneutraal.</t>
  </si>
  <si>
    <t>TVW is een richtinggevende visie, geeft acties op korte termijn weer, maar houdt ook de lange termijn in het oog. Zorgt voor handelingsperspectief en zekerheid voor toekomstige investeringen</t>
  </si>
  <si>
    <t>Vogelenzang- overige verspreide woningen</t>
  </si>
  <si>
    <t>Gekozen optie is haalbaar en betaalbaar, vergoeding vanuit het rijk voor uitvoeringslasten,  woonlastenneutraal.</t>
  </si>
  <si>
    <t>Transitiegereed maken en focus op instalatie warmtepompen</t>
  </si>
  <si>
    <t>Op termijn duurzaam gas / Landelijke, op termijn duurzame elektriciteitsmix</t>
  </si>
  <si>
    <t>BU03770300</t>
  </si>
  <si>
    <t>WK037703</t>
  </si>
  <si>
    <t>2021BU03770300</t>
  </si>
  <si>
    <t>buurten.3775745e-7065-4003-b68e-dc63ac92351c</t>
  </si>
  <si>
    <t>GM0534</t>
  </si>
  <si>
    <t>Hillegom</t>
  </si>
  <si>
    <t>energieneutraal en klimaatneutraal in 2050</t>
  </si>
  <si>
    <t>DC053401</t>
  </si>
  <si>
    <t>Transitievisie Warmte Hillegom</t>
  </si>
  <si>
    <t>2021-10-28</t>
  </si>
  <si>
    <t>Realistisch en betaalbaar voor iedereen</t>
  </si>
  <si>
    <t>Zorgen dat de warmtetransitie realistisch en betaalbaar is voor iedereen;Alle beschikbare en betrouwbare warmtebronnen onderzoeken en daarna een bronnenstrategie opstellen;Aan de slag gaan met energiebesparing, en gebouweigenaren stimuleren en ondersteun</t>
  </si>
  <si>
    <t>In 2025: 10% energiebesparing in de gebouwde omgeving ten opzichte van 2014. In 2030: 15% energiebesparing in de gebouwde omgeving ten opzichte van 2014</t>
  </si>
  <si>
    <t>https://gemeenteraad.hillegom.nl/Vergaderingen/Gemeenteraad/2021/14-oktober/19:30</t>
  </si>
  <si>
    <t>PL0377010012</t>
  </si>
  <si>
    <t>PL0534010002</t>
  </si>
  <si>
    <t>Bennebroek Leidsevaart-Bloemhof</t>
  </si>
  <si>
    <t>Vogelenzang Psyciatrisch Ziekenhuis</t>
  </si>
  <si>
    <t>Voor (all electric) warmtepompen ten minste isolatiegraad van schillabel B</t>
  </si>
  <si>
    <t>BU03770309</t>
  </si>
  <si>
    <t>Verspreide huizen Vogelenzang</t>
  </si>
  <si>
    <t>2021BU03770309</t>
  </si>
  <si>
    <t>buurten.04cdac71-fd98-4729-985c-62d125f825b6</t>
  </si>
  <si>
    <t>Bronnet (mogelijk) en verzwaard Elektriciteitsnet</t>
  </si>
  <si>
    <t>BU03770400</t>
  </si>
  <si>
    <t>Oude Kern Bennebroek</t>
  </si>
  <si>
    <t>WK037704</t>
  </si>
  <si>
    <t>2021BU03770400</t>
  </si>
  <si>
    <t>buurten.f06a20ee-c1ca-4994-b1fa-1da742906101</t>
  </si>
  <si>
    <t>PL0377010011</t>
  </si>
  <si>
    <t>Bennebroek Meerwijk</t>
  </si>
  <si>
    <t>BU03770401</t>
  </si>
  <si>
    <t>Villawijk Het Duin</t>
  </si>
  <si>
    <t>2021BU03770401</t>
  </si>
  <si>
    <t>buurten.9624c1e3-a337-4f50-8013-1fb89feb6358</t>
  </si>
  <si>
    <t>PL0377010016</t>
  </si>
  <si>
    <t>BU03770402</t>
  </si>
  <si>
    <t>Leidsevaart- Bloemhof</t>
  </si>
  <si>
    <t>2021BU03770402</t>
  </si>
  <si>
    <t>buurten.9d635f36-fbbb-43d0-9e74-2c2352f4ebc6</t>
  </si>
  <si>
    <t>PL0397010013</t>
  </si>
  <si>
    <t>BU03770403</t>
  </si>
  <si>
    <t>Villawijk Bijweg</t>
  </si>
  <si>
    <t>2021BU03770403</t>
  </si>
  <si>
    <t>buurten.db554e99-4534-492c-b47e-82fe51e027b7</t>
  </si>
  <si>
    <t>Utiliteit en Leidsevaartweg</t>
  </si>
  <si>
    <t>BU03770404</t>
  </si>
  <si>
    <t>Meerwijk</t>
  </si>
  <si>
    <t>2021BU03770404</t>
  </si>
  <si>
    <t>buurten.56dbad7a-df02-4e1f-9e02-63248fc08fb6</t>
  </si>
  <si>
    <t>PL0377010013</t>
  </si>
  <si>
    <t>BU03770409</t>
  </si>
  <si>
    <t>Vogelenzang Psychiatrisch Ziekenhuis</t>
  </si>
  <si>
    <t>2021BU03770409</t>
  </si>
  <si>
    <t>buurten.3bb78660-f2be-44ad-82b9-be18dd52440b</t>
  </si>
  <si>
    <t>Bennebroek Villawijk Bijweg en Het Duin</t>
  </si>
  <si>
    <t>BU03830001</t>
  </si>
  <si>
    <t>Centrum-Noord</t>
  </si>
  <si>
    <t>WK038300</t>
  </si>
  <si>
    <t>2021BU03830001</t>
  </si>
  <si>
    <t>buurten.efc4dc07-3b3f-4b6e-97a8-551f531afd18</t>
  </si>
  <si>
    <t>DC038301</t>
  </si>
  <si>
    <t>Visie Aardgasvrije wijken Gemeente Castricum: Op weg naar een aardgasvrije gebouwde omgeving</t>
  </si>
  <si>
    <t>2020-10-01</t>
  </si>
  <si>
    <t>betaalbaar, draagvlak, duurzaam, transparant, uitvoerbaar (Er wordt gesproken van uitgangspunten)</t>
  </si>
  <si>
    <t>TVW geeft focus en richting maar is geen eindpunt en dient op basis van ontwikkelingen herijkt te worden</t>
  </si>
  <si>
    <t>https://castricum.raadsinformatie.nl/vergadering/711545#ai_5502293</t>
  </si>
  <si>
    <t>PL0383010001</t>
  </si>
  <si>
    <t>Noord-End (Castricum), Centrum Castricum, Santmark (Castricum)</t>
  </si>
  <si>
    <t>BU03830011</t>
  </si>
  <si>
    <t>Centrum-Zuid</t>
  </si>
  <si>
    <t>2021BU03830011</t>
  </si>
  <si>
    <t>buurten.90d181a7-6961-47a7-a3ed-5f490079a133</t>
  </si>
  <si>
    <t>BU03830101</t>
  </si>
  <si>
    <t>WK038301</t>
  </si>
  <si>
    <t>2021BU03830101</t>
  </si>
  <si>
    <t>buurten.b0e6671d-218c-4301-8d15-3b0b943b809a</t>
  </si>
  <si>
    <t>BU03830111</t>
  </si>
  <si>
    <t>Kooiweg</t>
  </si>
  <si>
    <t>2021BU03830111</t>
  </si>
  <si>
    <t>buurten.8ac83fe1-81ef-476a-961a-c9bfaa74ba1e</t>
  </si>
  <si>
    <t>BU03830201</t>
  </si>
  <si>
    <t>Molendijk</t>
  </si>
  <si>
    <t>WK038302</t>
  </si>
  <si>
    <t>2021BU03830201</t>
  </si>
  <si>
    <t>buurten.21d65fef-2a6a-49de-a9f5-e1b133c4fcd5</t>
  </si>
  <si>
    <t>BU03830211</t>
  </si>
  <si>
    <t>Noord-End</t>
  </si>
  <si>
    <t>2021BU03830211</t>
  </si>
  <si>
    <t>buurten.22fe2d9b-8ed9-4a0b-8b81-f3ccf13a9e35</t>
  </si>
  <si>
    <t>BU03830221</t>
  </si>
  <si>
    <t>Albert's Hoeve</t>
  </si>
  <si>
    <t>2021BU03830221</t>
  </si>
  <si>
    <t>buurten.1df34301-3342-4328-a352-a7cf17b68fcb</t>
  </si>
  <si>
    <t>BU03830301</t>
  </si>
  <si>
    <t>Beverwijkerstraatweg</t>
  </si>
  <si>
    <t>WK038303</t>
  </si>
  <si>
    <t>2021BU03830301</t>
  </si>
  <si>
    <t>buurten.02a3a8c5-35e4-43ee-a195-d337b006f007</t>
  </si>
  <si>
    <t>BU03830311</t>
  </si>
  <si>
    <t>2021BU03830311</t>
  </si>
  <si>
    <t>buurten.d7bc40de-6065-4443-9f54-ee3ee63ba937</t>
  </si>
  <si>
    <t>BU03830401</t>
  </si>
  <si>
    <t>Bakkum-Noord</t>
  </si>
  <si>
    <t>WK038304</t>
  </si>
  <si>
    <t>2021BU03830401</t>
  </si>
  <si>
    <t>buurten.8fcfab05-e23d-4646-9b53-8aafbe562ef5</t>
  </si>
  <si>
    <t>BU03830411</t>
  </si>
  <si>
    <t>Bakkum-Zuid</t>
  </si>
  <si>
    <t>2021BU03830411</t>
  </si>
  <si>
    <t>buurten.940dca66-2a1d-446c-892f-2150ce2c5dfd</t>
  </si>
  <si>
    <t>BU03830421</t>
  </si>
  <si>
    <t>Duin en Bosch</t>
  </si>
  <si>
    <t>2021BU03830421</t>
  </si>
  <si>
    <t>buurten.8ba0e46c-2511-4e86-b0fc-43c67b4e26da</t>
  </si>
  <si>
    <t>BU03830431</t>
  </si>
  <si>
    <t>Duingebied</t>
  </si>
  <si>
    <t>2021BU03830431</t>
  </si>
  <si>
    <t>buurten.a538d711-3d2a-4bb4-89b0-1174a2e79fc6</t>
  </si>
  <si>
    <t>BU03830501</t>
  </si>
  <si>
    <t>Akersloot Oost</t>
  </si>
  <si>
    <t>WK038305</t>
  </si>
  <si>
    <t>2021BU03830501</t>
  </si>
  <si>
    <t>buurten.7c526b2a-821a-48b2-8d1c-c88c0c03c9d4</t>
  </si>
  <si>
    <t>BU03830511</t>
  </si>
  <si>
    <t>Akersloot West</t>
  </si>
  <si>
    <t>2021BU03830511</t>
  </si>
  <si>
    <t>buurten.f1871c93-38c5-4138-8982-92d5e9d10bed</t>
  </si>
  <si>
    <t>BU03830601</t>
  </si>
  <si>
    <t>De Woude</t>
  </si>
  <si>
    <t>WK038306</t>
  </si>
  <si>
    <t>2021BU03830601</t>
  </si>
  <si>
    <t>buurten.46b60c5a-ed67-4885-9369-fb633661b868</t>
  </si>
  <si>
    <t>PL0383010002</t>
  </si>
  <si>
    <t>waar mogelijk tot klaar voor LT-warmtenet</t>
  </si>
  <si>
    <t>BU03830701</t>
  </si>
  <si>
    <t>Limmen West</t>
  </si>
  <si>
    <t>WK038307</t>
  </si>
  <si>
    <t>2021BU03830701</t>
  </si>
  <si>
    <t>buurten.6725b7d6-6449-44a0-901f-38f81ced785e</t>
  </si>
  <si>
    <t>BU03830711</t>
  </si>
  <si>
    <t>Limmen Centrum</t>
  </si>
  <si>
    <t>2021BU03830711</t>
  </si>
  <si>
    <t>buurten.122e70a2-f334-4be4-9209-28d1abc2e013</t>
  </si>
  <si>
    <t>BU03830721</t>
  </si>
  <si>
    <t>Limmen Oost</t>
  </si>
  <si>
    <t>2021BU03830721</t>
  </si>
  <si>
    <t>buurten.8dd23951-1af0-418f-8909-5e07a7cd4a61</t>
  </si>
  <si>
    <t>BU03840101</t>
  </si>
  <si>
    <t>Buytenstee</t>
  </si>
  <si>
    <t>WK038401</t>
  </si>
  <si>
    <t>2021BU03840101</t>
  </si>
  <si>
    <t>buurten.a8151534-090b-4ca4-a237-e367046b1b96</t>
  </si>
  <si>
    <t>BU03840102</t>
  </si>
  <si>
    <t>Oud Diemen</t>
  </si>
  <si>
    <t>2021BU03840102</t>
  </si>
  <si>
    <t>buurten.4d895dd7-743a-46db-bbb9-abc2b7b8e192</t>
  </si>
  <si>
    <t>PL0384010001</t>
  </si>
  <si>
    <t>Participatie</t>
  </si>
  <si>
    <t>We willen geen keuzes maken waar we later spijt van krijgen. Het terugdringen van onze warmtevraag is altijd een goede keuze. Daarom zetten we allereerst in op isoleren. De gemeente stimuleert inwoners om te isoleren tot schillabel B.</t>
  </si>
  <si>
    <t>BU03840103</t>
  </si>
  <si>
    <t>Vogelweide</t>
  </si>
  <si>
    <t>2021BU03840103</t>
  </si>
  <si>
    <t>buurten.74cbe62f-91d1-4c63-8d19-24b290b104b4</t>
  </si>
  <si>
    <t>BU03840104</t>
  </si>
  <si>
    <t>Scheepskwartier</t>
  </si>
  <si>
    <t>2021BU03840104</t>
  </si>
  <si>
    <t>buurten.b0db0e14-8a9d-4a86-8285-b8f48143bb11</t>
  </si>
  <si>
    <t>BU03840105</t>
  </si>
  <si>
    <t>Vlindertuin</t>
  </si>
  <si>
    <t>2021BU03840105</t>
  </si>
  <si>
    <t>buurten.e19af156-c0a1-4910-bcf4-82cbbf6e7ed7</t>
  </si>
  <si>
    <t>BU03840106</t>
  </si>
  <si>
    <t>Diemerpolder</t>
  </si>
  <si>
    <t>2021BU03840106</t>
  </si>
  <si>
    <t>buurten.c2ec4760-2667-4401-a332-8923ac0642ef</t>
  </si>
  <si>
    <t>BU03840201</t>
  </si>
  <si>
    <t>WK038402</t>
  </si>
  <si>
    <t>2021BU03840201</t>
  </si>
  <si>
    <t>buurten.34f294f8-c581-4f2b-aa8f-5b39c9d79d05</t>
  </si>
  <si>
    <t>BU03840202</t>
  </si>
  <si>
    <t>Ruimzicht West</t>
  </si>
  <si>
    <t>2021BU03840202</t>
  </si>
  <si>
    <t>buurten.b1f6bd49-6cec-41f9-a989-b9a085f69084</t>
  </si>
  <si>
    <t>BU03840203</t>
  </si>
  <si>
    <t>Spoorzicht</t>
  </si>
  <si>
    <t>2021BU03840203</t>
  </si>
  <si>
    <t>buurten.090cc436-1d87-4bb1-a2bd-b67f590445c3</t>
  </si>
  <si>
    <t>BU03840204</t>
  </si>
  <si>
    <t>Buitenlust</t>
  </si>
  <si>
    <t>2021BU03840204</t>
  </si>
  <si>
    <t>buurten.ea9c72be-b067-4e4b-af1e-0d618e25a37f</t>
  </si>
  <si>
    <t>BU03840205</t>
  </si>
  <si>
    <t>Spoordriehoek</t>
  </si>
  <si>
    <t>2021BU03840205</t>
  </si>
  <si>
    <t>buurten.d049fb80-c9af-4828-8e56-7bc972a9dc00</t>
  </si>
  <si>
    <t>BU03840206</t>
  </si>
  <si>
    <t>Ruimzicht Oost</t>
  </si>
  <si>
    <t>2021BU03840206</t>
  </si>
  <si>
    <t>buurten.92f0cadc-eaa5-49c0-a204-5018225242e0</t>
  </si>
  <si>
    <t>BU03840207</t>
  </si>
  <si>
    <t>2021BU03840207</t>
  </si>
  <si>
    <t>buurten.8ec00686-882b-4ff6-9296-e2a6107158bd</t>
  </si>
  <si>
    <t>BU03840208</t>
  </si>
  <si>
    <t>Studentenflats Rode Kruislaan</t>
  </si>
  <si>
    <t>2021BU03840208</t>
  </si>
  <si>
    <t>buurten.17d82360-7ba1-4536-accb-4c05352798b8</t>
  </si>
  <si>
    <t>BU03840301</t>
  </si>
  <si>
    <t>Akkerland</t>
  </si>
  <si>
    <t>WK038403</t>
  </si>
  <si>
    <t>2021BU03840301</t>
  </si>
  <si>
    <t>buurten.c97eadbf-cfc0-40be-8d25-2f1ee6e66f05</t>
  </si>
  <si>
    <t>BU03840302</t>
  </si>
  <si>
    <t>Bomenrijk</t>
  </si>
  <si>
    <t>2021BU03840302</t>
  </si>
  <si>
    <t>buurten.4386c65d-d063-4f5b-83d4-e75f33fc0068</t>
  </si>
  <si>
    <t>BU03840303</t>
  </si>
  <si>
    <t>Beukenhorst</t>
  </si>
  <si>
    <t>2021BU03840303</t>
  </si>
  <si>
    <t>buurten.3c529315-4a7f-40b9-89ca-3d146618fc77</t>
  </si>
  <si>
    <t>BU03840304</t>
  </si>
  <si>
    <t>Anne Frank</t>
  </si>
  <si>
    <t>2021BU03840304</t>
  </si>
  <si>
    <t>buurten.ca0e9005-fad3-4d21-875e-f7ee7c147c19</t>
  </si>
  <si>
    <t>BU03840305</t>
  </si>
  <si>
    <t>Schelpenhoek</t>
  </si>
  <si>
    <t>2021BU03840305</t>
  </si>
  <si>
    <t>buurten.ec808308-dd67-42c7-a260-ef254a9971cd</t>
  </si>
  <si>
    <t>BU03840306</t>
  </si>
  <si>
    <t>Kruidenhof</t>
  </si>
  <si>
    <t>2021BU03840306</t>
  </si>
  <si>
    <t>buurten.16e7986f-9e3e-4d70-ad9a-62924fb49c9e</t>
  </si>
  <si>
    <t>BU03840307</t>
  </si>
  <si>
    <t>Polderland</t>
  </si>
  <si>
    <t>2021BU03840307</t>
  </si>
  <si>
    <t>buurten.177aca7d-be3b-4a5e-86fd-814553c0ed0d</t>
  </si>
  <si>
    <t>BU03840308</t>
  </si>
  <si>
    <t>Biesbosch</t>
  </si>
  <si>
    <t>2021BU03840308</t>
  </si>
  <si>
    <t>buurten.17ef286e-6393-4347-9e70-a4366a7a7a80</t>
  </si>
  <si>
    <t>BU03840401</t>
  </si>
  <si>
    <t>Bergwijkpark</t>
  </si>
  <si>
    <t>WK038404</t>
  </si>
  <si>
    <t>2021BU03840401</t>
  </si>
  <si>
    <t>buurten.db8f88ef-e0a6-41bf-8bc5-bfc0c1831b10</t>
  </si>
  <si>
    <t>BU03840501</t>
  </si>
  <si>
    <t>Campus Diemen Zuid</t>
  </si>
  <si>
    <t>WK038405</t>
  </si>
  <si>
    <t>2021BU03840501</t>
  </si>
  <si>
    <t>buurten.0fedd6b9-8bc7-4a91-a7a8-6e67dcaa42ae</t>
  </si>
  <si>
    <t>BU03840502</t>
  </si>
  <si>
    <t>Holland Park</t>
  </si>
  <si>
    <t>2021BU03840502</t>
  </si>
  <si>
    <t>buurten.8896744b-50da-4423-a896-adee3ebc9fb4</t>
  </si>
  <si>
    <t>BU03840503</t>
  </si>
  <si>
    <t>Holland Park Zuid</t>
  </si>
  <si>
    <t>2021BU03840503</t>
  </si>
  <si>
    <t>buurten.82e14a76-2048-4001-8bfc-775206665ecb</t>
  </si>
  <si>
    <t>BU03840504</t>
  </si>
  <si>
    <t>Holland Park West</t>
  </si>
  <si>
    <t>2021BU03840504</t>
  </si>
  <si>
    <t>buurten.fd3626df-bc08-4d85-9b38-5371284f0ce3</t>
  </si>
  <si>
    <t>BU03840601</t>
  </si>
  <si>
    <t>Verrijn Stuart</t>
  </si>
  <si>
    <t>WK038406</t>
  </si>
  <si>
    <t>2021BU03840601</t>
  </si>
  <si>
    <t>buurten.9d494d98-0f89-46f5-9a3e-1a06c3aae49c</t>
  </si>
  <si>
    <t>BU03840602</t>
  </si>
  <si>
    <t>De Sniep</t>
  </si>
  <si>
    <t>2021BU03840602</t>
  </si>
  <si>
    <t>buurten.e31ff1bd-e864-4b43-a982-0db5e300784d</t>
  </si>
  <si>
    <t>BU03840603</t>
  </si>
  <si>
    <t>Stammerdijk</t>
  </si>
  <si>
    <t>2021BU03840603</t>
  </si>
  <si>
    <t>buurten.4a40c978-9861-433e-9eb5-afad0128ff59</t>
  </si>
  <si>
    <t>BU03840701</t>
  </si>
  <si>
    <t>Plantage de Sniep Zuid</t>
  </si>
  <si>
    <t>WK038407</t>
  </si>
  <si>
    <t>2021BU03840701</t>
  </si>
  <si>
    <t>buurten.78431a2a-bb42-4133-9fdb-aa520acfdcea</t>
  </si>
  <si>
    <t>BU03840702</t>
  </si>
  <si>
    <t>Plantage de Sniep Noord</t>
  </si>
  <si>
    <t>2021BU03840702</t>
  </si>
  <si>
    <t>buurten.ed7e57a3-9b98-4cb4-a249-ad3544dd02b3</t>
  </si>
  <si>
    <t>BU03840703</t>
  </si>
  <si>
    <t>Sportpark De Diemen</t>
  </si>
  <si>
    <t>2021BU03840703</t>
  </si>
  <si>
    <t>buurten.fac0570f-3804-4b73-8359-991ac420e33f</t>
  </si>
  <si>
    <t>BU03840801</t>
  </si>
  <si>
    <t>Gemeenschapspolder</t>
  </si>
  <si>
    <t>WK038408</t>
  </si>
  <si>
    <t>2021BU03840801</t>
  </si>
  <si>
    <t>buurten.010398c9-153f-4a19-bb82-98637e1ce400</t>
  </si>
  <si>
    <t>BU03840802</t>
  </si>
  <si>
    <t>Overdiemerpolder</t>
  </si>
  <si>
    <t>2021BU03840802</t>
  </si>
  <si>
    <t>buurten.bd0656ad-5418-4825-b80e-40e522623f52</t>
  </si>
  <si>
    <t>BU03840803</t>
  </si>
  <si>
    <t>Overdiemen</t>
  </si>
  <si>
    <t>2021BU03840803</t>
  </si>
  <si>
    <t>buurten.27a40b96-c15e-44fe-835d-88e483155ebd</t>
  </si>
  <si>
    <t>BU03840804</t>
  </si>
  <si>
    <t>Diemer Vijfhoek</t>
  </si>
  <si>
    <t>2021BU03840804</t>
  </si>
  <si>
    <t>buurten.407cb9d4-c7ca-4362-b142-2ef2825dd074</t>
  </si>
  <si>
    <t>BU03850001</t>
  </si>
  <si>
    <t>Edam-Oude kom</t>
  </si>
  <si>
    <t>WK038500</t>
  </si>
  <si>
    <t>2021BU03850001</t>
  </si>
  <si>
    <t>buurten.75d27eca-4cd9-4400-80df-7c921b0aac49</t>
  </si>
  <si>
    <t>PL0385010010</t>
  </si>
  <si>
    <t>PL0385010064</t>
  </si>
  <si>
    <t>1135A</t>
  </si>
  <si>
    <t>1135W</t>
  </si>
  <si>
    <t>BU03850002</t>
  </si>
  <si>
    <t>Edam-Industriegebied</t>
  </si>
  <si>
    <t>2021BU03850002</t>
  </si>
  <si>
    <t>buurten.64d3afe4-2f01-4e47-b7f4-c8ff499fd864</t>
  </si>
  <si>
    <t>PL0385010029</t>
  </si>
  <si>
    <t>1135G</t>
  </si>
  <si>
    <t>BU03850003</t>
  </si>
  <si>
    <t>Edam-Zuid</t>
  </si>
  <si>
    <t>2021BU03850003</t>
  </si>
  <si>
    <t>buurten.937d47a7-d66b-47e7-8288-c49e0ce3369c</t>
  </si>
  <si>
    <t>PL0385010026</t>
  </si>
  <si>
    <t>1135H</t>
  </si>
  <si>
    <t>BU03850004</t>
  </si>
  <si>
    <t>Edam-Singelwijk</t>
  </si>
  <si>
    <t>2021BU03850004</t>
  </si>
  <si>
    <t>buurten.d42a9845-d556-4a75-b64b-fc4cc1e41554</t>
  </si>
  <si>
    <t>1135J</t>
  </si>
  <si>
    <t>BU03850005</t>
  </si>
  <si>
    <t>Edam-Molenbuurt</t>
  </si>
  <si>
    <t>2021BU03850005</t>
  </si>
  <si>
    <t>buurten.204a9323-2a45-437c-b61d-8bd5b86dc713</t>
  </si>
  <si>
    <t>PL0385010018</t>
  </si>
  <si>
    <t>PL0385010055</t>
  </si>
  <si>
    <t>1132P</t>
  </si>
  <si>
    <t>1135L</t>
  </si>
  <si>
    <t>Veelal particuliere woningen, overstap op natuurlijke momenten. Schaalbaarheid afhankelijk van draagvlak. Koppelkansen WKK zwembad Waterdam en/of collectieve installatie TV Dijkzicht. Warmtebron in de vorm van water in de buurt.</t>
  </si>
  <si>
    <t>Woningen over laten stappen op all-electric, starten met vroegst gebouwde woningen. 986 eengezinswoningen en 152 appartementen</t>
  </si>
  <si>
    <t>Vergaande isolatie</t>
  </si>
  <si>
    <t>WKK put zwembad Waterdam en / of collectieve installatie TV Dijkzicht, kleinschalig collectief gebruik oppervlaktewater</t>
  </si>
  <si>
    <t>WKK en/of aquathermie (TEO)</t>
  </si>
  <si>
    <t>BU03850006</t>
  </si>
  <si>
    <t>Zeevangpolder</t>
  </si>
  <si>
    <t>2021BU03850006</t>
  </si>
  <si>
    <t>buurten.35c96715-af93-4b9d-9182-1c88e03f9efb</t>
  </si>
  <si>
    <t>PL0385010012</t>
  </si>
  <si>
    <t>PL0385010062</t>
  </si>
  <si>
    <t>1135C</t>
  </si>
  <si>
    <t>1135T</t>
  </si>
  <si>
    <t>BU03850101</t>
  </si>
  <si>
    <t>Purmerpolder</t>
  </si>
  <si>
    <t>WK038501</t>
  </si>
  <si>
    <t>2021BU03850101</t>
  </si>
  <si>
    <t>buurten.968e1a41-cbfe-4608-a871-e524ad308f16</t>
  </si>
  <si>
    <t>BU03850201</t>
  </si>
  <si>
    <t>Volendam-Oude kom</t>
  </si>
  <si>
    <t>WK038502</t>
  </si>
  <si>
    <t>2021BU03850201</t>
  </si>
  <si>
    <t>buurten.c5ef4e84-b0d8-4c7f-87d2-0673bbb8a423</t>
  </si>
  <si>
    <t>PL0385010008</t>
  </si>
  <si>
    <t>PL0385010065</t>
  </si>
  <si>
    <t>1131A</t>
  </si>
  <si>
    <t>1131Z</t>
  </si>
  <si>
    <t>BU03850202</t>
  </si>
  <si>
    <t>Volendam-Katham + Planetenbuurt</t>
  </si>
  <si>
    <t>2021BU03850202</t>
  </si>
  <si>
    <t>buurten.a9830f25-a033-4d67-a27e-cdf2f2ae4180</t>
  </si>
  <si>
    <t>PL0385010009</t>
  </si>
  <si>
    <t>PL0385010060</t>
  </si>
  <si>
    <t>1132D</t>
  </si>
  <si>
    <t>BU03850203</t>
  </si>
  <si>
    <t>Volendam-Blokgouw 1 en 2</t>
  </si>
  <si>
    <t>2021BU03850203</t>
  </si>
  <si>
    <t>buurten.56aa1922-9e10-4b4c-b622-a7e03a4a5cc5</t>
  </si>
  <si>
    <t>PL0385010025</t>
  </si>
  <si>
    <t>PL0385010063</t>
  </si>
  <si>
    <t>1131N</t>
  </si>
  <si>
    <t>1132X</t>
  </si>
  <si>
    <t>BU03850204</t>
  </si>
  <si>
    <t>Volendam-Blokgouw 3</t>
  </si>
  <si>
    <t>2021BU03850204</t>
  </si>
  <si>
    <t>buurten.2d234a39-c40a-4442-a976-2185fab1c75a</t>
  </si>
  <si>
    <t>PL0385010027</t>
  </si>
  <si>
    <t>1132A</t>
  </si>
  <si>
    <t>1132V</t>
  </si>
  <si>
    <t>BU03850205</t>
  </si>
  <si>
    <t>Volendam-Blokgouw 4, 5 en 6</t>
  </si>
  <si>
    <t>2021BU03850205</t>
  </si>
  <si>
    <t>buurten.ddc3ff98-e231-4311-94c1-e40c17ff731c</t>
  </si>
  <si>
    <t>PL0385010028</t>
  </si>
  <si>
    <t>PL0385010059</t>
  </si>
  <si>
    <t>BU03850206</t>
  </si>
  <si>
    <t>Volendam-Blokgouw 7 en 8</t>
  </si>
  <si>
    <t>2021BU03850206</t>
  </si>
  <si>
    <t>buurten.cf049706-8c3d-4802-9005-a47c0722206f</t>
  </si>
  <si>
    <t>1132H</t>
  </si>
  <si>
    <t>BU03850207</t>
  </si>
  <si>
    <t>Volendam-Rozettenbuurt</t>
  </si>
  <si>
    <t>2021BU03850207</t>
  </si>
  <si>
    <t>buurten.c17fff42-fb07-43f5-b8fc-5cc807ea664a</t>
  </si>
  <si>
    <t>PL0385010016</t>
  </si>
  <si>
    <t>PL0385010058</t>
  </si>
  <si>
    <t>1131D</t>
  </si>
  <si>
    <t>1131R</t>
  </si>
  <si>
    <t>BU03850208</t>
  </si>
  <si>
    <t>Volendam-Bloemenbuurt</t>
  </si>
  <si>
    <t>2021BU03850208</t>
  </si>
  <si>
    <t>buurten.05928945-d206-4a1e-8149-12a54b7e56fc</t>
  </si>
  <si>
    <t>PL0385010014</t>
  </si>
  <si>
    <t>1131C</t>
  </si>
  <si>
    <t>1131W</t>
  </si>
  <si>
    <t>BU03850209</t>
  </si>
  <si>
    <t>Volendam-Industriegebied</t>
  </si>
  <si>
    <t>2021BU03850209</t>
  </si>
  <si>
    <t>buurten.e72dc5f5-801b-473f-bc2e-6f02a94a4deb</t>
  </si>
  <si>
    <t>1132L</t>
  </si>
  <si>
    <t>BU03850210</t>
  </si>
  <si>
    <t>Volendam-Middengebied</t>
  </si>
  <si>
    <t>2021BU03850210</t>
  </si>
  <si>
    <t>buurten.f24fbdbb-5d79-4310-ad89-2cbe66b6756b</t>
  </si>
  <si>
    <t>PL0385010056</t>
  </si>
  <si>
    <t>1131J</t>
  </si>
  <si>
    <t>1132T</t>
  </si>
  <si>
    <t>BU03850211</t>
  </si>
  <si>
    <t>Lange Weeren</t>
  </si>
  <si>
    <t>2021BU03850211</t>
  </si>
  <si>
    <t>buurten.b600aae5-7442-4d9e-9cfc-e5d3e3160e93</t>
  </si>
  <si>
    <t>PL0385010044</t>
  </si>
  <si>
    <t>BU03850212</t>
  </si>
  <si>
    <t>Broeckgouw</t>
  </si>
  <si>
    <t>2021BU03850212</t>
  </si>
  <si>
    <t>buurten.aae69087-e5f8-4686-99a0-54e01da7ad8b</t>
  </si>
  <si>
    <t>PL0385010007</t>
  </si>
  <si>
    <t>PL0385010053</t>
  </si>
  <si>
    <t>1135K</t>
  </si>
  <si>
    <t>BU03850301</t>
  </si>
  <si>
    <t>Beets</t>
  </si>
  <si>
    <t>WK038503</t>
  </si>
  <si>
    <t>2021BU03850301</t>
  </si>
  <si>
    <t>buurten.06445f1e-d703-413c-9113-fce80ea45914</t>
  </si>
  <si>
    <t>BU03850401</t>
  </si>
  <si>
    <t>Oosthuizen</t>
  </si>
  <si>
    <t>WK038504</t>
  </si>
  <si>
    <t>2021BU03850401</t>
  </si>
  <si>
    <t>buurten.674e66f4-e5a5-4c2e-b742-28a1383fd7f0</t>
  </si>
  <si>
    <t>PL0385010038</t>
  </si>
  <si>
    <t>1474H</t>
  </si>
  <si>
    <t>Individuele oplossingen all-electric voor ruim 800 woningen</t>
  </si>
  <si>
    <t>Kleinschalig collectief gebruik oppervlaktewater</t>
  </si>
  <si>
    <t>BU03850402</t>
  </si>
  <si>
    <t>De Watering</t>
  </si>
  <si>
    <t>2021BU03850402</t>
  </si>
  <si>
    <t>buurten.ce41c662-2d9d-4346-a270-dbed95413dd0</t>
  </si>
  <si>
    <t>PL0385010003</t>
  </si>
  <si>
    <t>1474R</t>
  </si>
  <si>
    <t>Woningbouwvereniging Wooncompagnie zorgt voor draagvlak, RWZI voor schaalbaarheid en thermische energie uit Beemsterringvaart. Koppelkansen onderhoudsplannen betrokken partijen.</t>
  </si>
  <si>
    <t>Warmtenet aanleggen en woningen aansluiten op warmtenet. In ieder geval 93 corporatiewoningen aardgasvrij, totaal 258 woningen</t>
  </si>
  <si>
    <t>RWZI  en Beemsterringvaart</t>
  </si>
  <si>
    <t>BU03850501</t>
  </si>
  <si>
    <t>Warder</t>
  </si>
  <si>
    <t>WK038505</t>
  </si>
  <si>
    <t>2021BU03850501</t>
  </si>
  <si>
    <t>buurten.17ada477-a6a1-4f10-8fa5-29696993115e</t>
  </si>
  <si>
    <t>PL0385010002</t>
  </si>
  <si>
    <t>1473P</t>
  </si>
  <si>
    <t>bodemenergie en/of zonnewarmte en/of omgevingswarmte</t>
  </si>
  <si>
    <t>BU03850601</t>
  </si>
  <si>
    <t>Middelie</t>
  </si>
  <si>
    <t>WK038506</t>
  </si>
  <si>
    <t>2021BU03850601</t>
  </si>
  <si>
    <t>buurten.f50caee1-04e4-48af-8323-0c5ada3f3bdb</t>
  </si>
  <si>
    <t>PL0385010001</t>
  </si>
  <si>
    <t>1472G</t>
  </si>
  <si>
    <t>BU03850701</t>
  </si>
  <si>
    <t>Kwadijk</t>
  </si>
  <si>
    <t>WK038507</t>
  </si>
  <si>
    <t>2021BU03850701</t>
  </si>
  <si>
    <t>buurten.8e4d71f1-8c55-4aa8-bfdb-12b42c18afe8</t>
  </si>
  <si>
    <t>PL0385010005</t>
  </si>
  <si>
    <t>1471C</t>
  </si>
  <si>
    <t>Aanleggen warmtenet, woningen aansluiten op Stadsverwarming Purmerend. 272 woningen, veelal eengezinswonigen.</t>
  </si>
  <si>
    <t>bestaande warmtenet uitbreiden</t>
  </si>
  <si>
    <t>BU03850801</t>
  </si>
  <si>
    <t>Schardam</t>
  </si>
  <si>
    <t>WK038508</t>
  </si>
  <si>
    <t>2021BU03850801</t>
  </si>
  <si>
    <t>buurten.a031191e-645f-4f43-bafc-6bf44c978115</t>
  </si>
  <si>
    <t>BU03850901</t>
  </si>
  <si>
    <t>Hobrede</t>
  </si>
  <si>
    <t>WK038509</t>
  </si>
  <si>
    <t>2021BU03850901</t>
  </si>
  <si>
    <t>buurten.17adbb20-9f46-40d8-a1cf-341973e9e8a3</t>
  </si>
  <si>
    <t>PL0385010019</t>
  </si>
  <si>
    <t>1477E</t>
  </si>
  <si>
    <t>BU03880001</t>
  </si>
  <si>
    <t>Centrum Zuid-Oost</t>
  </si>
  <si>
    <t>WK038800</t>
  </si>
  <si>
    <t>2021BU03880001</t>
  </si>
  <si>
    <t>buurten.a8245f70-0aa8-4839-8337-ca018ce2d03d</t>
  </si>
  <si>
    <t>BU03880002</t>
  </si>
  <si>
    <t>Centrum Noord-Oost</t>
  </si>
  <si>
    <t>2021BU03880002</t>
  </si>
  <si>
    <t>buurten.50d4c538-5d3e-4704-837f-5f1b3e7f09c3</t>
  </si>
  <si>
    <t>PL0388010001</t>
  </si>
  <si>
    <t>Enkhuizen-noord</t>
  </si>
  <si>
    <t>corporatiebezit aardgasvrij-ready maken</t>
  </si>
  <si>
    <t>BU03880003</t>
  </si>
  <si>
    <t>Centrum Noord-West</t>
  </si>
  <si>
    <t>2021BU03880003</t>
  </si>
  <si>
    <t>buurten.169256fd-bd7f-490e-bcb2-77c47389d133</t>
  </si>
  <si>
    <t>BU03880004</t>
  </si>
  <si>
    <t>Centrum Zuid-West</t>
  </si>
  <si>
    <t>2021BU03880004</t>
  </si>
  <si>
    <t>buurten.b3e43a2f-72e7-4407-b223-87a7d70ae7f7</t>
  </si>
  <si>
    <t>BU03880101</t>
  </si>
  <si>
    <t>WK038801</t>
  </si>
  <si>
    <t>2021BU03880101</t>
  </si>
  <si>
    <t>buurten.22134f25-62ef-4a41-83de-47d89fbce292</t>
  </si>
  <si>
    <t>PL0388010002</t>
  </si>
  <si>
    <t>Oude Gouw-Gommerwijk</t>
  </si>
  <si>
    <t>actieve participatie van bewoners en ondernemers</t>
  </si>
  <si>
    <t>BU03880102</t>
  </si>
  <si>
    <t>Gommerwijk West-West</t>
  </si>
  <si>
    <t>2021BU03880102</t>
  </si>
  <si>
    <t>buurten.4ca76c6f-c512-4db4-952e-ebc8d20ccb37</t>
  </si>
  <si>
    <t>BU03880103</t>
  </si>
  <si>
    <t>Drechterwijk</t>
  </si>
  <si>
    <t>2021BU03880103</t>
  </si>
  <si>
    <t>buurten.e7454747-b768-47ec-b456-4363ef2576f4</t>
  </si>
  <si>
    <t>BU03880104</t>
  </si>
  <si>
    <t>Gommerwijk West</t>
  </si>
  <si>
    <t>2021BU03880104</t>
  </si>
  <si>
    <t>buurten.6486b2bb-d188-45d1-8e16-190afbbc7ab9</t>
  </si>
  <si>
    <t>BU03880105</t>
  </si>
  <si>
    <t>Gommerwijk Oost</t>
  </si>
  <si>
    <t>2021BU03880105</t>
  </si>
  <si>
    <t>buurten.98a96f13-c4cc-432b-afd9-c23e718f51a7</t>
  </si>
  <si>
    <t>BU03880106</t>
  </si>
  <si>
    <t>Oude Gouw</t>
  </si>
  <si>
    <t>2021BU03880106</t>
  </si>
  <si>
    <t>buurten.d92d21a2-02b1-4f86-b078-ef51ec852cfe</t>
  </si>
  <si>
    <t>BU03880107</t>
  </si>
  <si>
    <t>2021BU03880107</t>
  </si>
  <si>
    <t>buurten.bf089fc1-f270-4918-97b6-7471ea9987fb</t>
  </si>
  <si>
    <t>BU03880108</t>
  </si>
  <si>
    <t>Enkhuizerzand</t>
  </si>
  <si>
    <t>2021BU03880108</t>
  </si>
  <si>
    <t>buurten.b65929ee-fe1c-42de-bbce-666da049843a</t>
  </si>
  <si>
    <t>BU03880201</t>
  </si>
  <si>
    <t>Enkhuizen buitengebied</t>
  </si>
  <si>
    <t>WK038802</t>
  </si>
  <si>
    <t>2021BU03880201</t>
  </si>
  <si>
    <t>buurten.119a8340-c446-411b-90ae-07891db4e9b0</t>
  </si>
  <si>
    <t>BU03880301</t>
  </si>
  <si>
    <t>WK038803</t>
  </si>
  <si>
    <t>2021BU03880301</t>
  </si>
  <si>
    <t>buurten.6f08e852-b551-4bc0-a420-04c1b5eb966d</t>
  </si>
  <si>
    <t>BU03880302</t>
  </si>
  <si>
    <t>Schepenwijk</t>
  </si>
  <si>
    <t>2021BU03880302</t>
  </si>
  <si>
    <t>buurten.fb8d607d-a57f-41c3-b1f1-773e8282f68b</t>
  </si>
  <si>
    <t>BU03880303</t>
  </si>
  <si>
    <t>Krabbersplaat</t>
  </si>
  <si>
    <t>2021BU03880303</t>
  </si>
  <si>
    <t>buurten.6d9d5f85-a474-4f9b-987a-75ba617e7f64</t>
  </si>
  <si>
    <t>BU03880304</t>
  </si>
  <si>
    <t>Ketenwaal</t>
  </si>
  <si>
    <t>2021BU03880304</t>
  </si>
  <si>
    <t>buurten.74f85bd1-4636-4c94-bb48-ce2ac870b9db</t>
  </si>
  <si>
    <t>BU03881001</t>
  </si>
  <si>
    <t>IJsselmeer en Markermeer</t>
  </si>
  <si>
    <t>WK038810</t>
  </si>
  <si>
    <t>2021BU03881001</t>
  </si>
  <si>
    <t>buurten.445b9b0f-eaf4-4d94-b9ca-3264ac18c950</t>
  </si>
  <si>
    <t>BU03881002</t>
  </si>
  <si>
    <t>Vogeleiland</t>
  </si>
  <si>
    <t>2021BU03881002</t>
  </si>
  <si>
    <t>buurten.fcb3ae68-09f0-4242-8864-f7bd2817ea42</t>
  </si>
  <si>
    <t>BU03920101</t>
  </si>
  <si>
    <t>WK039201</t>
  </si>
  <si>
    <t>2021BU03920101</t>
  </si>
  <si>
    <t>buurten.f4695e62-1353-4d3d-8b27-50673b043ff3</t>
  </si>
  <si>
    <t>PL0392010004</t>
  </si>
  <si>
    <t>Verduurzamen van kantoren</t>
  </si>
  <si>
    <t>Om eigenaren van woningen vanaf 1995 intensiever te gaan stimuleren en ondersteunen zodat deze op natuurlijke momenten hun woningen voor 2040 aardgasvrij maken.</t>
  </si>
  <si>
    <t>BU03920102</t>
  </si>
  <si>
    <t>2021BU03920102</t>
  </si>
  <si>
    <t>buurten.95ac02c2-8851-4ef4-8b2c-8d9304189dc7</t>
  </si>
  <si>
    <t>BU03920103</t>
  </si>
  <si>
    <t>Bakenes</t>
  </si>
  <si>
    <t>2021BU03920103</t>
  </si>
  <si>
    <t>buurten.2b62659a-b831-4e2e-a2e9-6f7c9657f8b5</t>
  </si>
  <si>
    <t>BU03920104</t>
  </si>
  <si>
    <t>Burgwal</t>
  </si>
  <si>
    <t>2021BU03920104</t>
  </si>
  <si>
    <t>buurten.eb624adb-a0fa-4e13-b1f7-3a06b2ba3b6c</t>
  </si>
  <si>
    <t>PL0392010003</t>
  </si>
  <si>
    <t>20-50% van bedrijven aansluiten tot 2030. 2022 start warmtenet 1e bedrijven</t>
  </si>
  <si>
    <t>restwarmte en/of geothermie</t>
  </si>
  <si>
    <t>BU03920105</t>
  </si>
  <si>
    <t>Vijfhoek</t>
  </si>
  <si>
    <t>2021BU03920105</t>
  </si>
  <si>
    <t>buurten.b3260bec-b325-4e7c-a42e-f27019363b62</t>
  </si>
  <si>
    <t>BU03920106</t>
  </si>
  <si>
    <t>Heiliglanden</t>
  </si>
  <si>
    <t>2021BU03920106</t>
  </si>
  <si>
    <t>buurten.7c5e32ae-8ac0-4458-a6ab-479e5b107f04</t>
  </si>
  <si>
    <t>BU03920201</t>
  </si>
  <si>
    <t>WK039202</t>
  </si>
  <si>
    <t>2021BU03920201</t>
  </si>
  <si>
    <t>buurten.c0d3cceb-641e-4930-9ee9-cc47dbc2d0c7</t>
  </si>
  <si>
    <t>BU03920202</t>
  </si>
  <si>
    <t>Florapark</t>
  </si>
  <si>
    <t>2021BU03920202</t>
  </si>
  <si>
    <t>buurten.4eb0bba1-9454-4861-9e9f-62068f47e56e</t>
  </si>
  <si>
    <t>BU03920203</t>
  </si>
  <si>
    <t>2021BU03920203</t>
  </si>
  <si>
    <t>buurten.d0d2f3db-f2eb-4846-95ed-32433978cf4b</t>
  </si>
  <si>
    <t>BU03920204</t>
  </si>
  <si>
    <t>Rozenprieel-noord</t>
  </si>
  <si>
    <t>2021BU03920204</t>
  </si>
  <si>
    <t>buurten.5a9687cd-cfc8-4a9d-acb0-a2dcf4d01f54</t>
  </si>
  <si>
    <t>BU03920205</t>
  </si>
  <si>
    <t>Rozenprieel-zuid</t>
  </si>
  <si>
    <t>2021BU03920205</t>
  </si>
  <si>
    <t>buurten.cca624fc-ebbb-4556-9f29-6192b7e58dcf</t>
  </si>
  <si>
    <t>BU03920206</t>
  </si>
  <si>
    <t>Bosch en Vaart</t>
  </si>
  <si>
    <t>2021BU03920206</t>
  </si>
  <si>
    <t>buurten.f4112437-14b0-4edc-98d5-0881b996d29f</t>
  </si>
  <si>
    <t>PL0397010003</t>
  </si>
  <si>
    <t>Zandvoortselaan en Berkenrode en omgeving</t>
  </si>
  <si>
    <t>BU03920207</t>
  </si>
  <si>
    <t>Haarlemmerhout</t>
  </si>
  <si>
    <t>2021BU03920207</t>
  </si>
  <si>
    <t>buurten.d3767a3f-4b46-4f8a-b428-17e434854e42</t>
  </si>
  <si>
    <t>BU03920208</t>
  </si>
  <si>
    <t>Zuiderhout</t>
  </si>
  <si>
    <t>2021BU03920208</t>
  </si>
  <si>
    <t>buurten.9fb5d610-2868-4ddd-9d22-153eaa4a98f0</t>
  </si>
  <si>
    <t>PL0397010004</t>
  </si>
  <si>
    <t>Heemsteedse Dreef, Schilderwijk en omgeving</t>
  </si>
  <si>
    <t>BU03920301</t>
  </si>
  <si>
    <t>Garenkokerskwartier</t>
  </si>
  <si>
    <t>WK039203</t>
  </si>
  <si>
    <t>2021BU03920301</t>
  </si>
  <si>
    <t>buurten.4f6e0599-2bff-410f-ae95-23d4f0ee265c</t>
  </si>
  <si>
    <t>BU03920302</t>
  </si>
  <si>
    <t>Hasselaersbuurt</t>
  </si>
  <si>
    <t>2021BU03920302</t>
  </si>
  <si>
    <t>buurten.897823b8-d360-42d1-b275-de89f575d04a</t>
  </si>
  <si>
    <t>BU03920303</t>
  </si>
  <si>
    <t>Leidsebuurt-west</t>
  </si>
  <si>
    <t>2021BU03920303</t>
  </si>
  <si>
    <t>buurten.2faad4d0-ea31-4059-bb90-b3dc28ed1148</t>
  </si>
  <si>
    <t>BU03920304</t>
  </si>
  <si>
    <t>Leidsebuurt-oost</t>
  </si>
  <si>
    <t>2021BU03920304</t>
  </si>
  <si>
    <t>buurten.843490f6-cac7-4b9d-a924-0495a0fde03c</t>
  </si>
  <si>
    <t>BU03920401</t>
  </si>
  <si>
    <t>Van Galenbuurt</t>
  </si>
  <si>
    <t>WK039204</t>
  </si>
  <si>
    <t>2021BU03920401</t>
  </si>
  <si>
    <t>buurten.083e06bf-34d4-49ea-8598-a353cc3307a5</t>
  </si>
  <si>
    <t>BU03920402</t>
  </si>
  <si>
    <t>2021BU03920402</t>
  </si>
  <si>
    <t>buurten.7db319e5-ef5b-4650-bedc-d10cd237d9c0</t>
  </si>
  <si>
    <t>BU03920403</t>
  </si>
  <si>
    <t>Geschiedschrijversbuurt</t>
  </si>
  <si>
    <t>2021BU03920403</t>
  </si>
  <si>
    <t>buurten.e2e16494-affc-4ea0-aa25-0fe0510adb43</t>
  </si>
  <si>
    <t>BU03920404</t>
  </si>
  <si>
    <t>Natuurkundigenbuurt-west</t>
  </si>
  <si>
    <t>2021BU03920404</t>
  </si>
  <si>
    <t>buurten.70b3937a-86a7-49c7-b74a-b8c0cfd9fcf9</t>
  </si>
  <si>
    <t>BU03920405</t>
  </si>
  <si>
    <t>Natuurkundigenbuurt-oost</t>
  </si>
  <si>
    <t>2021BU03920405</t>
  </si>
  <si>
    <t>buurten.5b8c8208-0e2a-406f-a6e0-587d1b587a66</t>
  </si>
  <si>
    <t>Dichters- en Vogelwijk</t>
  </si>
  <si>
    <t>BU03920501</t>
  </si>
  <si>
    <t>Veldzigt</t>
  </si>
  <si>
    <t>WK039205</t>
  </si>
  <si>
    <t>2021BU03920501</t>
  </si>
  <si>
    <t>buurten.56dac05d-8655-4c8f-978c-690980c9c505</t>
  </si>
  <si>
    <t>BU03920502</t>
  </si>
  <si>
    <t>2021BU03920502</t>
  </si>
  <si>
    <t>buurten.a3a0dc5a-4d0b-487c-a1bb-69754eda59d3</t>
  </si>
  <si>
    <t>BU03920503</t>
  </si>
  <si>
    <t>Ramplaankwartier</t>
  </si>
  <si>
    <t>2021BU03920503</t>
  </si>
  <si>
    <t>buurten.6f30ddc3-f822-4d70-b367-5ff3a93ff4dc</t>
  </si>
  <si>
    <t>Overveen (Vijverpark en Kennemerpark)</t>
  </si>
  <si>
    <t>BU03920504</t>
  </si>
  <si>
    <t>Tuinbouwgebied-noord</t>
  </si>
  <si>
    <t>2021BU03920504</t>
  </si>
  <si>
    <t>buurten.50dec251-5038-43b7-8de5-de0b3b20dd66</t>
  </si>
  <si>
    <t>BU03920505</t>
  </si>
  <si>
    <t>Tuinbouwgebied-zuid</t>
  </si>
  <si>
    <t>2021BU03920505</t>
  </si>
  <si>
    <t>buurten.626c7281-e5f9-4ca4-92b1-fadd381e357c</t>
  </si>
  <si>
    <t>BU03920506</t>
  </si>
  <si>
    <t>Oosterduin</t>
  </si>
  <si>
    <t>2021BU03920506</t>
  </si>
  <si>
    <t>buurten.7bde5bc3-d34e-4e8a-b960-0e36178d1b02</t>
  </si>
  <si>
    <t>BU03920601</t>
  </si>
  <si>
    <t>Sportliedenbuurt</t>
  </si>
  <si>
    <t>WK039206</t>
  </si>
  <si>
    <t>2021BU03920601</t>
  </si>
  <si>
    <t>buurten.714c043f-45b6-4389-8e66-4f5aed0c58a5</t>
  </si>
  <si>
    <t>BU03920602</t>
  </si>
  <si>
    <t>Waarderpolder</t>
  </si>
  <si>
    <t>2021BU03920602</t>
  </si>
  <si>
    <t>buurten.6642510b-3043-4081-9bbd-d5bd8081482e</t>
  </si>
  <si>
    <t>BU03920603</t>
  </si>
  <si>
    <t>Schoteroog en Veerpolder</t>
  </si>
  <si>
    <t>2021BU03920603</t>
  </si>
  <si>
    <t>buurten.b18c240c-a332-47a0-b99a-95b090640fc5</t>
  </si>
  <si>
    <t>BU03920701</t>
  </si>
  <si>
    <t>Oude Amsterdamsebuurt</t>
  </si>
  <si>
    <t>WK039207</t>
  </si>
  <si>
    <t>2021BU03920701</t>
  </si>
  <si>
    <t>buurten.0ccd7851-f0ff-4c1f-aa29-c31c557ed8fc</t>
  </si>
  <si>
    <t>BU03920702</t>
  </si>
  <si>
    <t>Potgieterbuurt</t>
  </si>
  <si>
    <t>2021BU03920702</t>
  </si>
  <si>
    <t>buurten.552b2d6a-0ba7-4495-9dce-36d3500e644e</t>
  </si>
  <si>
    <t>BU03920703</t>
  </si>
  <si>
    <t>Cremerbuurt</t>
  </si>
  <si>
    <t>2021BU03920703</t>
  </si>
  <si>
    <t>buurten.b707090a-28a3-4c04-9aaa-5a771fdab896</t>
  </si>
  <si>
    <t>BU03920704</t>
  </si>
  <si>
    <t>Van Zeggelenbuurt</t>
  </si>
  <si>
    <t>2021BU03920704</t>
  </si>
  <si>
    <t>buurten.ae8c6ec2-e24d-46ab-af78-91d432c4dfb5</t>
  </si>
  <si>
    <t>BU03920801</t>
  </si>
  <si>
    <t>Kruistochtbuurt</t>
  </si>
  <si>
    <t>WK039208</t>
  </si>
  <si>
    <t>2021BU03920801</t>
  </si>
  <si>
    <t>buurten.539c1f48-57e1-4088-98c6-decce46995a3</t>
  </si>
  <si>
    <t>BU03920802</t>
  </si>
  <si>
    <t>2021BU03920802</t>
  </si>
  <si>
    <t>buurten.1ea190a5-70f5-44b4-be57-ea29354ac7af</t>
  </si>
  <si>
    <t>BU03920803</t>
  </si>
  <si>
    <t>Karolingenbuurt</t>
  </si>
  <si>
    <t>2021BU03920803</t>
  </si>
  <si>
    <t>buurten.0e94471e-df9d-4169-95a1-43b2d8dd483f</t>
  </si>
  <si>
    <t>BU03920804</t>
  </si>
  <si>
    <t>Verzetsliedenbuurt</t>
  </si>
  <si>
    <t>2021BU03920804</t>
  </si>
  <si>
    <t>buurten.3af46746-d087-4e16-a515-1146e48c6b14</t>
  </si>
  <si>
    <t>BU03920901</t>
  </si>
  <si>
    <t>WK039209</t>
  </si>
  <si>
    <t>2021BU03920901</t>
  </si>
  <si>
    <t>buurten.b2ef1d55-92ae-43c3-91ca-c547f7a5e01a</t>
  </si>
  <si>
    <t>BU03920902</t>
  </si>
  <si>
    <t>Zuiderpolder-noord</t>
  </si>
  <si>
    <t>2021BU03920902</t>
  </si>
  <si>
    <t>buurten.15a42a04-f9fd-4f34-852b-083176055b3d</t>
  </si>
  <si>
    <t>BU03920903</t>
  </si>
  <si>
    <t>Buitengebied Zuiderpolder</t>
  </si>
  <si>
    <t>2021BU03920903</t>
  </si>
  <si>
    <t>buurten.6b7a1d6b-4cad-4976-b9ac-b60176e263cd</t>
  </si>
  <si>
    <t>BU03920904</t>
  </si>
  <si>
    <t>Kunstschildersbuurt</t>
  </si>
  <si>
    <t>2021BU03920904</t>
  </si>
  <si>
    <t>buurten.d82fd922-8b9c-4078-8d0e-42149380d73f</t>
  </si>
  <si>
    <t>BU03920905</t>
  </si>
  <si>
    <t>Zuiderpolder-zuid</t>
  </si>
  <si>
    <t>2021BU03920905</t>
  </si>
  <si>
    <t>buurten.c8b0b0ab-0dbb-4a04-9718-31313714443e</t>
  </si>
  <si>
    <t>BU03920906</t>
  </si>
  <si>
    <t>Reinaldapark</t>
  </si>
  <si>
    <t>2021BU03920906</t>
  </si>
  <si>
    <t>buurten.8f3a5238-9b94-4993-aaf4-405ab44c06bd</t>
  </si>
  <si>
    <t>BU03921001</t>
  </si>
  <si>
    <t>Generaalsbuurt</t>
  </si>
  <si>
    <t>WK039210</t>
  </si>
  <si>
    <t>2021BU03921001</t>
  </si>
  <si>
    <t>buurten.b1292f72-d743-4fed-b7fd-ebd195a69250</t>
  </si>
  <si>
    <t>BU03921002</t>
  </si>
  <si>
    <t>De Goede Hoop</t>
  </si>
  <si>
    <t>2021BU03921002</t>
  </si>
  <si>
    <t>buurten.ba0ee970-31c6-432b-902f-1d5ed7091d6b</t>
  </si>
  <si>
    <t>BU03921003</t>
  </si>
  <si>
    <t>Nelson Mandelabuurt</t>
  </si>
  <si>
    <t>2021BU03921003</t>
  </si>
  <si>
    <t>buurten.c136dfcb-858f-48a8-b503-4a83d429716f</t>
  </si>
  <si>
    <t>BU03921004</t>
  </si>
  <si>
    <t>2021BU03921004</t>
  </si>
  <si>
    <t>buurten.1e7acbb1-d54e-4d39-9dfd-6aa900dd5d68</t>
  </si>
  <si>
    <t>BU03921005</t>
  </si>
  <si>
    <t>Patrimoniumbuurt</t>
  </si>
  <si>
    <t>2021BU03921005</t>
  </si>
  <si>
    <t>buurten.f56d3273-66f4-4a43-8fa3-608a4e5172a1</t>
  </si>
  <si>
    <t>BU03921101</t>
  </si>
  <si>
    <t>Medanbuurt</t>
  </si>
  <si>
    <t>WK039211</t>
  </si>
  <si>
    <t>2021BU03921101</t>
  </si>
  <si>
    <t>buurten.e8aae5d5-7e8c-4ac1-8dd4-9ceb57188742</t>
  </si>
  <si>
    <t>BU03921102</t>
  </si>
  <si>
    <t>Nieuw-Guineabuurt</t>
  </si>
  <si>
    <t>2021BU03921102</t>
  </si>
  <si>
    <t>buurten.a6be3ab1-ed93-4b70-89c8-fb4f010c0eac</t>
  </si>
  <si>
    <t>BU03921103</t>
  </si>
  <si>
    <t>Weltevredenbuurt</t>
  </si>
  <si>
    <t>2021BU03921103</t>
  </si>
  <si>
    <t>buurten.91a20cf5-c6e4-4541-9a33-656a7dd09c60</t>
  </si>
  <si>
    <t>BU03921104</t>
  </si>
  <si>
    <t>Molukkenbuurt</t>
  </si>
  <si>
    <t>2021BU03921104</t>
  </si>
  <si>
    <t>buurten.00ee7ed9-0767-448d-98f8-dc3c58a90d46</t>
  </si>
  <si>
    <t>BU03921105</t>
  </si>
  <si>
    <t>Soendabuurt</t>
  </si>
  <si>
    <t>2021BU03921105</t>
  </si>
  <si>
    <t>buurten.ffb8df5d-507f-4bf4-9e9e-fb7491f7406f</t>
  </si>
  <si>
    <t>BU03921201</t>
  </si>
  <si>
    <t>Bomenbuurt-west</t>
  </si>
  <si>
    <t>WK039212</t>
  </si>
  <si>
    <t>2021BU03921201</t>
  </si>
  <si>
    <t>buurten.847b391f-a482-44f6-be7b-1f3e540ce518</t>
  </si>
  <si>
    <t>BU03921202</t>
  </si>
  <si>
    <t>Bomenbuurt-oost</t>
  </si>
  <si>
    <t>2021BU03921202</t>
  </si>
  <si>
    <t>buurten.1af3cc2b-cf40-4213-a592-a3c6f25a5516</t>
  </si>
  <si>
    <t>BU03921203</t>
  </si>
  <si>
    <t>Schoterveenpolder</t>
  </si>
  <si>
    <t>2021BU03921203</t>
  </si>
  <si>
    <t>buurten.07a09feb-fa97-43d5-87e9-0d308478f104</t>
  </si>
  <si>
    <t>BU03921204</t>
  </si>
  <si>
    <t>Kweektuinbuurt</t>
  </si>
  <si>
    <t>2021BU03921204</t>
  </si>
  <si>
    <t>buurten.4142a658-59e7-4778-8e3c-053438802413</t>
  </si>
  <si>
    <t>BU03921205</t>
  </si>
  <si>
    <t>Kleverpark-noord</t>
  </si>
  <si>
    <t>2021BU03921205</t>
  </si>
  <si>
    <t>buurten.8ab4252a-e9ec-4770-9ad1-7c463c8c2426</t>
  </si>
  <si>
    <t>PL0377010004</t>
  </si>
  <si>
    <t>BU03921206</t>
  </si>
  <si>
    <t>Ripperdabuurt</t>
  </si>
  <si>
    <t>2021BU03921206</t>
  </si>
  <si>
    <t>buurten.cda74ff2-ecaa-4b74-8d2b-017f78217767</t>
  </si>
  <si>
    <t>BU03921207</t>
  </si>
  <si>
    <t>Kleverpark-zuid</t>
  </si>
  <si>
    <t>2021BU03921207</t>
  </si>
  <si>
    <t>buurten.cae48d25-484a-4bb1-a792-7a308ad19432</t>
  </si>
  <si>
    <t>BU03921301</t>
  </si>
  <si>
    <t>Noorderhout</t>
  </si>
  <si>
    <t>WK039213</t>
  </si>
  <si>
    <t>2021BU03921301</t>
  </si>
  <si>
    <t>buurten.7bdd617d-9da1-4110-86d3-1d5621524293</t>
  </si>
  <si>
    <t>BU03921302</t>
  </si>
  <si>
    <t>Schotervlieland</t>
  </si>
  <si>
    <t>2021BU03921302</t>
  </si>
  <si>
    <t>buurten.2690cec6-dc0e-42cf-84cb-c6a6ec459a32</t>
  </si>
  <si>
    <t>BU03921303</t>
  </si>
  <si>
    <t>2021BU03921303</t>
  </si>
  <si>
    <t>buurten.0e8539c9-f57b-45bb-9c2e-5152ad3a7440</t>
  </si>
  <si>
    <t>BU03921304</t>
  </si>
  <si>
    <t>Sinnevelt</t>
  </si>
  <si>
    <t>2021BU03921304</t>
  </si>
  <si>
    <t>buurten.429530c9-c4f3-49c1-9d12-cec4fe78d6b1</t>
  </si>
  <si>
    <t>BU03921305</t>
  </si>
  <si>
    <t>2021BU03921305</t>
  </si>
  <si>
    <t>buurten.3d438892-f39a-4433-a921-cd2da4fe7a1b</t>
  </si>
  <si>
    <t>BU03921306</t>
  </si>
  <si>
    <t>2021BU03921306</t>
  </si>
  <si>
    <t>buurten.ae50561a-7879-4775-a216-20a5090a20f8</t>
  </si>
  <si>
    <t>BU03921307</t>
  </si>
  <si>
    <t>Sterrenbuurt</t>
  </si>
  <si>
    <t>2021BU03921307</t>
  </si>
  <si>
    <t>buurten.ce744ac8-2995-4fef-9128-8c40598e29ff</t>
  </si>
  <si>
    <t>BU03921401</t>
  </si>
  <si>
    <t>Nachtegaalbuurt</t>
  </si>
  <si>
    <t>WK039214</t>
  </si>
  <si>
    <t>2021BU03921401</t>
  </si>
  <si>
    <t>buurten.2de68cf3-ac85-44bd-a504-f1b865616af1</t>
  </si>
  <si>
    <t>BU03921402</t>
  </si>
  <si>
    <t>Meeuwenbuurt</t>
  </si>
  <si>
    <t>2021BU03921402</t>
  </si>
  <si>
    <t>buurten.8a749c5c-8da1-42c3-a91c-230d2ee27c01</t>
  </si>
  <si>
    <t>BU03921403</t>
  </si>
  <si>
    <t>Dietsveld</t>
  </si>
  <si>
    <t>2021BU03921403</t>
  </si>
  <si>
    <t>buurten.1eaaa49b-9979-48a0-b668-3f5c1e75fd0c</t>
  </si>
  <si>
    <t>BU03921404</t>
  </si>
  <si>
    <t>Spaarndammerpolder-zuid</t>
  </si>
  <si>
    <t>2021BU03921404</t>
  </si>
  <si>
    <t>buurten.df6fb4cd-ec1b-4f71-9af9-778f2cc33995</t>
  </si>
  <si>
    <t>BU03921501</t>
  </si>
  <si>
    <t>WK039215</t>
  </si>
  <si>
    <t>2021BU03921501</t>
  </si>
  <si>
    <t>buurten.ffacace4-7706-4126-a83a-9a101297c071</t>
  </si>
  <si>
    <t>BU03921502</t>
  </si>
  <si>
    <t>Van Schendelbuurt</t>
  </si>
  <si>
    <t>2021BU03921502</t>
  </si>
  <si>
    <t>buurten.01ba91fa-27a3-4fe0-b98b-3ec32f065d5e</t>
  </si>
  <si>
    <t>BU03921503</t>
  </si>
  <si>
    <t>2021BU03921503</t>
  </si>
  <si>
    <t>buurten.c0c34ab1-01c8-42b2-a442-9734c99d40ab</t>
  </si>
  <si>
    <t>BU03921601</t>
  </si>
  <si>
    <t>Van der Aart sportpark</t>
  </si>
  <si>
    <t>WK039216</t>
  </si>
  <si>
    <t>2021BU03921601</t>
  </si>
  <si>
    <t>buurten.640ea343-3fca-40a1-be5b-14baa193e177</t>
  </si>
  <si>
    <t>BU03921602</t>
  </si>
  <si>
    <t>Hekslootpolder</t>
  </si>
  <si>
    <t>2021BU03921602</t>
  </si>
  <si>
    <t>buurten.bfffd081-53ef-45bf-8e81-006a6bcd05f4</t>
  </si>
  <si>
    <t>BU03921603</t>
  </si>
  <si>
    <t>Roemer Visscherbuurt</t>
  </si>
  <si>
    <t>2021BU03921603</t>
  </si>
  <si>
    <t>buurten.4ab5211b-0d3c-496f-a057-7dc10fab12b0</t>
  </si>
  <si>
    <t>BU03921604</t>
  </si>
  <si>
    <t>Muiderkring</t>
  </si>
  <si>
    <t>2021BU03921604</t>
  </si>
  <si>
    <t>buurten.9bcb1ff6-b4f2-46c8-aa03-884a2d87b359</t>
  </si>
  <si>
    <t>BU03921605</t>
  </si>
  <si>
    <t>Van Aemstelbuurt</t>
  </si>
  <si>
    <t>2021BU03921605</t>
  </si>
  <si>
    <t>buurten.53fb19a5-9d3f-47fd-8d22-9302903335f5</t>
  </si>
  <si>
    <t>BU03921701</t>
  </si>
  <si>
    <t>Oude Spaarndammerpolder</t>
  </si>
  <si>
    <t>WK039217</t>
  </si>
  <si>
    <t>2021BU03921701</t>
  </si>
  <si>
    <t>buurten.6235ca81-0d78-4f7d-9e08-5f625dcde149</t>
  </si>
  <si>
    <t>BU03921702</t>
  </si>
  <si>
    <t>Oud Spaarndam</t>
  </si>
  <si>
    <t>2021BU03921702</t>
  </si>
  <si>
    <t>buurten.645d22a1-464b-47f8-959c-2e32ba7264d9</t>
  </si>
  <si>
    <t>BU03921801</t>
  </si>
  <si>
    <t>Romolenpolder-west</t>
  </si>
  <si>
    <t>WK039218</t>
  </si>
  <si>
    <t>2021BU03921801</t>
  </si>
  <si>
    <t>buurten.7a67e017-95d7-4e01-a13f-f75a3d89b0af</t>
  </si>
  <si>
    <t>BU03921802</t>
  </si>
  <si>
    <t>2021BU03921802</t>
  </si>
  <si>
    <t>buurten.65ce1908-f885-43c5-a483-102861cda5ab</t>
  </si>
  <si>
    <t>BU03921803</t>
  </si>
  <si>
    <t>Schoolenaer</t>
  </si>
  <si>
    <t>2021BU03921803</t>
  </si>
  <si>
    <t>buurten.d6490ceb-4fa2-41ab-b85b-86218de73015</t>
  </si>
  <si>
    <t>BU03921804</t>
  </si>
  <si>
    <t>Landenbuurt</t>
  </si>
  <si>
    <t>2021BU03921804</t>
  </si>
  <si>
    <t>buurten.7b869050-255c-4f71-8b58-7ce15eead00b</t>
  </si>
  <si>
    <t>BU03921805</t>
  </si>
  <si>
    <t>2021BU03921805</t>
  </si>
  <si>
    <t>buurten.e3f01496-0de4-4844-8d5d-0622ebb95e9f</t>
  </si>
  <si>
    <t>PL0397010006</t>
  </si>
  <si>
    <t>Landelijke, op termijn duurzame elektriciteitsmix</t>
  </si>
  <si>
    <t>BU03921806</t>
  </si>
  <si>
    <t>Stedenbuurt-west</t>
  </si>
  <si>
    <t>2021BU03921806</t>
  </si>
  <si>
    <t>buurten.329dbf6b-ea5e-44be-9526-978b97eadd39</t>
  </si>
  <si>
    <t>BU03921807</t>
  </si>
  <si>
    <t>Stedenbuurt-oost</t>
  </si>
  <si>
    <t>2021BU03921807</t>
  </si>
  <si>
    <t>buurten.95b5430b-72e1-4e97-be85-e292c5342ce2</t>
  </si>
  <si>
    <t>BU03921901</t>
  </si>
  <si>
    <t>Romolenpolder-oost</t>
  </si>
  <si>
    <t>WK039219</t>
  </si>
  <si>
    <t>2021BU03921901</t>
  </si>
  <si>
    <t>buurten.8a837742-c64f-43fc-b4cd-5617ac04b587</t>
  </si>
  <si>
    <t>BU03921902</t>
  </si>
  <si>
    <t>Boerhaavevaart</t>
  </si>
  <si>
    <t>2021BU03921902</t>
  </si>
  <si>
    <t>buurten.a1fdcf82-b4d4-4e6a-b974-256f20139919</t>
  </si>
  <si>
    <t>BU03921903</t>
  </si>
  <si>
    <t>Geleerdenbuurt</t>
  </si>
  <si>
    <t>2021BU03921903</t>
  </si>
  <si>
    <t>buurten.61c1e773-56c3-4aab-8111-bff895933691</t>
  </si>
  <si>
    <t>BU03921904</t>
  </si>
  <si>
    <t>2021BU03921904</t>
  </si>
  <si>
    <t>buurten.188cd5ec-2a71-4efd-9859-0eae5564c958</t>
  </si>
  <si>
    <t>PL0392010002</t>
  </si>
  <si>
    <t>Meerwijk (Schalkwijk)</t>
  </si>
  <si>
    <t>Om te kunnen sturen op de ontwikkeling van het warmtenet en de toekomstigeuitbreiding, is de gemeente voornemens deel te nemen in het netwerkbedrijf dat dit transporten distributienet gaat aanleggen en exploiteren. Als dit doorgaat, kan in 2022 gestart w</t>
  </si>
  <si>
    <t>het aansluiten van 5.200 gestapelde woningen van de corporaties in Schalkwijk(waarvan een groot deel in Meerwijk,  2022 start 1e fase aansluiten woningcorporatieflats op warmtenet</t>
  </si>
  <si>
    <t>BU03921905</t>
  </si>
  <si>
    <t>Poelpolder-noord</t>
  </si>
  <si>
    <t>2021BU03921905</t>
  </si>
  <si>
    <t>buurten.6dc22de4-8086-4fe5-b869-9f93cf52a95a</t>
  </si>
  <si>
    <t>BU03921906</t>
  </si>
  <si>
    <t>Geneesherenbuurt</t>
  </si>
  <si>
    <t>2021BU03921906</t>
  </si>
  <si>
    <t>buurten.53879651-f35e-450c-81e9-97bace2bb0e9</t>
  </si>
  <si>
    <t>BU03922001</t>
  </si>
  <si>
    <t>Zuid-Schalkwijkerweg</t>
  </si>
  <si>
    <t>WK039220</t>
  </si>
  <si>
    <t>2021BU03922001</t>
  </si>
  <si>
    <t>buurten.07b4ad19-1dec-4ef7-851a-cf3f01809a12</t>
  </si>
  <si>
    <t>Oude Dorp, Indische wijk en omgeving en utiliteit Cruquisweg/Nijverheids-weg</t>
  </si>
  <si>
    <t>Gasnet (voorlopig), verzwaard Elektriciteitsnet (later)</t>
  </si>
  <si>
    <t>verzwaard Elektriciteitsnet + Gasnet + Bronnet (mogelijk)</t>
  </si>
  <si>
    <t>BU03922002</t>
  </si>
  <si>
    <t>Hondsbos-Dever</t>
  </si>
  <si>
    <t>2021BU03922002</t>
  </si>
  <si>
    <t>buurten.4ce09a31-9200-4fc8-afed-0a2257933a42</t>
  </si>
  <si>
    <t>BU03922003</t>
  </si>
  <si>
    <t>Waddenbuurt</t>
  </si>
  <si>
    <t>2021BU03922003</t>
  </si>
  <si>
    <t>buurten.ee8c4381-e43d-48a9-a6b2-91385643f654</t>
  </si>
  <si>
    <t>BU03922004</t>
  </si>
  <si>
    <t>Ellertsveld</t>
  </si>
  <si>
    <t>2021BU03922004</t>
  </si>
  <si>
    <t>buurten.7a6a4946-c383-4391-a3e9-d032d998062b</t>
  </si>
  <si>
    <t>BU03922005</t>
  </si>
  <si>
    <t>2021BU03922005</t>
  </si>
  <si>
    <t>buurten.0870595e-eadc-4327-a9cf-947b6ba8be15</t>
  </si>
  <si>
    <t>BU03922006</t>
  </si>
  <si>
    <t>Saeftinge-Nemelaar</t>
  </si>
  <si>
    <t>2021BU03922006</t>
  </si>
  <si>
    <t>buurten.74aa0928-9ec9-4bb1-a243-1395027af392</t>
  </si>
  <si>
    <t>BU03922007</t>
  </si>
  <si>
    <t>Molenplas</t>
  </si>
  <si>
    <t>2021BU03922007</t>
  </si>
  <si>
    <t>buurten.4f6d922b-ea59-4c1d-a29d-a74e74421e88</t>
  </si>
  <si>
    <t>BU03922101</t>
  </si>
  <si>
    <t>Winkelcentrum Schalkwijk</t>
  </si>
  <si>
    <t>WK039221</t>
  </si>
  <si>
    <t>2021BU03922101</t>
  </si>
  <si>
    <t>buurten.eeb51a96-da8b-4d10-86b2-c36d9195e6c7</t>
  </si>
  <si>
    <t>BU03922102</t>
  </si>
  <si>
    <t>Spijkerboorbuurt</t>
  </si>
  <si>
    <t>2021BU03922102</t>
  </si>
  <si>
    <t>buurten.05369cf5-6abf-4525-832d-1a92d365b4e9</t>
  </si>
  <si>
    <t>BU03922103</t>
  </si>
  <si>
    <t>Nobelprijsbuurt</t>
  </si>
  <si>
    <t>2021BU03922103</t>
  </si>
  <si>
    <t>buurten.123b7ed0-8e3d-4da8-96fa-71be35dc1053</t>
  </si>
  <si>
    <t>BU03922104</t>
  </si>
  <si>
    <t>Poelpolder-zuid</t>
  </si>
  <si>
    <t>2021BU03922104</t>
  </si>
  <si>
    <t>buurten.befbf108-7708-4191-baa0-3c95c1f9b798</t>
  </si>
  <si>
    <t>BU03922105</t>
  </si>
  <si>
    <t>Archimedesbuurt</t>
  </si>
  <si>
    <t>2021BU03922105</t>
  </si>
  <si>
    <t>buurten.9a02f3fb-33e9-4505-ace9-545fb692e19b</t>
  </si>
  <si>
    <t>BU03922106</t>
  </si>
  <si>
    <t>Erasmusbuurt</t>
  </si>
  <si>
    <t>2021BU03922106</t>
  </si>
  <si>
    <t>buurten.a1a2cd9d-bb86-4d7f-b10c-73e9c787b180</t>
  </si>
  <si>
    <t>BU03922107</t>
  </si>
  <si>
    <t>Meerwijkplas</t>
  </si>
  <si>
    <t>2021BU03922107</t>
  </si>
  <si>
    <t>buurten.485ac028-1b5b-4e1b-acfa-ceb0b169ec10</t>
  </si>
  <si>
    <t>BU03940101</t>
  </si>
  <si>
    <t>Hoofddorp West</t>
  </si>
  <si>
    <t>WK039401</t>
  </si>
  <si>
    <t>2021BU03940101</t>
  </si>
  <si>
    <t>buurten.90cd0727-f55c-4714-a884-c3033833d35d</t>
  </si>
  <si>
    <t>PL0394010008</t>
  </si>
  <si>
    <t>PL0394010015</t>
  </si>
  <si>
    <t>Hoofddorp Centrum</t>
  </si>
  <si>
    <t>Lt net Hoofddorp Centrum</t>
  </si>
  <si>
    <t>LT-warmte</t>
  </si>
  <si>
    <t>BU03940102</t>
  </si>
  <si>
    <t>Hoofddorp Zuid</t>
  </si>
  <si>
    <t>2021BU03940102</t>
  </si>
  <si>
    <t>buurten.615c06f6-0a0e-48f8-a907-7805218a152c</t>
  </si>
  <si>
    <t>PL0394010010</t>
  </si>
  <si>
    <t>BU03940103</t>
  </si>
  <si>
    <t>Hoofddorp Graan voor Visch</t>
  </si>
  <si>
    <t>2021BU03940103</t>
  </si>
  <si>
    <t>buurten.56619e34-e4c2-4adf-85f8-b4714d5b8cb9</t>
  </si>
  <si>
    <t>Individueel 2040 gemeente Haarlemmermeer</t>
  </si>
  <si>
    <t>BU03940104</t>
  </si>
  <si>
    <t>Hoofddorp Oost</t>
  </si>
  <si>
    <t>2021BU03940104</t>
  </si>
  <si>
    <t>buurten.091cce7f-5800-4f94-84f1-e2ce80a5090e</t>
  </si>
  <si>
    <t>BU03940105</t>
  </si>
  <si>
    <t>Hoofddorp Noord</t>
  </si>
  <si>
    <t>2021BU03940105</t>
  </si>
  <si>
    <t>buurten.cd4b9088-c4ab-43cb-bb9d-4d892f57fb8e</t>
  </si>
  <si>
    <t>BU03940106</t>
  </si>
  <si>
    <t>Hoofddorp Pax West</t>
  </si>
  <si>
    <t>2021BU03940106</t>
  </si>
  <si>
    <t>buurten.86a6b808-feae-4039-9427-33e261e014e2</t>
  </si>
  <si>
    <t>PL0394010007</t>
  </si>
  <si>
    <t>Hoofddorp Toolenburg Oost</t>
  </si>
  <si>
    <t>BU03940107</t>
  </si>
  <si>
    <t>Hoofddorp Pax Oost</t>
  </si>
  <si>
    <t>2021BU03940107</t>
  </si>
  <si>
    <t>buurten.a14b46e2-096b-4230-9329-611cacc1f816</t>
  </si>
  <si>
    <t>BU03940108</t>
  </si>
  <si>
    <t>Hoofddorp Bornholm West</t>
  </si>
  <si>
    <t>2021BU03940108</t>
  </si>
  <si>
    <t>buurten.0a118685-8500-4151-ac1a-dc158820d5dc</t>
  </si>
  <si>
    <t>BU03940109</t>
  </si>
  <si>
    <t>Hoofddorp Bornholm Oost</t>
  </si>
  <si>
    <t>2021BU03940109</t>
  </si>
  <si>
    <t>buurten.7b6cf03d-0fba-41ad-95fb-a877e3300a96</t>
  </si>
  <si>
    <t>BU03940111</t>
  </si>
  <si>
    <t>Hoofddorp Overbos Noord</t>
  </si>
  <si>
    <t>2021BU03940111</t>
  </si>
  <si>
    <t>buurten.a88a392b-942e-4889-b670-be763db02153</t>
  </si>
  <si>
    <t>BU03940112</t>
  </si>
  <si>
    <t>Hoofddorp Overbos Zuid</t>
  </si>
  <si>
    <t>2021BU03940112</t>
  </si>
  <si>
    <t>buurten.fdd32471-38da-4672-be88-88fedd6a0cdd</t>
  </si>
  <si>
    <t>PL0394010004</t>
  </si>
  <si>
    <t>Hoofddorp floriande Oost</t>
  </si>
  <si>
    <t>BU03940113</t>
  </si>
  <si>
    <t>Hoofddorp Toolenburg West</t>
  </si>
  <si>
    <t>2021BU03940113</t>
  </si>
  <si>
    <t>buurten.1a156a3b-024c-47a1-9d73-ea783977a4e4</t>
  </si>
  <si>
    <t>BU03940114</t>
  </si>
  <si>
    <t>2021BU03940114</t>
  </si>
  <si>
    <t>buurten.c7ffe481-7712-4492-a59f-12d641a34d7a</t>
  </si>
  <si>
    <t>BU03940115</t>
  </si>
  <si>
    <t>Hoofddorp Vrijschot Noord</t>
  </si>
  <si>
    <t>2021BU03940115</t>
  </si>
  <si>
    <t>buurten.0385963c-3630-4132-9f17-e8e65f593c69</t>
  </si>
  <si>
    <t>BU03940116</t>
  </si>
  <si>
    <t>Hoofddorp Floriande West</t>
  </si>
  <si>
    <t>2021BU03940116</t>
  </si>
  <si>
    <t>buurten.638cdc3b-a286-409c-80b1-d902979ce418</t>
  </si>
  <si>
    <t>BU03940117</t>
  </si>
  <si>
    <t>Hoofddorp Floriande Oost</t>
  </si>
  <si>
    <t>2021BU03940117</t>
  </si>
  <si>
    <t>buurten.b9d716ea-072a-4cb4-8fc5-474c1f0f94f9</t>
  </si>
  <si>
    <t>BU03940118</t>
  </si>
  <si>
    <t>Hoofddorp Toolenburg Zuid</t>
  </si>
  <si>
    <t>2021BU03940118</t>
  </si>
  <si>
    <t>buurten.e54f10a8-dff3-4931-a716-8957118d627b</t>
  </si>
  <si>
    <t>BU03940119</t>
  </si>
  <si>
    <t>Hoofddorp De Landman</t>
  </si>
  <si>
    <t>2021BU03940119</t>
  </si>
  <si>
    <t>buurten.65517564-55b4-4e34-8b16-48a81dcfb472</t>
  </si>
  <si>
    <t>BU03940122</t>
  </si>
  <si>
    <t>Hoofddorp Omgeving</t>
  </si>
  <si>
    <t>2021BU03940122</t>
  </si>
  <si>
    <t>buurten.1e21ded0-bff3-4a23-9a08-46e0f0c96633</t>
  </si>
  <si>
    <t>BU03940123</t>
  </si>
  <si>
    <t>Hoofddorp De Hoek</t>
  </si>
  <si>
    <t>2021BU03940123</t>
  </si>
  <si>
    <t>buurten.c791035b-68d7-48e5-905d-4e822cbdbcfa</t>
  </si>
  <si>
    <t>BU03940124</t>
  </si>
  <si>
    <t>Hoofddorp Graan voor Visch Zuid</t>
  </si>
  <si>
    <t>2021BU03940124</t>
  </si>
  <si>
    <t>buurten.1caccc20-27c5-4dab-944d-5f31840813d0</t>
  </si>
  <si>
    <t>BU03940125</t>
  </si>
  <si>
    <t>Hoofddorp Beukenhorst Oost</t>
  </si>
  <si>
    <t>2021BU03940125</t>
  </si>
  <si>
    <t>buurten.2091b07e-2cda-40fe-81b9-b76567477ff4</t>
  </si>
  <si>
    <t>BU03940126</t>
  </si>
  <si>
    <t>Hoofddorp De President</t>
  </si>
  <si>
    <t>2021BU03940126</t>
  </si>
  <si>
    <t>buurten.1a5e5434-daa7-40c8-979a-e8ec2c05f270</t>
  </si>
  <si>
    <t>BU03940127</t>
  </si>
  <si>
    <t>Hoofddorp Buiten</t>
  </si>
  <si>
    <t>2021BU03940127</t>
  </si>
  <si>
    <t>buurten.62a83b6a-b900-4949-a208-fd1cd0ba9fe5</t>
  </si>
  <si>
    <t>PL0394010006</t>
  </si>
  <si>
    <t>BU03940230</t>
  </si>
  <si>
    <t>Nieuw-Vennep Oost</t>
  </si>
  <si>
    <t>WK039402</t>
  </si>
  <si>
    <t>2021BU03940230</t>
  </si>
  <si>
    <t>buurten.1a9a1935-bf7f-4865-bc61-6de02e7a63e1</t>
  </si>
  <si>
    <t>BU03940231</t>
  </si>
  <si>
    <t>Nieuw-Vennep Welgelegen</t>
  </si>
  <si>
    <t>2021BU03940231</t>
  </si>
  <si>
    <t>buurten.faac4beb-cf0b-4e45-922e-ee8f001db317</t>
  </si>
  <si>
    <t>PL0394010014</t>
  </si>
  <si>
    <t>BU03940232</t>
  </si>
  <si>
    <t>Nieuw-Vennep Welgelegen Noord</t>
  </si>
  <si>
    <t>2021BU03940232</t>
  </si>
  <si>
    <t>buurten.c327f7bd-8c15-4aa3-a339-fd21b29c3c8b</t>
  </si>
  <si>
    <t>BU03940233</t>
  </si>
  <si>
    <t>Nieuw-Vennep West</t>
  </si>
  <si>
    <t>2021BU03940233</t>
  </si>
  <si>
    <t>buurten.85ba0f4c-02bb-45d0-8471-c40632740b47</t>
  </si>
  <si>
    <t>BU03940234</t>
  </si>
  <si>
    <t>Nieuw-Vennep Zuid</t>
  </si>
  <si>
    <t>2021BU03940234</t>
  </si>
  <si>
    <t>buurten.af3be47b-4e8d-4557-bc71-c09ad7a8186b</t>
  </si>
  <si>
    <t>BU03940235</t>
  </si>
  <si>
    <t>Nieuw-Vennep Linquenda</t>
  </si>
  <si>
    <t>2021BU03940235</t>
  </si>
  <si>
    <t>buurten.c2d3f03b-2c16-4567-9997-0c132f2e4786</t>
  </si>
  <si>
    <t>BU03940236</t>
  </si>
  <si>
    <t>Nieuw-Vennep Getsewoud Noord</t>
  </si>
  <si>
    <t>2021BU03940236</t>
  </si>
  <si>
    <t>buurten.c86182f1-2e48-4b83-b2be-255b7b5e5ec7</t>
  </si>
  <si>
    <t>BU03940237</t>
  </si>
  <si>
    <t>Nieuw-Vennep Getsewoud Zuid</t>
  </si>
  <si>
    <t>2021BU03940237</t>
  </si>
  <si>
    <t>buurten.ce273a15-949d-42e0-a289-eb068f126254</t>
  </si>
  <si>
    <t>BU03940239</t>
  </si>
  <si>
    <t>Nieuw-Vennep Wilhelminahoeve</t>
  </si>
  <si>
    <t>2021BU03940239</t>
  </si>
  <si>
    <t>buurten.50120b03-81d5-416b-9480-c163a41e2bc8</t>
  </si>
  <si>
    <t>BU03940240</t>
  </si>
  <si>
    <t>Nieuw-Vennep Omgeving</t>
  </si>
  <si>
    <t>2021BU03940240</t>
  </si>
  <si>
    <t>buurten.53103743-f708-4948-89a7-e91d1fee3078</t>
  </si>
  <si>
    <t>BU03940241</t>
  </si>
  <si>
    <t>Nieuw-Vennep 't Kabel</t>
  </si>
  <si>
    <t>2021BU03940241</t>
  </si>
  <si>
    <t>buurten.f8ced342-167a-40ca-a523-56e7fd2160f6</t>
  </si>
  <si>
    <t>BU03940343</t>
  </si>
  <si>
    <t>Zwanenburg West</t>
  </si>
  <si>
    <t>WK039403</t>
  </si>
  <si>
    <t>2021BU03940343</t>
  </si>
  <si>
    <t>buurten.4a24c1c0-ff54-4a91-95bd-effa9bb1cc29</t>
  </si>
  <si>
    <t>PL0394010002</t>
  </si>
  <si>
    <t>BU03940344</t>
  </si>
  <si>
    <t>Zwanenburg Zuidwest</t>
  </si>
  <si>
    <t>2021BU03940344</t>
  </si>
  <si>
    <t>buurten.5d0d8748-0c04-4e19-8097-c71b7b50a57e</t>
  </si>
  <si>
    <t>BU03940345</t>
  </si>
  <si>
    <t>Zwanenburg Zuidoost</t>
  </si>
  <si>
    <t>2021BU03940345</t>
  </si>
  <si>
    <t>buurten.db46016d-7410-4035-a03d-c2fa2f73289a</t>
  </si>
  <si>
    <t>BU03940346</t>
  </si>
  <si>
    <t>Zwanenburg Oost</t>
  </si>
  <si>
    <t>2021BU03940346</t>
  </si>
  <si>
    <t>buurten.5d0180bf-3f2e-409c-abfe-105bee7d0284</t>
  </si>
  <si>
    <t>BU03940347</t>
  </si>
  <si>
    <t>Zwanenburg Noordoost</t>
  </si>
  <si>
    <t>2021BU03940347</t>
  </si>
  <si>
    <t>buurten.aef0add3-4090-4603-9376-aac6c2c56360</t>
  </si>
  <si>
    <t>Warmtenet voor bedrijven Zwanenburg</t>
  </si>
  <si>
    <t>BU03940348</t>
  </si>
  <si>
    <t>Zwanenburg Noordwest</t>
  </si>
  <si>
    <t>2021BU03940348</t>
  </si>
  <si>
    <t>buurten.1989d315-95b1-41c5-831a-505396b7a9e5</t>
  </si>
  <si>
    <t>BU03940349</t>
  </si>
  <si>
    <t>Zwanenburg Dijk</t>
  </si>
  <si>
    <t>2021BU03940349</t>
  </si>
  <si>
    <t>buurten.c69aa52d-bba9-490b-9cf6-671bd98cede8</t>
  </si>
  <si>
    <t>BU03940350</t>
  </si>
  <si>
    <t>Zwanenburg Omgeving</t>
  </si>
  <si>
    <t>2021BU03940350</t>
  </si>
  <si>
    <t>buurten.b133713b-4681-46da-974e-a40e39b0c180</t>
  </si>
  <si>
    <t>BU03940429</t>
  </si>
  <si>
    <t>Lijnden Omgeving</t>
  </si>
  <si>
    <t>WK039404</t>
  </si>
  <si>
    <t>2021BU03940429</t>
  </si>
  <si>
    <t>buurten.b0e7ee54-4012-42fe-8495-bfddcac520c1</t>
  </si>
  <si>
    <t>BU03940465</t>
  </si>
  <si>
    <t>Lijnden</t>
  </si>
  <si>
    <t>2021BU03940465</t>
  </si>
  <si>
    <t>buurten.b5115001-d838-40ef-a864-0a74b32ec4e3</t>
  </si>
  <si>
    <t>BU03940466</t>
  </si>
  <si>
    <t>Boesingheliede</t>
  </si>
  <si>
    <t>2021BU03940466</t>
  </si>
  <si>
    <t>buurten.ed05d8bc-1f30-49a2-8072-4c1ffb38e3d3</t>
  </si>
  <si>
    <t>BU03940551</t>
  </si>
  <si>
    <t>Badhoevedorp Omgeving</t>
  </si>
  <si>
    <t>WK039405</t>
  </si>
  <si>
    <t>2021BU03940551</t>
  </si>
  <si>
    <t>buurten.1008b568-ed02-4207-8dcf-b283a7213ae1</t>
  </si>
  <si>
    <t>BU03940552</t>
  </si>
  <si>
    <t>Badhoevedorp Noordwest</t>
  </si>
  <si>
    <t>2021BU03940552</t>
  </si>
  <si>
    <t>buurten.ae4628eb-4026-43ef-b2cf-342d2fb5e8e9</t>
  </si>
  <si>
    <t>PL0394010017</t>
  </si>
  <si>
    <t>BU03940553</t>
  </si>
  <si>
    <t>Badhoevedorp West</t>
  </si>
  <si>
    <t>2021BU03940553</t>
  </si>
  <si>
    <t>buurten.1dd53475-9168-4eef-a316-f952ccf355f9</t>
  </si>
  <si>
    <t>BU03940554</t>
  </si>
  <si>
    <t>Badhoevedorp Bouwlust</t>
  </si>
  <si>
    <t>2021BU03940554</t>
  </si>
  <si>
    <t>buurten.db447207-5226-4e3f-b175-c5956c371886</t>
  </si>
  <si>
    <t>BU03940556</t>
  </si>
  <si>
    <t>Badhoevedorp Zuid</t>
  </si>
  <si>
    <t>2021BU03940556</t>
  </si>
  <si>
    <t>buurten.f3019507-32ee-44b8-97e1-63b347c2a21a</t>
  </si>
  <si>
    <t>BU03940557</t>
  </si>
  <si>
    <t>Badhoevedorp Centrum</t>
  </si>
  <si>
    <t>2021BU03940557</t>
  </si>
  <si>
    <t>buurten.04fd03bc-bb47-45a1-9a2f-812961c46402</t>
  </si>
  <si>
    <t>BU03940558</t>
  </si>
  <si>
    <t>Badhoevedorp Noordoost</t>
  </si>
  <si>
    <t>2021BU03940558</t>
  </si>
  <si>
    <t>buurten.85824343-69af-4a99-bd0f-cbf0d351a030</t>
  </si>
  <si>
    <t>BU03940559</t>
  </si>
  <si>
    <t>Badhoevedorp Antoniushoeve</t>
  </si>
  <si>
    <t>2021BU03940559</t>
  </si>
  <si>
    <t>buurten.f8665a7e-12fe-4641-bd42-80d97e98bdcc</t>
  </si>
  <si>
    <t>BU03940560</t>
  </si>
  <si>
    <t>Badhoevedorp Oost</t>
  </si>
  <si>
    <t>2021BU03940560</t>
  </si>
  <si>
    <t>buurten.372fdd1d-699e-498c-9ede-a20c08d9aedd</t>
  </si>
  <si>
    <t>BU03940561</t>
  </si>
  <si>
    <t>Badhoevedorp Schuilhoeve</t>
  </si>
  <si>
    <t>2021BU03940561</t>
  </si>
  <si>
    <t>buurten.9ce9ec7f-7a84-46b6-bfd5-0d9a133fa87b</t>
  </si>
  <si>
    <t>BU03940562</t>
  </si>
  <si>
    <t>Badhoevedorp Dijk</t>
  </si>
  <si>
    <t>2021BU03940562</t>
  </si>
  <si>
    <t>buurten.98018f26-326d-4d35-a0cb-e7a5d0f77c78</t>
  </si>
  <si>
    <t>BU03940564</t>
  </si>
  <si>
    <t>Badhoevedorp Nieuwe Meer</t>
  </si>
  <si>
    <t>2021BU03940564</t>
  </si>
  <si>
    <t>buurten.c9c76b07-a509-415b-8166-1142236a90de</t>
  </si>
  <si>
    <t>BU03940674</t>
  </si>
  <si>
    <t>Schiphol-Rijk</t>
  </si>
  <si>
    <t>WK039406</t>
  </si>
  <si>
    <t>2021BU03940674</t>
  </si>
  <si>
    <t>buurten.4aff6968-c45c-481b-b330-2825c409eeaa</t>
  </si>
  <si>
    <t>PL0394010013</t>
  </si>
  <si>
    <t>Schiphol Rijk</t>
  </si>
  <si>
    <t>BU03940675</t>
  </si>
  <si>
    <t>Oude Meer</t>
  </si>
  <si>
    <t>2021BU03940675</t>
  </si>
  <si>
    <t>buurten.cbbaebf3-0bdd-438f-9eec-e4f1d733f880</t>
  </si>
  <si>
    <t>BU03940676</t>
  </si>
  <si>
    <t>Aalsmeerderbrug</t>
  </si>
  <si>
    <t>2021BU03940676</t>
  </si>
  <si>
    <t>buurten.e8eda9d4-76bf-4c56-a44f-3d2b8cb1c7b0</t>
  </si>
  <si>
    <t>BU03940677</t>
  </si>
  <si>
    <t>Rozenburg Noord</t>
  </si>
  <si>
    <t>2021BU03940677</t>
  </si>
  <si>
    <t>buurten.de17c237-f411-4a80-ad18-70c5b5def3cd</t>
  </si>
  <si>
    <t>BU03940678</t>
  </si>
  <si>
    <t>Rozenburg Omgeving</t>
  </si>
  <si>
    <t>2021BU03940678</t>
  </si>
  <si>
    <t>buurten.36355cb6-9348-4fe5-942b-5ff1db6c99c8</t>
  </si>
  <si>
    <t>BU03940779</t>
  </si>
  <si>
    <t>Rijsenhout Dorp</t>
  </si>
  <si>
    <t>WK039407</t>
  </si>
  <si>
    <t>2021BU03940779</t>
  </si>
  <si>
    <t>buurten.0dc43fd0-42ce-40a3-b677-14a3c70da893</t>
  </si>
  <si>
    <t>PL0394010003</t>
  </si>
  <si>
    <t>BU03940780</t>
  </si>
  <si>
    <t>Rijsenhout Zuid</t>
  </si>
  <si>
    <t>2021BU03940780</t>
  </si>
  <si>
    <t>buurten.5ee81324-0e7a-4a2d-88df-5524643900ee</t>
  </si>
  <si>
    <t>BU03940781</t>
  </si>
  <si>
    <t>Rijsenhout Dijk</t>
  </si>
  <si>
    <t>2021BU03940781</t>
  </si>
  <si>
    <t>buurten.7b985663-0934-44d9-9b7f-d112dab96667</t>
  </si>
  <si>
    <t>BU03940782</t>
  </si>
  <si>
    <t>Rijsenhout Omgeving</t>
  </si>
  <si>
    <t>2021BU03940782</t>
  </si>
  <si>
    <t>buurten.05a4f960-783a-4862-82ca-71ac733b6add</t>
  </si>
  <si>
    <t>BU03940883</t>
  </si>
  <si>
    <t>Burgerveen</t>
  </si>
  <si>
    <t>WK039408</t>
  </si>
  <si>
    <t>2021BU03940883</t>
  </si>
  <si>
    <t>buurten.f055dfb0-7362-447e-a78d-b80febda462b</t>
  </si>
  <si>
    <t>BU03940884</t>
  </si>
  <si>
    <t>Leimuiderbrug</t>
  </si>
  <si>
    <t>2021BU03940884</t>
  </si>
  <si>
    <t>buurten.4cefca50-9e2c-4eaf-8362-1c51b0722a21</t>
  </si>
  <si>
    <t>BU03940885</t>
  </si>
  <si>
    <t>Weteringbrug</t>
  </si>
  <si>
    <t>2021BU03940885</t>
  </si>
  <si>
    <t>buurten.c7644227-908c-43b9-9469-9d613ae14a49</t>
  </si>
  <si>
    <t>laagste kosten per ton CO2-reductie</t>
  </si>
  <si>
    <t>BU03940986</t>
  </si>
  <si>
    <t>Abbenes</t>
  </si>
  <si>
    <t>WK039409</t>
  </si>
  <si>
    <t>2021BU03940986</t>
  </si>
  <si>
    <t>buurten.36db85a3-2803-47a4-bc5e-628aa083d611</t>
  </si>
  <si>
    <t>BU03940987</t>
  </si>
  <si>
    <t>Abbenes Omgeving</t>
  </si>
  <si>
    <t>2021BU03940987</t>
  </si>
  <si>
    <t>buurten.5a66cccb-76dc-4052-b167-c7b98322e6f7</t>
  </si>
  <si>
    <t>BU03940988</t>
  </si>
  <si>
    <t>Buitenkaag</t>
  </si>
  <si>
    <t>2021BU03940988</t>
  </si>
  <si>
    <t>buurten.b8c869d9-179b-4b59-bccc-159d1821f9c2</t>
  </si>
  <si>
    <t>Teylingen</t>
  </si>
  <si>
    <t>(1) kosten die de gemeente maakt voor de uitvoering en begeleiding van de warmtetransitie moeten, zolang , dit nodig is , door het Rijk vergoed worden (2) transitie moet kosten neutraal zijn voor de inwoners (3) de transitie moet realistisch, haalbaar en</t>
  </si>
  <si>
    <t>We zien de energietransitie als een reis. We kennen onze bestemming, maar weten nog niet precies hoe we er zullen komen. Deze Transitievisie Warmte is de eerste stap om hieraan te beginnen, ook al weten we nog niet alles zeker. Wel staat vast dat we onde</t>
  </si>
  <si>
    <t>In 2025: 12% energiebesparing in de gebouwde omgeving ten opzichte van 2014. In 2030: 15% energiebesparing in de gebouwde omgeving ten opzichte van 2014</t>
  </si>
  <si>
    <t>https://teylingen.bestuurlijkeinformatie.nl/Agenda/Document/1216e39b-0de7-4a48-8d7d-eb55019850fb?documentId=5cd0aa7d-66fa-4b92-816f-dcfdaf0f9e41</t>
  </si>
  <si>
    <t>Het landelijk gebied</t>
  </si>
  <si>
    <t>Afhankelijk van het wel of niet blijven van de gasinfrastructuur (na 2050), mede afhankelijk van de beschikbaarheid van hernieuwbare gassen</t>
  </si>
  <si>
    <t>BU03940989</t>
  </si>
  <si>
    <t>Abbenes Dijk</t>
  </si>
  <si>
    <t>2021BU03940989</t>
  </si>
  <si>
    <t>buurten.5bfca5b0-4052-49be-8828-193b6d8d86f5</t>
  </si>
  <si>
    <t>BU03941090</t>
  </si>
  <si>
    <t>Lisserbroek</t>
  </si>
  <si>
    <t>WK039410</t>
  </si>
  <si>
    <t>2021BU03941090</t>
  </si>
  <si>
    <t>buurten.e03a2f6b-f836-4ab0-9c47-84ce1f178ad3</t>
  </si>
  <si>
    <t>GM0553</t>
  </si>
  <si>
    <t>Lisse</t>
  </si>
  <si>
    <t>DC055301</t>
  </si>
  <si>
    <t>Transitievisie Warmte Lisse</t>
  </si>
  <si>
    <t>2021-08-23</t>
  </si>
  <si>
    <t>Zorgen dat de warmtetransitie realistisch en betaalbaar is voor iedereen; Alle beschikbare en betrouwbare warmtebronnen onderzoeken en vervolgens een bronnenstrategie opstellen; Aan de slag gaan met energiebesparing en gebouweigenaren stimuleren en onder</t>
  </si>
  <si>
    <t>https://lisse.raadsinformatie.nl/document/10511767/1/Transitievisie%20Warmte%201_0%20TVWLisse_23-8-2021_1</t>
  </si>
  <si>
    <t>PL0553010001</t>
  </si>
  <si>
    <t>De bebouwde kom</t>
  </si>
  <si>
    <t>(1) De eerste optie omvat individuele oplossingen met als uitgangspunt: elektrische warmtepompen. Dit kan alleen als de gebouwen ook flink geisoleerd worden. Woningen hebben ten minste schillabel B nodig. De extra elektriciteitsvraag moet natuurlijk ook</t>
  </si>
  <si>
    <t>Geothermie, Aquathermie (Ringvaart), Zonthermie,</t>
  </si>
  <si>
    <t>geothermie en/of aquathermie (TEO) en/of zonnewarmte</t>
  </si>
  <si>
    <t>BU03941091</t>
  </si>
  <si>
    <t>Lisserbroek Omgeving</t>
  </si>
  <si>
    <t>2021BU03941091</t>
  </si>
  <si>
    <t>buurten.9e411493-6e26-4b28-88e2-b406d8abdb89</t>
  </si>
  <si>
    <t>PL0553010002</t>
  </si>
  <si>
    <t>Landelijk gebied</t>
  </si>
  <si>
    <t>Aquathermie (Ringvaart), Zonthermie, Geothermie</t>
  </si>
  <si>
    <t>BU03941192</t>
  </si>
  <si>
    <t>Beinsdorp Omgeving</t>
  </si>
  <si>
    <t>WK039411</t>
  </si>
  <si>
    <t>2021BU03941192</t>
  </si>
  <si>
    <t>buurten.602abc1b-4b12-45ba-9969-7e9939dc9e2f</t>
  </si>
  <si>
    <t>BU03941193</t>
  </si>
  <si>
    <t>Beinsdorp</t>
  </si>
  <si>
    <t>2021BU03941193</t>
  </si>
  <si>
    <t>buurten.6cdbee2b-a81f-4796-8b91-a321c7e9a5e0</t>
  </si>
  <si>
    <t>PL0534010001</t>
  </si>
  <si>
    <t>aquathermie en/of geothermie en/of zonnewarmte</t>
  </si>
  <si>
    <t>aquathermie, geothermie, zon</t>
  </si>
  <si>
    <t>BU03941294</t>
  </si>
  <si>
    <t>Zwaanshoek</t>
  </si>
  <si>
    <t>WK039412</t>
  </si>
  <si>
    <t>2021BU03941294</t>
  </si>
  <si>
    <t>buurten.fa01c1db-6c21-4fdc-9fd7-e7d828b66377</t>
  </si>
  <si>
    <t>BU03941295</t>
  </si>
  <si>
    <t>Zwaanshoek Omgeving</t>
  </si>
  <si>
    <t>2021BU03941295</t>
  </si>
  <si>
    <t>buurten.66781194-0536-4305-9c9e-09602ee0b2f7</t>
  </si>
  <si>
    <t>De Glip</t>
  </si>
  <si>
    <t>BU03941397</t>
  </si>
  <si>
    <t>Cruquius</t>
  </si>
  <si>
    <t>WK039413</t>
  </si>
  <si>
    <t>2021BU03941397</t>
  </si>
  <si>
    <t>buurten.5d0f75e2-e4d8-4cbd-80ad-bcb30835e7c1</t>
  </si>
  <si>
    <t>BU03941398</t>
  </si>
  <si>
    <t>Cruquius Omgeving</t>
  </si>
  <si>
    <t>2021BU03941398</t>
  </si>
  <si>
    <t>buurten.11c6f879-7525-49e3-a1d2-a9c5ac977456</t>
  </si>
  <si>
    <t>BU03941399</t>
  </si>
  <si>
    <t>Cruquius Cruqiushoeve</t>
  </si>
  <si>
    <t>2021BU03941399</t>
  </si>
  <si>
    <t>buurten.102a4c3a-87d4-4ed6-9e9b-4f7d14471539</t>
  </si>
  <si>
    <t>BU03941567</t>
  </si>
  <si>
    <t>Vijfhuizen</t>
  </si>
  <si>
    <t>WK039415</t>
  </si>
  <si>
    <t>2021BU03941567</t>
  </si>
  <si>
    <t>buurten.233d7205-5411-4fe8-9629-e774b79d94ab</t>
  </si>
  <si>
    <t>Fortwachterswoningen Vijfhuizen</t>
  </si>
  <si>
    <t>20 woningen + Fort Vijfhuizen</t>
  </si>
  <si>
    <t>BU03941569</t>
  </si>
  <si>
    <t>Vijfhuizen Stellinghof</t>
  </si>
  <si>
    <t>2021BU03941569</t>
  </si>
  <si>
    <t>buurten.27c6e99d-0f3d-4c95-8a7f-9cfe16d3cba1</t>
  </si>
  <si>
    <t>PL0394010001</t>
  </si>
  <si>
    <t>BU03941570</t>
  </si>
  <si>
    <t>Vijfhuizen Omgeving</t>
  </si>
  <si>
    <t>2021BU03941570</t>
  </si>
  <si>
    <t>buurten.067e1029-6636-4205-a520-9dcb2d2f23bb</t>
  </si>
  <si>
    <t>BU03941571</t>
  </si>
  <si>
    <t>Vijfhuizen Nieuwebrug</t>
  </si>
  <si>
    <t>2021BU03941571</t>
  </si>
  <si>
    <t>buurten.1aba9a47-75d6-4138-b0e9-629ee2a90818</t>
  </si>
  <si>
    <t>BU03941663</t>
  </si>
  <si>
    <t>Schiphol</t>
  </si>
  <si>
    <t>WK039416</t>
  </si>
  <si>
    <t>2021BU03941663</t>
  </si>
  <si>
    <t>buurten.db5bf70a-c3f6-4167-a0d9-efbd8c98958c</t>
  </si>
  <si>
    <t>BU03942038</t>
  </si>
  <si>
    <t>Spaarndam</t>
  </si>
  <si>
    <t>WK039420</t>
  </si>
  <si>
    <t>2021BU03942038</t>
  </si>
  <si>
    <t>buurten.3a69ff49-a148-4074-99aa-11e17099961c</t>
  </si>
  <si>
    <t>BU03942042</t>
  </si>
  <si>
    <t>Spaarndam Omgeving</t>
  </si>
  <si>
    <t>2021BU03942042</t>
  </si>
  <si>
    <t>buurten.7cdba6b1-dd1e-4623-83df-a968a7af3371</t>
  </si>
  <si>
    <t>BU03942096</t>
  </si>
  <si>
    <t>Spaarnwoude</t>
  </si>
  <si>
    <t>2021BU03942096</t>
  </si>
  <si>
    <t>buurten.65c6c91a-089b-4c6d-b22a-d602e81a47a6</t>
  </si>
  <si>
    <t>BU03942120</t>
  </si>
  <si>
    <t>Haarlemmerliede</t>
  </si>
  <si>
    <t>WK039421</t>
  </si>
  <si>
    <t>2021BU03942120</t>
  </si>
  <si>
    <t>buurten.c7e52de4-5703-4a71-90fe-b0e2838f27e6</t>
  </si>
  <si>
    <t>BU03942121</t>
  </si>
  <si>
    <t>Penningsveer</t>
  </si>
  <si>
    <t>2021BU03942121</t>
  </si>
  <si>
    <t>buurten.15e37f54-6341-4266-b3ff-8d0f2c0ce5dc</t>
  </si>
  <si>
    <t>BU03942128</t>
  </si>
  <si>
    <t>Haarlemmerliede Omgeving</t>
  </si>
  <si>
    <t>2021BU03942128</t>
  </si>
  <si>
    <t>buurten.abb00069-6715-45ae-85df-6ccc81ede8ee</t>
  </si>
  <si>
    <t>BU03942272</t>
  </si>
  <si>
    <t>Halfweg</t>
  </si>
  <si>
    <t>WK039422</t>
  </si>
  <si>
    <t>2021BU03942272</t>
  </si>
  <si>
    <t>buurten.c77e2cfe-3423-4533-a81a-4d8cac1c3ba8</t>
  </si>
  <si>
    <t>BU03942273</t>
  </si>
  <si>
    <t>Halfweg Omgeving</t>
  </si>
  <si>
    <t>2021BU03942273</t>
  </si>
  <si>
    <t>buurten.01c412da-3f61-4f6d-81c9-e3ed64e9b473</t>
  </si>
  <si>
    <t>BU03960100</t>
  </si>
  <si>
    <t>WK039601</t>
  </si>
  <si>
    <t>2021BU03960100</t>
  </si>
  <si>
    <t>buurten.94e94ac2-f8fe-4dd0-ae08-75073e9e230f</t>
  </si>
  <si>
    <t>PL0396010001</t>
  </si>
  <si>
    <t>Centrum en omgeving (1962B, 1962E,1962G)</t>
  </si>
  <si>
    <t>Acceptable aardgasvrije oplossing, technisch en financieel haalbaar, veel draagvlak, koppelkansen, duurzame bronnen en relatief veel corporatiebezit enmaatschappelijk vastgoed</t>
  </si>
  <si>
    <t>In totaal heeft ditgebied een potentie om binnen een periode van vijf jaar ruim 1.150 woningen aan te sluiten op eenwarmtenet.</t>
  </si>
  <si>
    <t>Eventuele toepassing van geothermie of het gebruik van deretourwarmte in combinatie met een collectieve warmtepomp</t>
  </si>
  <si>
    <t>geothermie en/of collectieve warmtepomp</t>
  </si>
  <si>
    <t>geothermie, collectieve warmtepomp</t>
  </si>
  <si>
    <t>31</t>
  </si>
  <si>
    <t>BU03960101</t>
  </si>
  <si>
    <t>Zaalbergkwartier</t>
  </si>
  <si>
    <t>2021BU03960101</t>
  </si>
  <si>
    <t>buurten.d05ceaa0-dbeb-4775-aeda-8e234ce7d78e</t>
  </si>
  <si>
    <t>BU03960200</t>
  </si>
  <si>
    <t>Commandeurs</t>
  </si>
  <si>
    <t>WK039602</t>
  </si>
  <si>
    <t>2021BU03960200</t>
  </si>
  <si>
    <t>buurten.e9098c2f-6031-42d7-a695-94c62ce2130c</t>
  </si>
  <si>
    <t>PL0396010004</t>
  </si>
  <si>
    <t>Bedrijventerreinen (1964L, 1967D, 1969L, 1969N)</t>
  </si>
  <si>
    <t>BU03960201</t>
  </si>
  <si>
    <t>Eikenhof</t>
  </si>
  <si>
    <t>2021BU03960201</t>
  </si>
  <si>
    <t>buurten.03896bd6-89ce-439d-b9af-7fa558d53623</t>
  </si>
  <si>
    <t>BU03960202</t>
  </si>
  <si>
    <t>Landgoed Marquette</t>
  </si>
  <si>
    <t>2021BU03960202</t>
  </si>
  <si>
    <t>buurten.f4df2a55-650d-4f85-bc42-aed1ed77a6dd</t>
  </si>
  <si>
    <t>BU03960300</t>
  </si>
  <si>
    <t>Oud Haarlem</t>
  </si>
  <si>
    <t>WK039603</t>
  </si>
  <si>
    <t>2021BU03960300</t>
  </si>
  <si>
    <t>buurten.beced80a-f7e1-4f03-b2dc-2aa1ea2e3c77</t>
  </si>
  <si>
    <t>PL0396010002</t>
  </si>
  <si>
    <t>Het zou een voordeel in het elektriciteitsgebruik kunnen opleveren alsde warmte van het oppervlaktewater kleinschalig collectiefgebruikt kan worden</t>
  </si>
  <si>
    <t>BU03960301</t>
  </si>
  <si>
    <t>Harteheem</t>
  </si>
  <si>
    <t>2021BU03960301</t>
  </si>
  <si>
    <t>buurten.0d8fd1ec-4e72-41d5-b650-3e1139974aa5</t>
  </si>
  <si>
    <t>Beijerlust (1965E), Waterakkers (1965R, 1965S, 1965T), De Wadden (1967E, 1967G)</t>
  </si>
  <si>
    <t>Totaal 1900 woningen all-electric warmteoptie</t>
  </si>
  <si>
    <t>BU03960302</t>
  </si>
  <si>
    <t>2021BU03960302</t>
  </si>
  <si>
    <t>buurten.48942323-4977-4807-a955-a35775bff816</t>
  </si>
  <si>
    <t>Zuidbroek (1966P), Oosterwijk (1966V)</t>
  </si>
  <si>
    <t>Totaal 734 woningen warmtenet</t>
  </si>
  <si>
    <t>BU03960303</t>
  </si>
  <si>
    <t>2021BU03960303</t>
  </si>
  <si>
    <t>buurten.5f0a50ba-3928-4c17-a855-227411a48d19</t>
  </si>
  <si>
    <t>PL0396010003</t>
  </si>
  <si>
    <t>Wordt vooral gekeken naar eventuele toepassing van het benutten van warmte uit oppervlaktewater</t>
  </si>
  <si>
    <t>BU03960400</t>
  </si>
  <si>
    <t>De Houtwegen</t>
  </si>
  <si>
    <t>WK039604</t>
  </si>
  <si>
    <t>2021BU03960400</t>
  </si>
  <si>
    <t>buurten.9ec72ec3-dceb-4856-9f41-4f3e928badbf</t>
  </si>
  <si>
    <t>BU03960401</t>
  </si>
  <si>
    <t>2021BU03960401</t>
  </si>
  <si>
    <t>buurten.be049d6c-9f4a-4f9a-8989-230295918944</t>
  </si>
  <si>
    <t>BU03960402</t>
  </si>
  <si>
    <t>Heemskerkerduin</t>
  </si>
  <si>
    <t>2021BU03960402</t>
  </si>
  <si>
    <t>buurten.7802de9f-20c8-49a5-84f4-985d4d5c46b8</t>
  </si>
  <si>
    <t>BU03960403</t>
  </si>
  <si>
    <t>Noorddorp</t>
  </si>
  <si>
    <t>2021BU03960403</t>
  </si>
  <si>
    <t>buurten.82f00c69-646f-4b0c-9b98-2c9f5f6073e9</t>
  </si>
  <si>
    <t>BU03960404</t>
  </si>
  <si>
    <t>2021BU03960404</t>
  </si>
  <si>
    <t>buurten.29ea21c9-94c3-4df8-96d0-68db98bbfca4</t>
  </si>
  <si>
    <t>BU03960408</t>
  </si>
  <si>
    <t>Business park Ijmond</t>
  </si>
  <si>
    <t>2021BU03960408</t>
  </si>
  <si>
    <t>buurten.73fee8cc-e7e3-4c28-a5c0-01e7687aff33</t>
  </si>
  <si>
    <t>BU03960409</t>
  </si>
  <si>
    <t>2021BU03960409</t>
  </si>
  <si>
    <t>buurten.2e5b8921-ca74-4f1a-8bfa-3db9fdc94444</t>
  </si>
  <si>
    <t>BU03960500</t>
  </si>
  <si>
    <t>Poelenburg</t>
  </si>
  <si>
    <t>WK039605</t>
  </si>
  <si>
    <t>2021BU03960500</t>
  </si>
  <si>
    <t>buurten.1267f1d1-4903-4225-8365-a9f841d77ba9</t>
  </si>
  <si>
    <t>BU03960501</t>
  </si>
  <si>
    <t>Oosterzij</t>
  </si>
  <si>
    <t>2021BU03960501</t>
  </si>
  <si>
    <t>buurten.47ab9af3-f6ff-4bb1-81e2-42016db01fef</t>
  </si>
  <si>
    <t>BU03960502</t>
  </si>
  <si>
    <t>Neksloot</t>
  </si>
  <si>
    <t>2021BU03960502</t>
  </si>
  <si>
    <t>buurten.1c53c520-a6f1-45f2-984f-7e57acc9fb14</t>
  </si>
  <si>
    <t>BU03960503</t>
  </si>
  <si>
    <t>Steenstrapark</t>
  </si>
  <si>
    <t>2021BU03960503</t>
  </si>
  <si>
    <t>buurten.0ce8a575-b9f5-4ef2-a5ed-4f742a530285</t>
  </si>
  <si>
    <t>BU03960600</t>
  </si>
  <si>
    <t>De Maer</t>
  </si>
  <si>
    <t>WK039606</t>
  </si>
  <si>
    <t>2021BU03960600</t>
  </si>
  <si>
    <t>buurten.c0e99318-8acb-465b-9f63-629d1001b112</t>
  </si>
  <si>
    <t>BU03960601</t>
  </si>
  <si>
    <t>De Die</t>
  </si>
  <si>
    <t>2021BU03960601</t>
  </si>
  <si>
    <t>buurten.73a74864-a9d9-4903-b8c7-66635823479e</t>
  </si>
  <si>
    <t>BU03960602</t>
  </si>
  <si>
    <t>Rendorppark</t>
  </si>
  <si>
    <t>2021BU03960602</t>
  </si>
  <si>
    <t>buurten.49f7c701-9ba6-40b9-8435-ab5585201a77</t>
  </si>
  <si>
    <t>BU03960603</t>
  </si>
  <si>
    <t>Breedweer</t>
  </si>
  <si>
    <t>2021BU03960603</t>
  </si>
  <si>
    <t>buurten.ca5ebf47-7345-46bb-9219-46df06d6e1cc</t>
  </si>
  <si>
    <t>BU03960604</t>
  </si>
  <si>
    <t>Tolhek</t>
  </si>
  <si>
    <t>2021BU03960604</t>
  </si>
  <si>
    <t>buurten.1fc5ed64-946c-48c8-816c-e149027ef610</t>
  </si>
  <si>
    <t>BU03960605</t>
  </si>
  <si>
    <t>De Trompet</t>
  </si>
  <si>
    <t>2021BU03960605</t>
  </si>
  <si>
    <t>buurten.6f803298-8922-4101-8cd5-857d03420d4c</t>
  </si>
  <si>
    <t>BU03960607</t>
  </si>
  <si>
    <t>Noorderveld</t>
  </si>
  <si>
    <t>2021BU03960607</t>
  </si>
  <si>
    <t>buurten.a3ac038d-4a0d-4c10-ae7c-f2a376fefe22</t>
  </si>
  <si>
    <t>BU03960700</t>
  </si>
  <si>
    <t>Onderwijzersbuurt</t>
  </si>
  <si>
    <t>WK039607</t>
  </si>
  <si>
    <t>2021BU03960700</t>
  </si>
  <si>
    <t>buurten.f5307ca3-4f36-45d1-8456-9b17bb405757</t>
  </si>
  <si>
    <t>BU03960701</t>
  </si>
  <si>
    <t>2021BU03960701</t>
  </si>
  <si>
    <t>buurten.6a3f8f21-8318-40cc-bcec-6da274944681</t>
  </si>
  <si>
    <t>BU03960702</t>
  </si>
  <si>
    <t>Beijnesbuurt</t>
  </si>
  <si>
    <t>2021BU03960702</t>
  </si>
  <si>
    <t>buurten.ba899698-479e-444a-8e38-61742d723367</t>
  </si>
  <si>
    <t>BU03960800</t>
  </si>
  <si>
    <t>Slotherenbuurt</t>
  </si>
  <si>
    <t>WK039608</t>
  </si>
  <si>
    <t>2021BU03960800</t>
  </si>
  <si>
    <t>buurten.16b1df7c-fd46-41a5-ae52-8d0bb27b02e2</t>
  </si>
  <si>
    <t>BU03960801</t>
  </si>
  <si>
    <t>Verzetstrijdersbuurt</t>
  </si>
  <si>
    <t>2021BU03960801</t>
  </si>
  <si>
    <t>buurten.1d7c6957-9499-48f8-9752-c503e175bc36</t>
  </si>
  <si>
    <t>BU03960802</t>
  </si>
  <si>
    <t>Beijerlust</t>
  </si>
  <si>
    <t>2021BU03960802</t>
  </si>
  <si>
    <t>buurten.2a8f3ade-6c1e-4915-af86-7c5c4ed4935d</t>
  </si>
  <si>
    <t>BU03960900</t>
  </si>
  <si>
    <t>Hoogdorp</t>
  </si>
  <si>
    <t>WK039609</t>
  </si>
  <si>
    <t>2021BU03960900</t>
  </si>
  <si>
    <t>buurten.02586691-dca8-4f28-811a-127a270e013a</t>
  </si>
  <si>
    <t>BU03960901</t>
  </si>
  <si>
    <t>Waterakkers</t>
  </si>
  <si>
    <t>2021BU03960901</t>
  </si>
  <si>
    <t>buurten.483bf330-fb40-44e7-adb1-a44c16072736</t>
  </si>
  <si>
    <t>BU03961001</t>
  </si>
  <si>
    <t>De Citadel</t>
  </si>
  <si>
    <t>WK039610</t>
  </si>
  <si>
    <t>2021BU03961001</t>
  </si>
  <si>
    <t>buurten.6217ffd3-b151-494e-9c5b-921afeddf60a</t>
  </si>
  <si>
    <t>BU03961002</t>
  </si>
  <si>
    <t>De Wadden</t>
  </si>
  <si>
    <t>2021BU03961002</t>
  </si>
  <si>
    <t>buurten.4b317372-e77c-485c-b52f-659b06307c85</t>
  </si>
  <si>
    <t>BU03961100</t>
  </si>
  <si>
    <t>WK039611</t>
  </si>
  <si>
    <t>2021BU03961100</t>
  </si>
  <si>
    <t>buurten.9ef055dc-492a-4407-9c1d-90803642303a</t>
  </si>
  <si>
    <t>BU03970000</t>
  </si>
  <si>
    <t>WK039700</t>
  </si>
  <si>
    <t>2021BU03970000</t>
  </si>
  <si>
    <t>buurten.eb4888a2-5b9e-4e1d-bd8f-17278f8acdea</t>
  </si>
  <si>
    <t>PL0397010001</t>
  </si>
  <si>
    <t>PL0397010009</t>
  </si>
  <si>
    <t>Van Merlenwijk en Valkenburgerplein en omgeving</t>
  </si>
  <si>
    <t>BU03970001</t>
  </si>
  <si>
    <t>Oude Dorp, Indische buurt en omgeving</t>
  </si>
  <si>
    <t>2021BU03970001</t>
  </si>
  <si>
    <t>buurten.e0b25518-19b1-475f-a1fd-5a9caeefe0d1</t>
  </si>
  <si>
    <t>PL0397010012</t>
  </si>
  <si>
    <t>Glipper Dreef en Merlenhoven</t>
  </si>
  <si>
    <t>BU03970002</t>
  </si>
  <si>
    <t>2021BU03970002</t>
  </si>
  <si>
    <t>buurten.5971af84-1f20-43f3-9eaa-21f4d68a86cd</t>
  </si>
  <si>
    <t>PL0397010010</t>
  </si>
  <si>
    <t>Geleerdenwijk</t>
  </si>
  <si>
    <t>BU03970003</t>
  </si>
  <si>
    <t>Heemsteedse Dreef, Schildersbuurt en omgeving</t>
  </si>
  <si>
    <t>2021BU03970003</t>
  </si>
  <si>
    <t>buurten.70eac973-abca-4516-aaff-62ab49e1023c</t>
  </si>
  <si>
    <t>PL0397010008</t>
  </si>
  <si>
    <t>BU03970004</t>
  </si>
  <si>
    <t>Van Merlenbuurt en Valkenburgerplein en omgeving</t>
  </si>
  <si>
    <t>2021BU03970004</t>
  </si>
  <si>
    <t>buurten.1c3a7b44-0014-4d5d-908e-213e82dbeb16</t>
  </si>
  <si>
    <t>BU03970005</t>
  </si>
  <si>
    <t>Schouwbroekerpolder</t>
  </si>
  <si>
    <t>2021BU03970005</t>
  </si>
  <si>
    <t>buurten.a05d3431-5849-4c93-bd69-f5633fd985c6</t>
  </si>
  <si>
    <t>BU03970006</t>
  </si>
  <si>
    <t>2021BU03970006</t>
  </si>
  <si>
    <t>buurten.e99e4f60-df31-4816-a41d-69aa4a25c217</t>
  </si>
  <si>
    <t>PL0397010005</t>
  </si>
  <si>
    <t>BU03970007</t>
  </si>
  <si>
    <t>Kennemerduin en omgeving</t>
  </si>
  <si>
    <t>2021BU03970007</t>
  </si>
  <si>
    <t>buurten.97989ebb-02b8-46a8-9bfd-b99a4173565c</t>
  </si>
  <si>
    <t>BU03970008</t>
  </si>
  <si>
    <t>Provincienbuurt</t>
  </si>
  <si>
    <t>2021BU03970008</t>
  </si>
  <si>
    <t>buurten.0a1e57ab-428c-461c-b24a-7d53a7a6d19d</t>
  </si>
  <si>
    <t>Provincienwijk</t>
  </si>
  <si>
    <t>BU03970009</t>
  </si>
  <si>
    <t>2021BU03970009</t>
  </si>
  <si>
    <t>buurten.49f6d52c-9203-400b-8708-dcc8cf43c893</t>
  </si>
  <si>
    <t>BU03970100</t>
  </si>
  <si>
    <t>WK039701</t>
  </si>
  <si>
    <t>2021BU03970100</t>
  </si>
  <si>
    <t>buurten.4d68b137-7603-458f-82ff-4b3a37c40713</t>
  </si>
  <si>
    <t>PL0397010011</t>
  </si>
  <si>
    <t>BU03970101</t>
  </si>
  <si>
    <t>Glipper Dreef en Staatsliedenbuurt</t>
  </si>
  <si>
    <t>2021BU03970101</t>
  </si>
  <si>
    <t>buurten.2196a38d-b9b5-435d-87d7-fbc2f1a18ff8</t>
  </si>
  <si>
    <t>BU03970102</t>
  </si>
  <si>
    <t>Manpad en Hartekamp</t>
  </si>
  <si>
    <t>2021BU03970102</t>
  </si>
  <si>
    <t>buurten.6af783e3-0e0e-4a05-be94-56c3d7760689</t>
  </si>
  <si>
    <t>BU03970200</t>
  </si>
  <si>
    <t>Dichters- en Vogelbuurt</t>
  </si>
  <si>
    <t>WK039702</t>
  </si>
  <si>
    <t>2021BU03970200</t>
  </si>
  <si>
    <t>buurten.1381ba82-6bf1-4aa0-823f-08420bb8d4e3</t>
  </si>
  <si>
    <t>BU03980100</t>
  </si>
  <si>
    <t>WK039801</t>
  </si>
  <si>
    <t>2021BU03980100</t>
  </si>
  <si>
    <t>buurten.3f380c1b-3dc9-411a-8319-bc9d42bfa77c</t>
  </si>
  <si>
    <t>PL0398010002</t>
  </si>
  <si>
    <t>PL0398010007</t>
  </si>
  <si>
    <t>Bedrijventerreinen, Stadshart en Stationsgebied</t>
  </si>
  <si>
    <t>all electric Schilderswijk en Heemradenwijk</t>
  </si>
  <si>
    <t>warmtenet in nieuwbouwwijk wordt eerst aangelegd</t>
  </si>
  <si>
    <t>warmtenet HVC uitbreiden</t>
  </si>
  <si>
    <t>BU03980201</t>
  </si>
  <si>
    <t>Schilderswijk 1</t>
  </si>
  <si>
    <t>WK039802</t>
  </si>
  <si>
    <t>2021BU03980201</t>
  </si>
  <si>
    <t>buurten.be88f33c-c30b-4d83-8735-1ebcf260fcf6</t>
  </si>
  <si>
    <t>BU03980202</t>
  </si>
  <si>
    <t>Schilderswijk 2</t>
  </si>
  <si>
    <t>2021BU03980202</t>
  </si>
  <si>
    <t>buurten.37e6761f-626f-4690-b78e-56796f2c18bc</t>
  </si>
  <si>
    <t>warmtenet HVC rivierenwijk uitbreiden</t>
  </si>
  <si>
    <t>BU03980400</t>
  </si>
  <si>
    <t>Planetenwijk</t>
  </si>
  <si>
    <t>WK039804</t>
  </si>
  <si>
    <t>2021BU03980400</t>
  </si>
  <si>
    <t>buurten.2b9ca5ab-d18f-4577-91e1-0359cd8b31c1</t>
  </si>
  <si>
    <t>BU03980601</t>
  </si>
  <si>
    <t>WK039806</t>
  </si>
  <si>
    <t>2021BU03980601</t>
  </si>
  <si>
    <t>buurten.580ae718-00ab-4e5e-8cd2-f279aad5cb9a</t>
  </si>
  <si>
    <t>BU03980602</t>
  </si>
  <si>
    <t>Recreatiebuurt</t>
  </si>
  <si>
    <t>2021BU03980602</t>
  </si>
  <si>
    <t>buurten.28184a11-8219-47a6-972c-d41617c6631e</t>
  </si>
  <si>
    <t>BU03980603</t>
  </si>
  <si>
    <t>Waarderhout</t>
  </si>
  <si>
    <t>2021BU03980603</t>
  </si>
  <si>
    <t>buurten.dd2195c5-f8ef-4a7c-90c3-3845dc82db66</t>
  </si>
  <si>
    <t>PL0398010001</t>
  </si>
  <si>
    <t>Oostertocht all electric</t>
  </si>
  <si>
    <t>BU03980701</t>
  </si>
  <si>
    <t>Centrumwaard</t>
  </si>
  <si>
    <t>WK039807</t>
  </si>
  <si>
    <t>2021BU03980701</t>
  </si>
  <si>
    <t>buurten.ab280e47-a250-4e47-a47d-8a84d1861cd7</t>
  </si>
  <si>
    <t>BU03980702</t>
  </si>
  <si>
    <t>Heemradenbuurt</t>
  </si>
  <si>
    <t>2021BU03980702</t>
  </si>
  <si>
    <t>buurten.ab9d5bb8-371c-4cf3-828c-b0e2f2732580</t>
  </si>
  <si>
    <t>BU03980800</t>
  </si>
  <si>
    <t>Edelstenenwijk</t>
  </si>
  <si>
    <t>WK039808</t>
  </si>
  <si>
    <t>2021BU03980800</t>
  </si>
  <si>
    <t>buurten.b05938e6-a37e-4e72-bd00-758936cb0feb</t>
  </si>
  <si>
    <t>PL0398010003</t>
  </si>
  <si>
    <t>BU03980901</t>
  </si>
  <si>
    <t>WK039809</t>
  </si>
  <si>
    <t>2021BU03980901</t>
  </si>
  <si>
    <t>buurten.2341f854-13a2-4bcc-b085-672e3fc60a8e</t>
  </si>
  <si>
    <t>BU03980902</t>
  </si>
  <si>
    <t>2021BU03980902</t>
  </si>
  <si>
    <t>buurten.e92f2d49-882f-45fb-a9eb-b512fca617c2</t>
  </si>
  <si>
    <t>BU03981000</t>
  </si>
  <si>
    <t>WK039810</t>
  </si>
  <si>
    <t>2021BU03981000</t>
  </si>
  <si>
    <t>buurten.0b2188d1-d4d4-4e66-87db-6ce163fb5bcd</t>
  </si>
  <si>
    <t>BU03981100</t>
  </si>
  <si>
    <t>WK039811</t>
  </si>
  <si>
    <t>2021BU03981100</t>
  </si>
  <si>
    <t>buurten.bbeea77b-710a-43ad-9f91-68de7c3a595f</t>
  </si>
  <si>
    <t>PL0398010006</t>
  </si>
  <si>
    <t>Oostertocht Warmtenet</t>
  </si>
  <si>
    <t>BU03981201</t>
  </si>
  <si>
    <t>Zandhorst 1</t>
  </si>
  <si>
    <t>WK039812</t>
  </si>
  <si>
    <t>2021BU03981201</t>
  </si>
  <si>
    <t>buurten.cff1b854-421a-40a2-8a5c-bde17210d640</t>
  </si>
  <si>
    <t>BU03981202</t>
  </si>
  <si>
    <t>Zandhorst 2</t>
  </si>
  <si>
    <t>2021BU03981202</t>
  </si>
  <si>
    <t>buurten.8fe24eb2-700e-45bf-8bf3-c2f4ea08555f</t>
  </si>
  <si>
    <t>GM0416</t>
  </si>
  <si>
    <t>Langedijk</t>
  </si>
  <si>
    <t>aardgasvrij in 2050, CO2-neutraal in 2035</t>
  </si>
  <si>
    <t>DC041601</t>
  </si>
  <si>
    <t>Verkenning aardgasvrije Gemeente Langedijk</t>
  </si>
  <si>
    <t>2019-06-12</t>
  </si>
  <si>
    <t>betaalbaarheid, marktrijpheid en bruikbaarheid</t>
  </si>
  <si>
    <t>bedoeld als handvat om de komende jaren binnen de gemeente, en met haar bewoners, het gesprek te starten over het uitfaseren van aardgas binnen de gemeente.</t>
  </si>
  <si>
    <t>https://bestuur.gemeentelangedijk.nl/Vergaderingen/Forum-Mens-Samenleving-en-Financien/2020/14-januari/20:00/B-W-besluit-d-d-24-12-19-Transitievisie-warmte.PDF</t>
  </si>
  <si>
    <t>PL0416010001</t>
  </si>
  <si>
    <t>Zuid- en Noord-Scharwoude</t>
  </si>
  <si>
    <t>aardgasvrij in 2050, in 2035 CO2 neutraal</t>
  </si>
  <si>
    <t>BU03981203</t>
  </si>
  <si>
    <t>Zandhorst 3</t>
  </si>
  <si>
    <t>2021BU03981203</t>
  </si>
  <si>
    <t>buurten.a07e74be-dbca-4b11-821b-87305982e019</t>
  </si>
  <si>
    <t>BU03981204</t>
  </si>
  <si>
    <t>De Frans</t>
  </si>
  <si>
    <t>2021BU03981204</t>
  </si>
  <si>
    <t>buurten.3995f33c-a231-4905-818b-42a26ed75e31</t>
  </si>
  <si>
    <t>BU03981205</t>
  </si>
  <si>
    <t>Beveland</t>
  </si>
  <si>
    <t>2021BU03981205</t>
  </si>
  <si>
    <t>buurten.af773698-ad21-41ef-a8bb-9caf465a765f</t>
  </si>
  <si>
    <t>BU03981206</t>
  </si>
  <si>
    <t>De Vaandel</t>
  </si>
  <si>
    <t>2021BU03981206</t>
  </si>
  <si>
    <t>buurten.b9bff191-bee0-4eec-a82f-61d2051d024a</t>
  </si>
  <si>
    <t>BU03981207</t>
  </si>
  <si>
    <t>Overtoom</t>
  </si>
  <si>
    <t>2021BU03981207</t>
  </si>
  <si>
    <t>buurten.74ab21f7-e80f-4799-a11f-a3d34ace7b6e</t>
  </si>
  <si>
    <t>BU03981301</t>
  </si>
  <si>
    <t>Butterhuizen 1</t>
  </si>
  <si>
    <t>WK039813</t>
  </si>
  <si>
    <t>2021BU03981301</t>
  </si>
  <si>
    <t>buurten.856d37ea-a711-4144-868b-0a9ac95fdeb9</t>
  </si>
  <si>
    <t>BU03981302</t>
  </si>
  <si>
    <t>Butterhuizen 2</t>
  </si>
  <si>
    <t>2021BU03981302</t>
  </si>
  <si>
    <t>buurten.f7e77c89-f0a6-4c0b-88f7-ed38296e3639</t>
  </si>
  <si>
    <t>BU03981400</t>
  </si>
  <si>
    <t>Oostertocht</t>
  </si>
  <si>
    <t>WK039814</t>
  </si>
  <si>
    <t>2021BU03981400</t>
  </si>
  <si>
    <t>buurten.625359ef-a3e3-4343-a3ce-4e127bc1c94b</t>
  </si>
  <si>
    <t>BU03981501</t>
  </si>
  <si>
    <t>Zuidwijk 1</t>
  </si>
  <si>
    <t>WK039815</t>
  </si>
  <si>
    <t>2021BU03981501</t>
  </si>
  <si>
    <t>buurten.f95d42fa-19aa-4145-bedd-471b34b1489c</t>
  </si>
  <si>
    <t>BU03981502</t>
  </si>
  <si>
    <t>Zuidwijk 2</t>
  </si>
  <si>
    <t>2021BU03981502</t>
  </si>
  <si>
    <t>buurten.95e5ada3-b652-422b-bdac-6d93d194a487</t>
  </si>
  <si>
    <t>BU03981601</t>
  </si>
  <si>
    <t>Huygenhoek 1</t>
  </si>
  <si>
    <t>WK039816</t>
  </si>
  <si>
    <t>2021BU03981601</t>
  </si>
  <si>
    <t>buurten.ec146935-5695-48d6-a6f6-354f3df7d1b5</t>
  </si>
  <si>
    <t>BU03981602</t>
  </si>
  <si>
    <t>Huygenhoek 2</t>
  </si>
  <si>
    <t>2021BU03981602</t>
  </si>
  <si>
    <t>buurten.dfdd802c-4b31-4edb-963c-3076a6f48d75</t>
  </si>
  <si>
    <t>BU03981603</t>
  </si>
  <si>
    <t>Huygenhoek 3</t>
  </si>
  <si>
    <t>2021BU03981603</t>
  </si>
  <si>
    <t>buurten.17a2bf61-022b-4605-b4bc-db88bec617e7</t>
  </si>
  <si>
    <t>BU03981701</t>
  </si>
  <si>
    <t>Stad van de Zon</t>
  </si>
  <si>
    <t>WK039817</t>
  </si>
  <si>
    <t>2021BU03981701</t>
  </si>
  <si>
    <t>buurten.fdd5cb53-c677-45b3-8880-11f2c3f17155</t>
  </si>
  <si>
    <t>BU03981702</t>
  </si>
  <si>
    <t>Park van Luna</t>
  </si>
  <si>
    <t>2021BU03981702</t>
  </si>
  <si>
    <t>buurten.1c5fc8e5-69b8-4797-a083-f7e82edd961d</t>
  </si>
  <si>
    <t>BU03981801</t>
  </si>
  <si>
    <t>De Draai Noord</t>
  </si>
  <si>
    <t>WK039818</t>
  </si>
  <si>
    <t>2021BU03981801</t>
  </si>
  <si>
    <t>buurten.612107f8-0ec5-462f-a6fb-fdbe2e63ddef</t>
  </si>
  <si>
    <t>BU03981802</t>
  </si>
  <si>
    <t>De Draai Midden</t>
  </si>
  <si>
    <t>2021BU03981802</t>
  </si>
  <si>
    <t>buurten.2bdb10bb-e259-4aaa-b796-f9e46a073400</t>
  </si>
  <si>
    <t>BU03981803</t>
  </si>
  <si>
    <t>De Draai Zuid</t>
  </si>
  <si>
    <t>2021BU03981803</t>
  </si>
  <si>
    <t>buurten.6447bf96-ed51-4fdc-83cd-441dbbfdfa5a</t>
  </si>
  <si>
    <t>BU03981900</t>
  </si>
  <si>
    <t>Broekhorn</t>
  </si>
  <si>
    <t>WK039819</t>
  </si>
  <si>
    <t>2021BU03981900</t>
  </si>
  <si>
    <t>buurten.22753ccf-c8ab-4a6d-8ec0-de8fc781f6a7</t>
  </si>
  <si>
    <t>BU03982000</t>
  </si>
  <si>
    <t>De Noord</t>
  </si>
  <si>
    <t>WK039820</t>
  </si>
  <si>
    <t>2021BU03982000</t>
  </si>
  <si>
    <t>buurten.f5f1a782-8d7a-4895-97fa-e8d471740013</t>
  </si>
  <si>
    <t>BU03983000</t>
  </si>
  <si>
    <t>Buitengebied Noord</t>
  </si>
  <si>
    <t>WK039830</t>
  </si>
  <si>
    <t>2021BU03983000</t>
  </si>
  <si>
    <t>buurten.497ea53b-3a03-4c43-9ee6-d5081f7bb86a</t>
  </si>
  <si>
    <t>BU03984000</t>
  </si>
  <si>
    <t>'t Kruis</t>
  </si>
  <si>
    <t>WK039840</t>
  </si>
  <si>
    <t>2021BU03984000</t>
  </si>
  <si>
    <t>buurten.27cc4b66-515c-43ed-850e-ce43267ab81c</t>
  </si>
  <si>
    <t>BU03985000</t>
  </si>
  <si>
    <t>Buitengebied Zuid</t>
  </si>
  <si>
    <t>WK039850</t>
  </si>
  <si>
    <t>2021BU03985000</t>
  </si>
  <si>
    <t>buurten.0d3cb224-af5c-4561-ad72-9f948f20ded2</t>
  </si>
  <si>
    <t>BU03990101</t>
  </si>
  <si>
    <t>Blockhovepark</t>
  </si>
  <si>
    <t>WK039901</t>
  </si>
  <si>
    <t>GM0399</t>
  </si>
  <si>
    <t>Heiloo</t>
  </si>
  <si>
    <t>2021BU03990101</t>
  </si>
  <si>
    <t>buurten.7cf6b8ef-9a13-479d-a7f8-5208012df005</t>
  </si>
  <si>
    <t>DC039901</t>
  </si>
  <si>
    <t>Visie Aardgasvrije Wijken  Gemeente Hei:   Op weg naar een aardgasvrije gebouwde omgeving loo</t>
  </si>
  <si>
    <t>iedereen moet mee kunnen doen: Het Rijk moet ons faciliteren, met middelen en personele bezetting,</t>
  </si>
  <si>
    <t>verkenning van de eigenschappen van alle wijken en een visie hoe de gemeente en haar partners, met de kennis van nu, Heiloo wijk voor wijk van het aardgas af kan halen.Inzicht geven in de totale opgave, kansrijke oplossingen en een logisch tempo</t>
  </si>
  <si>
    <t>19% van woningen aardgasvrij</t>
  </si>
  <si>
    <t>https://ris2.ibabs.eu/Agenda/Details/Heiloo/fac86ff7-7139-494f-9757-00ecf5ec2b8c</t>
  </si>
  <si>
    <t>PL0399010002</t>
  </si>
  <si>
    <t>Ypestein en Het Maalwater</t>
  </si>
  <si>
    <t>financiele en technische haalbaarheid, aansluiten natuurlijke momenten</t>
  </si>
  <si>
    <t>BU03990201</t>
  </si>
  <si>
    <t>Noorderneg</t>
  </si>
  <si>
    <t>WK039902</t>
  </si>
  <si>
    <t>2021BU03990201</t>
  </si>
  <si>
    <t>buurten.5d1b62cf-e9cb-4d10-8786-300d6d9b2bd8</t>
  </si>
  <si>
    <t>BU03990202</t>
  </si>
  <si>
    <t>Oud West</t>
  </si>
  <si>
    <t>2021BU03990202</t>
  </si>
  <si>
    <t>buurten.40cd5cbc-94dc-4ad5-a414-13e37a9ee869</t>
  </si>
  <si>
    <t>PL0399010001</t>
  </si>
  <si>
    <t>warmtenet Heilo</t>
  </si>
  <si>
    <t>warmtenet (uitbreiding) HVC Boekelermeer</t>
  </si>
  <si>
    <t>BU03990301</t>
  </si>
  <si>
    <t>WK039903</t>
  </si>
  <si>
    <t>2021BU03990301</t>
  </si>
  <si>
    <t>buurten.c12e77f5-b31d-4030-9e8f-f6c02edc860d</t>
  </si>
  <si>
    <t>BU03990302</t>
  </si>
  <si>
    <t>Gemeentebos</t>
  </si>
  <si>
    <t>2021BU03990302</t>
  </si>
  <si>
    <t>buurten.236d58dc-e2a6-4d6e-a24d-7fcff2d549a1</t>
  </si>
  <si>
    <t>BU03990303</t>
  </si>
  <si>
    <t>Plan Oost</t>
  </si>
  <si>
    <t>2021BU03990303</t>
  </si>
  <si>
    <t>buurten.976b50ae-b274-4270-b2b7-50d8fbaf3c20</t>
  </si>
  <si>
    <t>BU03990304</t>
  </si>
  <si>
    <t>Nijenburg</t>
  </si>
  <si>
    <t>2021BU03990304</t>
  </si>
  <si>
    <t>buurten.b00a0d7a-95dc-4305-9e2e-e90e3972e6bb</t>
  </si>
  <si>
    <t>BU03990401</t>
  </si>
  <si>
    <t>Zuiderneg</t>
  </si>
  <si>
    <t>WK039904</t>
  </si>
  <si>
    <t>2021BU03990401</t>
  </si>
  <si>
    <t>buurten.7adee921-aef3-4995-9f08-c378e3b37b41</t>
  </si>
  <si>
    <t>PL0399010003</t>
  </si>
  <si>
    <t>Flastgebouw Westerzij</t>
  </si>
  <si>
    <t>eigenaren van woningen beslissen zelf, ruime meerderheid in VvE nodig</t>
  </si>
  <si>
    <t>125 appartementen aardgasvrij</t>
  </si>
  <si>
    <t>WKO en/of oppervlaktewater (nabij gebouw)</t>
  </si>
  <si>
    <t>BU03990402</t>
  </si>
  <si>
    <t>Zuid West</t>
  </si>
  <si>
    <t>2021BU03990402</t>
  </si>
  <si>
    <t>buurten.306fd926-a397-4335-90d8-70eaf322b0ce</t>
  </si>
  <si>
    <t>BU03990501</t>
  </si>
  <si>
    <t>Akkerbuurt</t>
  </si>
  <si>
    <t>WK039905</t>
  </si>
  <si>
    <t>2021BU03990501</t>
  </si>
  <si>
    <t>buurten.e7987b57-2c99-4616-ac0a-6d6a0350f621</t>
  </si>
  <si>
    <t>BU03990502</t>
  </si>
  <si>
    <t>2021BU03990502</t>
  </si>
  <si>
    <t>buurten.b0946993-29d0-46d1-ba5f-49264523ceda</t>
  </si>
  <si>
    <t>BU03990503</t>
  </si>
  <si>
    <t>Vennewater</t>
  </si>
  <si>
    <t>2021BU03990503</t>
  </si>
  <si>
    <t>buurten.1680bfab-6790-42fb-bc0e-6f98e219b725</t>
  </si>
  <si>
    <t>BU03990504</t>
  </si>
  <si>
    <t>Zuiderloo</t>
  </si>
  <si>
    <t>2021BU03990504</t>
  </si>
  <si>
    <t>buurten.67443c4a-399d-439c-b256-5b25ff27eb35</t>
  </si>
  <si>
    <t>BU03990601</t>
  </si>
  <si>
    <t>Willibrord</t>
  </si>
  <si>
    <t>WK039906</t>
  </si>
  <si>
    <t>2021BU03990601</t>
  </si>
  <si>
    <t>buurten.55025b6a-4e75-485b-99cb-3b61a462336b</t>
  </si>
  <si>
    <t>BU03990602</t>
  </si>
  <si>
    <t>Oude Werf</t>
  </si>
  <si>
    <t>2021BU03990602</t>
  </si>
  <si>
    <t>buurten.7e3defa3-b964-4bf0-9b7f-2207251da35a</t>
  </si>
  <si>
    <t>BU03990603</t>
  </si>
  <si>
    <t>Zuid Oost</t>
  </si>
  <si>
    <t>2021BU03990603</t>
  </si>
  <si>
    <t>buurten.6068ea69-cfe3-40f8-839a-71c2f7c9ae59</t>
  </si>
  <si>
    <t>BU03990604</t>
  </si>
  <si>
    <t>2021BU03990604</t>
  </si>
  <si>
    <t>buurten.df4dcc35-9fd6-4ee6-aeab-7696f7bf072b</t>
  </si>
  <si>
    <t>BU03990701</t>
  </si>
  <si>
    <t>Het Die</t>
  </si>
  <si>
    <t>WK039907</t>
  </si>
  <si>
    <t>2021BU03990701</t>
  </si>
  <si>
    <t>buurten.74a589eb-e2d3-4064-9f75-b4baa06fa6e0</t>
  </si>
  <si>
    <t>BU03990801</t>
  </si>
  <si>
    <t>De Volkstuinen</t>
  </si>
  <si>
    <t>WK039908</t>
  </si>
  <si>
    <t>2021BU03990801</t>
  </si>
  <si>
    <t>buurten.f07b93a4-8414-4caa-a003-2518f868520a</t>
  </si>
  <si>
    <t>BU03990802</t>
  </si>
  <si>
    <t>Kapelbuurt</t>
  </si>
  <si>
    <t>2021BU03990802</t>
  </si>
  <si>
    <t>buurten.bec59874-f0c9-427c-858b-3f672f52b004</t>
  </si>
  <si>
    <t>BU04000100</t>
  </si>
  <si>
    <t>Marinehaven</t>
  </si>
  <si>
    <t>WK040001</t>
  </si>
  <si>
    <t>2021BU04000100</t>
  </si>
  <si>
    <t>buurten.1c7ecf07-2d43-47c1-8a0d-92ace24cbde9</t>
  </si>
  <si>
    <t>PL0400010004</t>
  </si>
  <si>
    <t>Gebiedsgerichte aanpak (GGW)</t>
  </si>
  <si>
    <t>aardgasvrij voor 2030</t>
  </si>
  <si>
    <t>BU04000101</t>
  </si>
  <si>
    <t>Oostsloot</t>
  </si>
  <si>
    <t>2021BU04000101</t>
  </si>
  <si>
    <t>buurten.39458315-b4b0-466a-a95c-4a5cbd7ce4d3</t>
  </si>
  <si>
    <t>BU04000102</t>
  </si>
  <si>
    <t>2021BU04000102</t>
  </si>
  <si>
    <t>buurten.3796cc13-c4c4-41eb-8f92-a8d0008aec11</t>
  </si>
  <si>
    <t>BU04000103</t>
  </si>
  <si>
    <t>Willemsoord</t>
  </si>
  <si>
    <t>2021BU04000103</t>
  </si>
  <si>
    <t>buurten.efc5f481-16f8-4940-b488-96ca177d5a03</t>
  </si>
  <si>
    <t>BU04000104</t>
  </si>
  <si>
    <t>Sluisdijk</t>
  </si>
  <si>
    <t>2021BU04000104</t>
  </si>
  <si>
    <t>buurten.4cdf2020-2884-4fe6-9bd0-3f96b7782a0c</t>
  </si>
  <si>
    <t>BU04000105</t>
  </si>
  <si>
    <t>Visbuurt</t>
  </si>
  <si>
    <t>2021BU04000105</t>
  </si>
  <si>
    <t>buurten.28b78f50-ba05-4f05-ab77-d4dcc9ee8345</t>
  </si>
  <si>
    <t>PL0400010003</t>
  </si>
  <si>
    <t>Waterstof Den Helder</t>
  </si>
  <si>
    <t>integrale aanpak tussen meerdere teams OR, omgeving, Sociaal domein, openbare orde &amp; veiligheid. Aanpakken achterstallig onderhoud, toepassen van klimaatadaptieve maatregelen en inspelen op ontwikkelingen zoals energietransitie</t>
  </si>
  <si>
    <t>BU04000106</t>
  </si>
  <si>
    <t>Grachtengordel</t>
  </si>
  <si>
    <t>2021BU04000106</t>
  </si>
  <si>
    <t>buurten.2daf5cad-80b0-48af-ba48-9e1da0943df2</t>
  </si>
  <si>
    <t>BU04000107</t>
  </si>
  <si>
    <t>Havenbuurt</t>
  </si>
  <si>
    <t>2021BU04000107</t>
  </si>
  <si>
    <t>buurten.61d6fb0f-fb3f-4ff5-b424-a90b2be6c4a7</t>
  </si>
  <si>
    <t>BU04000108</t>
  </si>
  <si>
    <t>2021BU04000108</t>
  </si>
  <si>
    <t>buurten.2c1b1149-22da-44f1-ac79-309325df54bd</t>
  </si>
  <si>
    <t>BU04000109</t>
  </si>
  <si>
    <t>Mijnendienst</t>
  </si>
  <si>
    <t>2021BU04000109</t>
  </si>
  <si>
    <t>buurten.06cfefe0-5fe7-4396-a7a2-206538c48e18</t>
  </si>
  <si>
    <t>BU04000200</t>
  </si>
  <si>
    <t>Oud Den Helder</t>
  </si>
  <si>
    <t>WK040002</t>
  </si>
  <si>
    <t>2021BU04000200</t>
  </si>
  <si>
    <t>buurten.42447be5-1256-4e80-b25f-5a98e1861de9</t>
  </si>
  <si>
    <t>BU04000201</t>
  </si>
  <si>
    <t>2021BU04000201</t>
  </si>
  <si>
    <t>buurten.3922b1ea-e04e-49ae-b549-e787c36083f0</t>
  </si>
  <si>
    <t>BU04000202</t>
  </si>
  <si>
    <t>Indische buurt-Noord</t>
  </si>
  <si>
    <t>2021BU04000202</t>
  </si>
  <si>
    <t>buurten.4a1c756c-0536-4dc0-9fbe-52ec0a692dae</t>
  </si>
  <si>
    <t>BU04000203</t>
  </si>
  <si>
    <t>Indische buurt-Zuid</t>
  </si>
  <si>
    <t>2021BU04000203</t>
  </si>
  <si>
    <t>buurten.42cb59e9-481b-466b-9d79-a5f489743084</t>
  </si>
  <si>
    <t>BU04000204</t>
  </si>
  <si>
    <t>2021BU04000204</t>
  </si>
  <si>
    <t>buurten.b96e3a7f-446b-4435-b693-bfb4283584bc</t>
  </si>
  <si>
    <t>BU04000205</t>
  </si>
  <si>
    <t>Tuindorp-West</t>
  </si>
  <si>
    <t>2021BU04000205</t>
  </si>
  <si>
    <t>buurten.6279ba4f-526b-4e42-a02c-e672423d806d</t>
  </si>
  <si>
    <t>BU04000206</t>
  </si>
  <si>
    <t>2021BU04000206</t>
  </si>
  <si>
    <t>buurten.939593b7-736c-4fd7-86b3-3f42b8498da5</t>
  </si>
  <si>
    <t>BU04000207</t>
  </si>
  <si>
    <t>Fort Erfprins</t>
  </si>
  <si>
    <t>2021BU04000207</t>
  </si>
  <si>
    <t>buurten.005f61a0-87a4-4fe8-a8eb-bb00d763f244</t>
  </si>
  <si>
    <t>BU04000208</t>
  </si>
  <si>
    <t>Fort Dirksz Admiraal</t>
  </si>
  <si>
    <t>2021BU04000208</t>
  </si>
  <si>
    <t>buurten.d4e308f2-8158-41e5-9f1b-db9165a5bce8</t>
  </si>
  <si>
    <t>Buurt Dirksz Admiraal en stationsgebied DH-Zuid</t>
  </si>
  <si>
    <t>BU04000300</t>
  </si>
  <si>
    <t>Huisduinen</t>
  </si>
  <si>
    <t>WK040003</t>
  </si>
  <si>
    <t>2021BU04000300</t>
  </si>
  <si>
    <t>buurten.af6dd034-fe5d-4ce4-a227-27a17cedea37</t>
  </si>
  <si>
    <t>BU04000301</t>
  </si>
  <si>
    <t>Liniebuurt</t>
  </si>
  <si>
    <t>2021BU04000301</t>
  </si>
  <si>
    <t>buurten.8baf1021-8662-4e64-b9be-4b288aacac4c</t>
  </si>
  <si>
    <t>BU04000302</t>
  </si>
  <si>
    <t>Jeruzalem</t>
  </si>
  <si>
    <t>2021BU04000302</t>
  </si>
  <si>
    <t>buurten.14972fa2-4a1f-4f57-9958-ea6951b2b8d2</t>
  </si>
  <si>
    <t>BU04000303</t>
  </si>
  <si>
    <t>Duinbuurt</t>
  </si>
  <si>
    <t>2021BU04000303</t>
  </si>
  <si>
    <t>buurten.94d87d0a-bdb1-4ebd-affb-b4a52df05495</t>
  </si>
  <si>
    <t>BU04000304</t>
  </si>
  <si>
    <t>Donkere Duinen</t>
  </si>
  <si>
    <t>2021BU04000304</t>
  </si>
  <si>
    <t>buurten.788132f4-b0f4-4ac8-94a6-dd53b689353f</t>
  </si>
  <si>
    <t>BU04000400</t>
  </si>
  <si>
    <t>Nieuwlandbuurt</t>
  </si>
  <si>
    <t>WK040004</t>
  </si>
  <si>
    <t>2021BU04000400</t>
  </si>
  <si>
    <t>buurten.a6bcf237-7521-4f58-8eb4-4cb12657f108</t>
  </si>
  <si>
    <t>BU04000401</t>
  </si>
  <si>
    <t>Golfstroombuurt</t>
  </si>
  <si>
    <t>2021BU04000401</t>
  </si>
  <si>
    <t>buurten.12cbcc04-4653-40bf-83a3-f334c85442ab</t>
  </si>
  <si>
    <t>BU04000402</t>
  </si>
  <si>
    <t>Grote Rivierenbuurt</t>
  </si>
  <si>
    <t>2021BU04000402</t>
  </si>
  <si>
    <t>buurten.b36e77c9-d9e8-48b6-b95c-3d954058dc3e</t>
  </si>
  <si>
    <t>BU04000403</t>
  </si>
  <si>
    <t>Kleine Rivierenbuurt</t>
  </si>
  <si>
    <t>2021BU04000403</t>
  </si>
  <si>
    <t>buurten.0d966868-889f-450a-bc53-b5b5dd865cb6</t>
  </si>
  <si>
    <t>PL0400010002</t>
  </si>
  <si>
    <t>BU04000404</t>
  </si>
  <si>
    <t>2021BU04000404</t>
  </si>
  <si>
    <t>buurten.1fecc38c-68ae-4890-9ee8-7dded027a9f6</t>
  </si>
  <si>
    <t>BU04000405</t>
  </si>
  <si>
    <t>Falga</t>
  </si>
  <si>
    <t>2021BU04000405</t>
  </si>
  <si>
    <t>buurten.ecae0f89-c62c-4466-b9e9-8a3d74d49425</t>
  </si>
  <si>
    <t>BU04000406</t>
  </si>
  <si>
    <t>Zuiderzeebuurt</t>
  </si>
  <si>
    <t>2021BU04000406</t>
  </si>
  <si>
    <t>buurten.714a130b-81c9-43ea-ae7e-d9f62970814f</t>
  </si>
  <si>
    <t>BU04000407</t>
  </si>
  <si>
    <t>2021BU04000407</t>
  </si>
  <si>
    <t>buurten.6e524041-b665-40ab-96a5-2f3c43b0430d</t>
  </si>
  <si>
    <t>BU04000408</t>
  </si>
  <si>
    <t>Nieuw Den Helder Zuid-Oost</t>
  </si>
  <si>
    <t>2021BU04000408</t>
  </si>
  <si>
    <t>buurten.ecffbe61-b6de-4cdb-be6c-cfaa74937937</t>
  </si>
  <si>
    <t>BU04000409</t>
  </si>
  <si>
    <t>Dirksz Admiraal</t>
  </si>
  <si>
    <t>2021BU04000409</t>
  </si>
  <si>
    <t>buurten.4247aa9b-cb47-4d59-a9e9-f2c805d57dbe</t>
  </si>
  <si>
    <t>BU04000500</t>
  </si>
  <si>
    <t>Westoever</t>
  </si>
  <si>
    <t>WK040005</t>
  </si>
  <si>
    <t>2021BU04000500</t>
  </si>
  <si>
    <t>buurten.3c186b94-92ef-4e66-88ec-759ee1bdd717</t>
  </si>
  <si>
    <t>BU04000501</t>
  </si>
  <si>
    <t>Marina</t>
  </si>
  <si>
    <t>2021BU04000501</t>
  </si>
  <si>
    <t>buurten.8e9c718b-d8d3-4b38-a155-9f4aed0ce907</t>
  </si>
  <si>
    <t>BU04000502</t>
  </si>
  <si>
    <t>Schouten en Schepenenbuurt</t>
  </si>
  <si>
    <t>2021BU04000502</t>
  </si>
  <si>
    <t>buurten.e9b23ef1-94fc-4958-bf9c-b799b51d92b4</t>
  </si>
  <si>
    <t>BU04000503</t>
  </si>
  <si>
    <t>Walvisvaarderbuurt</t>
  </si>
  <si>
    <t>2021BU04000503</t>
  </si>
  <si>
    <t>buurten.488a094d-314a-4718-be3f-22090389c099</t>
  </si>
  <si>
    <t>BU04000504</t>
  </si>
  <si>
    <t>Zeeloodsenbuurt</t>
  </si>
  <si>
    <t>2021BU04000504</t>
  </si>
  <si>
    <t>buurten.636f227e-1cc2-4f02-8cad-33241f1bd005</t>
  </si>
  <si>
    <t>BU04000505</t>
  </si>
  <si>
    <t>Boerderijbuurt</t>
  </si>
  <si>
    <t>2021BU04000505</t>
  </si>
  <si>
    <t>buurten.00bc93f1-64cc-4438-ab61-52a56be9a089</t>
  </si>
  <si>
    <t>BU04000506</t>
  </si>
  <si>
    <t>Schooten-Centrum</t>
  </si>
  <si>
    <t>2021BU04000506</t>
  </si>
  <si>
    <t>buurten.b6613c29-a3a0-4af1-8275-1c1a92e0b604</t>
  </si>
  <si>
    <t>BU04000507</t>
  </si>
  <si>
    <t>Landmetersbuurt</t>
  </si>
  <si>
    <t>2021BU04000507</t>
  </si>
  <si>
    <t>buurten.70eb8d98-eedc-4eb3-bee1-2fd755a4e3b8</t>
  </si>
  <si>
    <t>BU04000508</t>
  </si>
  <si>
    <t>Waterkeringsbuurt</t>
  </si>
  <si>
    <t>2021BU04000508</t>
  </si>
  <si>
    <t>buurten.aefbc0da-f14d-4bc4-988b-492e604ba19f</t>
  </si>
  <si>
    <t>BU04000509</t>
  </si>
  <si>
    <t>Guldemond</t>
  </si>
  <si>
    <t>2021BU04000509</t>
  </si>
  <si>
    <t>buurten.c5d06112-5d7a-4cad-9ca5-0932a1711c49</t>
  </si>
  <si>
    <t>BU04000600</t>
  </si>
  <si>
    <t>Julianadorp-Oost</t>
  </si>
  <si>
    <t>WK040006</t>
  </si>
  <si>
    <t>2021BU04000600</t>
  </si>
  <si>
    <t>buurten.6ac6f9d0-08cd-4751-a8ea-a414dfb5697d</t>
  </si>
  <si>
    <t>BU04000601</t>
  </si>
  <si>
    <t>Oostoever</t>
  </si>
  <si>
    <t>2021BU04000601</t>
  </si>
  <si>
    <t>buurten.1c767b34-2b64-4892-91ac-e6fde847e841</t>
  </si>
  <si>
    <t>BU04000602</t>
  </si>
  <si>
    <t>Friesebuurt</t>
  </si>
  <si>
    <t>2021BU04000602</t>
  </si>
  <si>
    <t>buurten.12bfcd16-c83f-4715-b805-9d6827873019</t>
  </si>
  <si>
    <t>BU04000603</t>
  </si>
  <si>
    <t>Kooypunt</t>
  </si>
  <si>
    <t>2021BU04000603</t>
  </si>
  <si>
    <t>buurten.698fea60-ea59-456b-9bc4-f985ff872ee0</t>
  </si>
  <si>
    <t>BU04000604</t>
  </si>
  <si>
    <t>Koegras-Noord</t>
  </si>
  <si>
    <t>2021BU04000604</t>
  </si>
  <si>
    <t>buurten.6fec8b96-2e0e-4563-9bb1-32eae4cd6e2d</t>
  </si>
  <si>
    <t>BU04000605</t>
  </si>
  <si>
    <t>Blauwe Keet</t>
  </si>
  <si>
    <t>2021BU04000605</t>
  </si>
  <si>
    <t>buurten.58856bc5-92af-4e33-8fe0-02c1166d35dd</t>
  </si>
  <si>
    <t>BU04000606</t>
  </si>
  <si>
    <t>Koegras-Zuid</t>
  </si>
  <si>
    <t>2021BU04000606</t>
  </si>
  <si>
    <t>buurten.8f08d3be-2871-46c1-8b22-99976c9804c0</t>
  </si>
  <si>
    <t>BU04000607</t>
  </si>
  <si>
    <t>De Kooy</t>
  </si>
  <si>
    <t>2021BU04000607</t>
  </si>
  <si>
    <t>buurten.1323c029-20d5-4720-b066-9fb8944711dd</t>
  </si>
  <si>
    <t>BU04000700</t>
  </si>
  <si>
    <t>Mariëndal</t>
  </si>
  <si>
    <t>WK040007</t>
  </si>
  <si>
    <t>2021BU04000700</t>
  </si>
  <si>
    <t>buurten.dc6cd4e9-f77f-4673-adbe-ec45de7dd395</t>
  </si>
  <si>
    <t>BU04000701</t>
  </si>
  <si>
    <t>De Zandloper</t>
  </si>
  <si>
    <t>2021BU04000701</t>
  </si>
  <si>
    <t>buurten.e6b55d5e-8a3a-42fc-ac86-19af07aff4d2</t>
  </si>
  <si>
    <t>BU04000702</t>
  </si>
  <si>
    <t>Ooghduyne</t>
  </si>
  <si>
    <t>2021BU04000702</t>
  </si>
  <si>
    <t>buurten.fa90e15f-d59f-4655-bdc4-f55d46d683ce</t>
  </si>
  <si>
    <t>BU04000800</t>
  </si>
  <si>
    <t>Julianadorp-West</t>
  </si>
  <si>
    <t>WK040008</t>
  </si>
  <si>
    <t>2021BU04000800</t>
  </si>
  <si>
    <t>buurten.e3677aea-de4a-4ba9-b26c-f12ef26dde88</t>
  </si>
  <si>
    <t>BU04000801</t>
  </si>
  <si>
    <t>Middelzand</t>
  </si>
  <si>
    <t>2021BU04000801</t>
  </si>
  <si>
    <t>buurten.119818a3-55b6-4e68-901a-916230f702ec</t>
  </si>
  <si>
    <t>BU04000802</t>
  </si>
  <si>
    <t>Vogelzand</t>
  </si>
  <si>
    <t>2021BU04000802</t>
  </si>
  <si>
    <t>buurten.0bca4e96-91f8-4601-92f9-fd9feea6daea</t>
  </si>
  <si>
    <t>BU04000803</t>
  </si>
  <si>
    <t>Doorzwin</t>
  </si>
  <si>
    <t>2021BU04000803</t>
  </si>
  <si>
    <t>buurten.741d96d8-8fb2-43b3-904c-9d760d2ae77f</t>
  </si>
  <si>
    <t>BU04000804</t>
  </si>
  <si>
    <t>Kruiszwin</t>
  </si>
  <si>
    <t>2021BU04000804</t>
  </si>
  <si>
    <t>buurten.22e21623-419b-4a93-b9ae-65f9eaee253f</t>
  </si>
  <si>
    <t>BU04000805</t>
  </si>
  <si>
    <t>Wierbalg</t>
  </si>
  <si>
    <t>2021BU04000805</t>
  </si>
  <si>
    <t>buurten.3c7aecfc-1f77-4ba1-b407-f8b33bb2df21</t>
  </si>
  <si>
    <t>BU04000806</t>
  </si>
  <si>
    <t>Malzwin</t>
  </si>
  <si>
    <t>2021BU04000806</t>
  </si>
  <si>
    <t>buurten.809ea815-19af-42a7-a966-6ae1f751a130</t>
  </si>
  <si>
    <t>BU04000807</t>
  </si>
  <si>
    <t>Boterzwin</t>
  </si>
  <si>
    <t>2021BU04000807</t>
  </si>
  <si>
    <t>buurten.49060863-39fc-4675-bd5c-77b281e8175a</t>
  </si>
  <si>
    <t>BU04000808</t>
  </si>
  <si>
    <t>Zwanenbalg</t>
  </si>
  <si>
    <t>2021BU04000808</t>
  </si>
  <si>
    <t>buurten.89ed6861-b881-44af-928f-7cfafd5ac1e3</t>
  </si>
  <si>
    <t>BU04000809</t>
  </si>
  <si>
    <t>Noorderhaven</t>
  </si>
  <si>
    <t>2021BU04000809</t>
  </si>
  <si>
    <t>buurten.60241ad8-983e-45f5-8564-f76caedf7498</t>
  </si>
  <si>
    <t>BU04020101</t>
  </si>
  <si>
    <t>WK040201</t>
  </si>
  <si>
    <t>2021BU04020101</t>
  </si>
  <si>
    <t>buurten.14e46f26-1b6e-4a08-b1ea-6e7fb22dec7c</t>
  </si>
  <si>
    <t>BU04020102</t>
  </si>
  <si>
    <t>Havenstraatbuurt</t>
  </si>
  <si>
    <t>2021BU04020102</t>
  </si>
  <si>
    <t>buurten.d40734dd-2513-44bc-a9f9-6f63795ff6b0</t>
  </si>
  <si>
    <t>BU04020103</t>
  </si>
  <si>
    <t>Sint Vitusbuurt</t>
  </si>
  <si>
    <t>2021BU04020103</t>
  </si>
  <si>
    <t>buurten.68a6bb6c-fdfa-487d-8407-78e54d5baeca</t>
  </si>
  <si>
    <t>BU04020104</t>
  </si>
  <si>
    <t>Langgewenstbuurt</t>
  </si>
  <si>
    <t>2021BU04020104</t>
  </si>
  <si>
    <t>buurten.7d72c2ce-0cbb-473b-834e-b1b070be48ef</t>
  </si>
  <si>
    <t>BU04020201</t>
  </si>
  <si>
    <t>Boomberg</t>
  </si>
  <si>
    <t>WK040202</t>
  </si>
  <si>
    <t>2021BU04020201</t>
  </si>
  <si>
    <t>buurten.621319d5-d259-4356-bb70-891651154599</t>
  </si>
  <si>
    <t>Wanneer de visie Op weg naar aardgasvrij in 2026 wordt herijkt, kijken we of met de inzichten van dat moment de keuze voor deze buurten overeind blijft.</t>
  </si>
  <si>
    <t>BU04020202</t>
  </si>
  <si>
    <t>Raadhuiskwartier</t>
  </si>
  <si>
    <t>2021BU04020202</t>
  </si>
  <si>
    <t>buurten.b401ee82-d170-4de7-b574-476f7b3acd74</t>
  </si>
  <si>
    <t>BU04020203</t>
  </si>
  <si>
    <t>Trompenberg-Zuid</t>
  </si>
  <si>
    <t>2021BU04020203</t>
  </si>
  <si>
    <t>buurten.fe8495ea-3353-4ba2-bbf2-c8c2443a8111</t>
  </si>
  <si>
    <t>BU04020204</t>
  </si>
  <si>
    <t>Villaparken</t>
  </si>
  <si>
    <t>2021BU04020204</t>
  </si>
  <si>
    <t>buurten.d8c3d702-e1d0-423d-9045-750d7e8be9cb</t>
  </si>
  <si>
    <t>BU04020205</t>
  </si>
  <si>
    <t>Trompenberg-Noord</t>
  </si>
  <si>
    <t>2021BU04020205</t>
  </si>
  <si>
    <t>buurten.bdeabd0e-0d9e-4052-aae3-d8e0bb856bc0</t>
  </si>
  <si>
    <t>BU04020206</t>
  </si>
  <si>
    <t>Media Park</t>
  </si>
  <si>
    <t>2021BU04020206</t>
  </si>
  <si>
    <t>buurten.f26f8add-6946-4871-afd6-fe03f55e608e</t>
  </si>
  <si>
    <t>BU04020301</t>
  </si>
  <si>
    <t>Havenkwartier</t>
  </si>
  <si>
    <t>WK040203</t>
  </si>
  <si>
    <t>2021BU04020301</t>
  </si>
  <si>
    <t>buurten.9763acbe-b1fb-45cc-84b2-2b8f1d72d56a</t>
  </si>
  <si>
    <t>BU04020302</t>
  </si>
  <si>
    <t>Het Rode Dorp</t>
  </si>
  <si>
    <t>2021BU04020302</t>
  </si>
  <si>
    <t>buurten.1ffcd16a-339e-4ff3-857f-aac21cdbb3d9</t>
  </si>
  <si>
    <t>BU04020303</t>
  </si>
  <si>
    <t>Zeverijn</t>
  </si>
  <si>
    <t>2021BU04020303</t>
  </si>
  <si>
    <t>buurten.6cb01144-4e84-4255-af90-6501ef46b247</t>
  </si>
  <si>
    <t>BU04020304</t>
  </si>
  <si>
    <t>2021BU04020304</t>
  </si>
  <si>
    <t>buurten.64a9d08b-708a-4348-8eea-b6599d741dd6</t>
  </si>
  <si>
    <t>BU04020401</t>
  </si>
  <si>
    <t>Bloemenkwartier Noord</t>
  </si>
  <si>
    <t>WK040204</t>
  </si>
  <si>
    <t>2021BU04020401</t>
  </si>
  <si>
    <t>buurten.9e2f2503-9c8b-4bbb-a34e-65cb536360a6</t>
  </si>
  <si>
    <t>BU04020402</t>
  </si>
  <si>
    <t>Bloemenkwartier Zuid</t>
  </si>
  <si>
    <t>2021BU04020402</t>
  </si>
  <si>
    <t>buurten.d6ce2ec3-804e-42eb-9f97-8432afa4e3ed</t>
  </si>
  <si>
    <t>BU04020403</t>
  </si>
  <si>
    <t>Schrijverskwartier</t>
  </si>
  <si>
    <t>2021BU04020403</t>
  </si>
  <si>
    <t>buurten.11ad0856-a9f2-41ec-a0b6-6e4b5f4fbb35</t>
  </si>
  <si>
    <t>BU04020404</t>
  </si>
  <si>
    <t>2021BU04020404</t>
  </si>
  <si>
    <t>buurten.428bef5e-e22d-4a18-ad96-89257fb5eb67</t>
  </si>
  <si>
    <t>BU04020405</t>
  </si>
  <si>
    <t>Zeeheldenkwartier</t>
  </si>
  <si>
    <t>2021BU04020405</t>
  </si>
  <si>
    <t>buurten.34728311-e05e-406a-bc70-066d192e34ce</t>
  </si>
  <si>
    <t>BU04020501</t>
  </si>
  <si>
    <t>Schilderskwartier</t>
  </si>
  <si>
    <t>WK040205</t>
  </si>
  <si>
    <t>2021BU04020501</t>
  </si>
  <si>
    <t>buurten.40ee360c-9632-4db4-a007-2d6927df0741</t>
  </si>
  <si>
    <t>BU04020502</t>
  </si>
  <si>
    <t>'t Hoogt van 't Kruis</t>
  </si>
  <si>
    <t>2021BU04020502</t>
  </si>
  <si>
    <t>buurten.7cfd60f9-e6fd-4454-9f31-cc7c28bc5cf4</t>
  </si>
  <si>
    <t>BU04020503</t>
  </si>
  <si>
    <t>Arenaparkkwartier</t>
  </si>
  <si>
    <t>2021BU04020503</t>
  </si>
  <si>
    <t>buurten.2deb487a-6657-46ee-a4b9-f2c5ad744b6d</t>
  </si>
  <si>
    <t>BU04020504</t>
  </si>
  <si>
    <t>West-Indiëkwartier</t>
  </si>
  <si>
    <t>2021BU04020504</t>
  </si>
  <si>
    <t>buurten.fa317a16-ba6f-4ebc-acc3-51709c8e9d9a</t>
  </si>
  <si>
    <t>BU04020505</t>
  </si>
  <si>
    <t>Van Riebeeckkwartier</t>
  </si>
  <si>
    <t>2021BU04020505</t>
  </si>
  <si>
    <t>buurten.174e01e4-23d0-4540-b471-e198780bae37</t>
  </si>
  <si>
    <t>BU04020506</t>
  </si>
  <si>
    <t>Egelshoek</t>
  </si>
  <si>
    <t>2021BU04020506</t>
  </si>
  <si>
    <t>buurten.484c7202-6076-4570-bbac-36e3a435944a</t>
  </si>
  <si>
    <t>BU04020601</t>
  </si>
  <si>
    <t>Geuzenbuurt</t>
  </si>
  <si>
    <t>WK040206</t>
  </si>
  <si>
    <t>2021BU04020601</t>
  </si>
  <si>
    <t>buurten.1d4fa285-1fe0-43ee-8ba2-7e099c21a9b3</t>
  </si>
  <si>
    <t>BU04020602</t>
  </si>
  <si>
    <t>Electrobuurt</t>
  </si>
  <si>
    <t>2021BU04020602</t>
  </si>
  <si>
    <t>buurten.1f44da5d-4977-4e89-8f7b-1a8cdba17ced</t>
  </si>
  <si>
    <t>BU04020603</t>
  </si>
  <si>
    <t>Kleine Driftbuurt</t>
  </si>
  <si>
    <t>2021BU04020603</t>
  </si>
  <si>
    <t>buurten.86b0d01f-f73c-4ea3-939e-9e7074fdc34c</t>
  </si>
  <si>
    <t>BU04020604</t>
  </si>
  <si>
    <t>Liebergen</t>
  </si>
  <si>
    <t>2021BU04020604</t>
  </si>
  <si>
    <t>buurten.41491af3-0c79-4499-843e-18a1f7075b1c</t>
  </si>
  <si>
    <t>BU04020605</t>
  </si>
  <si>
    <t>Astronomische Buurt</t>
  </si>
  <si>
    <t>2021BU04020605</t>
  </si>
  <si>
    <t>buurten.e822c941-65c4-4855-8783-01eadf87fffe</t>
  </si>
  <si>
    <t>BU04020606</t>
  </si>
  <si>
    <t>Anna's Hoeve</t>
  </si>
  <si>
    <t>2021BU04020606</t>
  </si>
  <si>
    <t>buurten.95e87c55-f97a-469a-93c1-f9758ff623d9</t>
  </si>
  <si>
    <t>BU04020701</t>
  </si>
  <si>
    <t>Johannes Geradtswegbuurt</t>
  </si>
  <si>
    <t>WK040207</t>
  </si>
  <si>
    <t>2021BU04020701</t>
  </si>
  <si>
    <t>buurten.a77d8347-a559-4a77-9c9c-eaa10d1c2388</t>
  </si>
  <si>
    <t>BU04020702</t>
  </si>
  <si>
    <t>Erfgooiersbuurt</t>
  </si>
  <si>
    <t>2021BU04020702</t>
  </si>
  <si>
    <t>buurten.6ea598a3-032d-4ba9-ba0a-59396e0b59d1</t>
  </si>
  <si>
    <t>BU04020703</t>
  </si>
  <si>
    <t>2021BU04020703</t>
  </si>
  <si>
    <t>buurten.532a37a2-ebe0-4ac4-85c4-5bee1028274e</t>
  </si>
  <si>
    <t>BU04020704</t>
  </si>
  <si>
    <t>AZC Crailo</t>
  </si>
  <si>
    <t>2021BU04020704</t>
  </si>
  <si>
    <t>buurten.56c7a4db-3bce-412b-bfd0-70033829544c</t>
  </si>
  <si>
    <t>BU04020801</t>
  </si>
  <si>
    <t>Hilversumse Meent</t>
  </si>
  <si>
    <t>WK040208</t>
  </si>
  <si>
    <t>2021BU04020801</t>
  </si>
  <si>
    <t>buurten.9b102ef4-7d6c-4965-998e-5e46398c5396</t>
  </si>
  <si>
    <t>PL0402010001</t>
  </si>
  <si>
    <t>PL1942010042</t>
  </si>
  <si>
    <t>Boslaan</t>
  </si>
  <si>
    <t>Proeftuin Hilversumse Meent</t>
  </si>
  <si>
    <t>2029</t>
  </si>
  <si>
    <t>BU04020901</t>
  </si>
  <si>
    <t>Landelijk Gebied 91</t>
  </si>
  <si>
    <t>WK040209</t>
  </si>
  <si>
    <t>2021BU04020901</t>
  </si>
  <si>
    <t>buurten.ac352089-868e-460e-8fa1-a254d03d7cd4</t>
  </si>
  <si>
    <t>BU04020902</t>
  </si>
  <si>
    <t>Landelijk Gebied 92</t>
  </si>
  <si>
    <t>2021BU04020902</t>
  </si>
  <si>
    <t>buurten.09a6cfbc-f572-4f25-8435-7f47d4dc1986</t>
  </si>
  <si>
    <t>BU04020903</t>
  </si>
  <si>
    <t>Landelijk Gebied 93</t>
  </si>
  <si>
    <t>2021BU04020903</t>
  </si>
  <si>
    <t>buurten.f1bdc145-a76b-431e-a992-1e0104c6a717</t>
  </si>
  <si>
    <t>BU04020904</t>
  </si>
  <si>
    <t>Landelijk Gebied 94</t>
  </si>
  <si>
    <t>2021BU04020904</t>
  </si>
  <si>
    <t>buurten.d6a84f4c-bcb2-49d1-9f37-94137a364c23</t>
  </si>
  <si>
    <t>BU04020905</t>
  </si>
  <si>
    <t>Landelijk Gebied 95</t>
  </si>
  <si>
    <t>2021BU04020905</t>
  </si>
  <si>
    <t>buurten.9feee66a-54d5-47c2-aa37-4ab1af93b929</t>
  </si>
  <si>
    <t>Nieuw Loosdrecht Zuid (CBS Buurt: Nieuw Loosdrechtedijk)</t>
  </si>
  <si>
    <t>2045</t>
  </si>
  <si>
    <t>BU04020906</t>
  </si>
  <si>
    <t>Landelijk Gebied 96</t>
  </si>
  <si>
    <t>2021BU04020906</t>
  </si>
  <si>
    <t>buurten.9fd0f226-db8b-43d1-ad6e-35453bd01ebb</t>
  </si>
  <si>
    <t>BU04020907</t>
  </si>
  <si>
    <t>Landelijk Gebied 97</t>
  </si>
  <si>
    <t>2021BU04020907</t>
  </si>
  <si>
    <t>buurten.0f903263-a4cb-4454-bd4a-f6cd537e8d2d</t>
  </si>
  <si>
    <t>Transitievisie warmte gemeente Weesp</t>
  </si>
  <si>
    <t>2021-08-18</t>
  </si>
  <si>
    <t>PL1942010053</t>
  </si>
  <si>
    <t>Naardermeer</t>
  </si>
  <si>
    <t>Doorlopend aan de hand van maatwerk de meest passende warmteoptiezoeken. Bij de herijking van de Transitievisie Warmte wordt gekeken naar innovaties die mogelijk ook in het buitengebied toe te passen zijn.</t>
  </si>
  <si>
    <t>BU04051000</t>
  </si>
  <si>
    <t>WK040510</t>
  </si>
  <si>
    <t>2021BU04051000</t>
  </si>
  <si>
    <t>buurten.909fba41-3798-4c75-8922-0e1ee57a82dc</t>
  </si>
  <si>
    <t>PL0405010013</t>
  </si>
  <si>
    <t>BU04051001</t>
  </si>
  <si>
    <t>Binnenstad - Buurt 10 01</t>
  </si>
  <si>
    <t>2021BU04051001</t>
  </si>
  <si>
    <t>buurten.b5710bb5-4ea5-4d38-ab37-430b676b15ae</t>
  </si>
  <si>
    <t>Risdam-Zuid - Buurt 20 08. Risdam-Noord - Buurt 21 01, Blokker - Buurt 31 03, Binnenstad - Buurt 10 01, Buurt 10 02, Buurt 10 03</t>
  </si>
  <si>
    <t>BU04051002</t>
  </si>
  <si>
    <t>Binnenstad - Buurt 10 02</t>
  </si>
  <si>
    <t>2021BU04051002</t>
  </si>
  <si>
    <t>buurten.9ab65043-6eb8-477b-855f-e3f2a82efeb5</t>
  </si>
  <si>
    <t>PL0405010008</t>
  </si>
  <si>
    <t>Dijklanderziekenhuis en aangrenzende buurten in Risdam en Grote Waal (Risdam - Zuid Buurt 20 00, Buurt 20 03, Buurt 20 04, Buurt 20 05, Buurt 20 06, Buurt 20 07, Risdam - Noord Buurt 21 00, Buurt 21 03, Buurt 21 04, Buurt 21 05, Grote Waal Buurt 13 00, B</t>
  </si>
  <si>
    <t>aquathermie (riool) en/of aquathermie (TEO)</t>
  </si>
  <si>
    <t>BU04051003</t>
  </si>
  <si>
    <t>Binnenstad - Buurt 10 03</t>
  </si>
  <si>
    <t>2021BU04051003</t>
  </si>
  <si>
    <t>buurten.e6cf83b5-6864-45b4-ab68-7936ae30b806</t>
  </si>
  <si>
    <t>BU04051100</t>
  </si>
  <si>
    <t>Venelaankwartier - Buurt 11 00</t>
  </si>
  <si>
    <t>WK040511</t>
  </si>
  <si>
    <t>2021BU04051100</t>
  </si>
  <si>
    <t>buurten.068a9d64-bade-4857-87ff-1d3d8bf6b1d1</t>
  </si>
  <si>
    <t>PL0405010002</t>
  </si>
  <si>
    <t>Kersenboogerd Buurt 33 03, Buurt 33 04)</t>
  </si>
  <si>
    <t>na 2025</t>
  </si>
  <si>
    <t>BU04051101</t>
  </si>
  <si>
    <t>Venelaankwartier - Buurt 11 01</t>
  </si>
  <si>
    <t>2021BU04051101</t>
  </si>
  <si>
    <t>buurten.3ff7db85-83fa-4538-994b-fb1048509ae0</t>
  </si>
  <si>
    <t>Overige wijken (Zwaag - Buurt 30 00, Buurt 30 04, Buurt 05, Buurt 30 06, Venelaankwartier - Buurt 11 00, Buurt 11 01, Risdam-Zuid-Buurt 20 01, Buurt 20 02, Risdam-Noord - Buurt 21 02, Nieuwe Steen - Buurt 22 01, Kersenboogerd- Zuid - Buurt 33 09, Hoorn N</t>
  </si>
  <si>
    <t>BU04051102</t>
  </si>
  <si>
    <t>Venelaankwartier - Buurt 11 02</t>
  </si>
  <si>
    <t>2021BU04051102</t>
  </si>
  <si>
    <t>buurten.df485586-1a73-4600-bbbe-437f15bee4d4</t>
  </si>
  <si>
    <t>BU04051103</t>
  </si>
  <si>
    <t>Venelaankwartier - Buurt 11 03</t>
  </si>
  <si>
    <t>2021BU04051103</t>
  </si>
  <si>
    <t>buurten.9b13a37a-9161-4ae4-a6b2-383d44c73a34</t>
  </si>
  <si>
    <t>Hoorn-Noord (Buurt 12 00, Buurt 12 01, Buurt 12 02, Buurt 12 03)</t>
  </si>
  <si>
    <t>BU04051200</t>
  </si>
  <si>
    <t>Hoorn Noord - Buurt 12 00</t>
  </si>
  <si>
    <t>WK040512</t>
  </si>
  <si>
    <t>2021BU04051200</t>
  </si>
  <si>
    <t>buurten.532e20bf-9f35-42fe-9b53-3e8105950488</t>
  </si>
  <si>
    <t>BU04051201</t>
  </si>
  <si>
    <t>Hoorn Noord - Buurt 12 01</t>
  </si>
  <si>
    <t>2021BU04051201</t>
  </si>
  <si>
    <t>buurten.2a929a15-aa7c-4ec7-9587-b47bbf903b05</t>
  </si>
  <si>
    <t>PL0405010007</t>
  </si>
  <si>
    <t>BU04051202</t>
  </si>
  <si>
    <t>Hoorn Noord - Buurt 12 02</t>
  </si>
  <si>
    <t>2021BU04051202</t>
  </si>
  <si>
    <t>buurten.1225749a-9517-4174-9360-fcc2f2b791ae</t>
  </si>
  <si>
    <t>BU04051203</t>
  </si>
  <si>
    <t>Hoorn Noord - Buurt 12 03</t>
  </si>
  <si>
    <t>2021BU04051203</t>
  </si>
  <si>
    <t>buurten.07b4a9d6-514f-4896-ae87-a93b6331fc77</t>
  </si>
  <si>
    <t>BU04051204</t>
  </si>
  <si>
    <t>Hoorn Noord - Buurt 12 04</t>
  </si>
  <si>
    <t>2021BU04051204</t>
  </si>
  <si>
    <t>buurten.13fc9504-2270-4792-8155-bdfc7db0ab22</t>
  </si>
  <si>
    <t>BU04051300</t>
  </si>
  <si>
    <t>Grote Waal - Buurt 13 00</t>
  </si>
  <si>
    <t>WK040513</t>
  </si>
  <si>
    <t>2021BU04051300</t>
  </si>
  <si>
    <t>buurten.4d1a70cf-d970-4ff1-95ae-f63519a47ceb</t>
  </si>
  <si>
    <t>BU04051301</t>
  </si>
  <si>
    <t>Grote Waal - Buurt 13 01</t>
  </si>
  <si>
    <t>2021BU04051301</t>
  </si>
  <si>
    <t>buurten.1a46dbff-a266-4f3a-a1e2-b662741b0ff1</t>
  </si>
  <si>
    <t>BU04051302</t>
  </si>
  <si>
    <t>Grote Waal - Buurt 13 02</t>
  </si>
  <si>
    <t>2021BU04051302</t>
  </si>
  <si>
    <t>buurten.fef37c64-05f1-4741-9625-601babd63a90</t>
  </si>
  <si>
    <t>BU04051303</t>
  </si>
  <si>
    <t>Grote Waal - Buurt 13 03</t>
  </si>
  <si>
    <t>2021BU04051303</t>
  </si>
  <si>
    <t>buurten.d77ba8ab-c68d-47cd-b457-d5ea6a0ef03c</t>
  </si>
  <si>
    <t>BU04051304</t>
  </si>
  <si>
    <t>Grote Waal - Buurt 13 04</t>
  </si>
  <si>
    <t>2021BU04051304</t>
  </si>
  <si>
    <t>buurten.9554320c-2e32-4ea8-90fe-56aad34f7e7f</t>
  </si>
  <si>
    <t>BU04051305</t>
  </si>
  <si>
    <t>Grote Waal - Buurt 13 05</t>
  </si>
  <si>
    <t>2021BU04051305</t>
  </si>
  <si>
    <t>buurten.0f5088e0-c73a-4bf5-90a5-42aa74fd04ba</t>
  </si>
  <si>
    <t>BU04051306</t>
  </si>
  <si>
    <t>Grote Waal - Buurt 13 06</t>
  </si>
  <si>
    <t>2021BU04051306</t>
  </si>
  <si>
    <t>buurten.ea604d16-6cc4-4a01-af0c-26b2169b78bf</t>
  </si>
  <si>
    <t>BU04051307</t>
  </si>
  <si>
    <t>Grote Waal - Buurt 13 07</t>
  </si>
  <si>
    <t>2021BU04051307</t>
  </si>
  <si>
    <t>buurten.7c02058f-aa0d-4d96-b401-3bdb0780a48e</t>
  </si>
  <si>
    <t>BU04051308</t>
  </si>
  <si>
    <t>Grote Waal - Buurt 13 08</t>
  </si>
  <si>
    <t>2021BU04051308</t>
  </si>
  <si>
    <t>buurten.d243d1b9-5e0a-4e72-aeca-ec32145f6fb8</t>
  </si>
  <si>
    <t>BU04052000</t>
  </si>
  <si>
    <t>Risdam-Zuid - Buurt 20 00</t>
  </si>
  <si>
    <t>WK040520</t>
  </si>
  <si>
    <t>2021BU04052000</t>
  </si>
  <si>
    <t>buurten.8c11ad56-cc9d-44fc-b2d4-400da00e3b4c</t>
  </si>
  <si>
    <t>BU04052001</t>
  </si>
  <si>
    <t>Risdam-Zuid - Buurt 20 01</t>
  </si>
  <si>
    <t>2021BU04052001</t>
  </si>
  <si>
    <t>buurten.46cd99db-91f9-46d2-8f19-ba3516036b15</t>
  </si>
  <si>
    <t>BU04052002</t>
  </si>
  <si>
    <t>Risdam-Zuid - Buurt 20 02</t>
  </si>
  <si>
    <t>2021BU04052002</t>
  </si>
  <si>
    <t>buurten.9cb28e99-a85c-4978-8af2-cd198eaa0ccf</t>
  </si>
  <si>
    <t>BU04052003</t>
  </si>
  <si>
    <t>Risdam-Zuid - Buurt 20 03</t>
  </si>
  <si>
    <t>2021BU04052003</t>
  </si>
  <si>
    <t>buurten.52977669-a676-45a9-a3b3-c6541741d8e0</t>
  </si>
  <si>
    <t>BU04052004</t>
  </si>
  <si>
    <t>Risdam-Zuid - Buurt 20 04</t>
  </si>
  <si>
    <t>2021BU04052004</t>
  </si>
  <si>
    <t>buurten.597a68b1-828d-4f32-aff1-174ba4dffac5</t>
  </si>
  <si>
    <t>BU04052005</t>
  </si>
  <si>
    <t>Risdam-Zuid - Buurt 20 05</t>
  </si>
  <si>
    <t>2021BU04052005</t>
  </si>
  <si>
    <t>buurten.601cbf9e-9377-4c66-afa7-059611f473e4</t>
  </si>
  <si>
    <t>BU04052006</t>
  </si>
  <si>
    <t>Risdam-Zuid - Buurt 20 06</t>
  </si>
  <si>
    <t>2021BU04052006</t>
  </si>
  <si>
    <t>buurten.1b7aa782-919c-4886-9aff-ffc77c9645a9</t>
  </si>
  <si>
    <t>BU04052007</t>
  </si>
  <si>
    <t>Risdam-Zuid - Buurt 20 07</t>
  </si>
  <si>
    <t>2021BU04052007</t>
  </si>
  <si>
    <t>buurten.797abfb5-44e1-41ff-9756-bb17f524362a</t>
  </si>
  <si>
    <t>BU04052008</t>
  </si>
  <si>
    <t>Risdam-Zuid - Buurt 20 08</t>
  </si>
  <si>
    <t>2021BU04052008</t>
  </si>
  <si>
    <t>buurten.33fa3824-2757-4163-80f2-c8f1127dde44</t>
  </si>
  <si>
    <t>BU04052100</t>
  </si>
  <si>
    <t>Risdam-Noord - Buurt 21 00</t>
  </si>
  <si>
    <t>WK040521</t>
  </si>
  <si>
    <t>2021BU04052100</t>
  </si>
  <si>
    <t>buurten.7f6a71c5-3665-4642-a5a0-5acf3b115917</t>
  </si>
  <si>
    <t>BU04052101</t>
  </si>
  <si>
    <t>Risdam-Noord - Buurt 21 01</t>
  </si>
  <si>
    <t>2021BU04052101</t>
  </si>
  <si>
    <t>buurten.a1167b39-2af3-4171-98b8-8ecebd6f077b</t>
  </si>
  <si>
    <t>BU04052102</t>
  </si>
  <si>
    <t>Risdam-Noord - Buurt 21 02</t>
  </si>
  <si>
    <t>2021BU04052102</t>
  </si>
  <si>
    <t>buurten.0ac7c5fc-40e7-409c-b54f-d2d30cf7e4ba</t>
  </si>
  <si>
    <t>BU04052103</t>
  </si>
  <si>
    <t>Risdam-Noord - Buurt 21 03</t>
  </si>
  <si>
    <t>2021BU04052103</t>
  </si>
  <si>
    <t>buurten.fd6fd715-e66b-45ef-8d7f-3bc531d6e1a7</t>
  </si>
  <si>
    <t>BU04052104</t>
  </si>
  <si>
    <t>Risdam-Noord - Buurt 21 04</t>
  </si>
  <si>
    <t>2021BU04052104</t>
  </si>
  <si>
    <t>buurten.177fa81c-75e4-47ce-8381-4990bff40887</t>
  </si>
  <si>
    <t>BU04052105</t>
  </si>
  <si>
    <t>Risdam-Noord - Buurt 21 05</t>
  </si>
  <si>
    <t>2021BU04052105</t>
  </si>
  <si>
    <t>buurten.2dff1908-22db-4f8f-99fa-c42f79675856</t>
  </si>
  <si>
    <t>BU04052200</t>
  </si>
  <si>
    <t>Nieuwe Steen - Buurt 22 00</t>
  </si>
  <si>
    <t>WK040522</t>
  </si>
  <si>
    <t>2021BU04052200</t>
  </si>
  <si>
    <t>buurten.f9cdcc6d-83bb-4cee-b318-b08b06c07e0f</t>
  </si>
  <si>
    <t>PL0405010001</t>
  </si>
  <si>
    <t>Zwaag - Buurt 30 01, Buurt 30 02</t>
  </si>
  <si>
    <t>Aanleg warmtenet</t>
  </si>
  <si>
    <t>BU04052201</t>
  </si>
  <si>
    <t>Nieuwe Steen - Buurt 22 01</t>
  </si>
  <si>
    <t>2021BU04052201</t>
  </si>
  <si>
    <t>buurten.920f04ad-2e33-45c0-b095-76373d72595d</t>
  </si>
  <si>
    <t>BU04053000</t>
  </si>
  <si>
    <t>Zwaag - Buurt 30 00</t>
  </si>
  <si>
    <t>WK040530</t>
  </si>
  <si>
    <t>2021BU04053000</t>
  </si>
  <si>
    <t>buurten.8420a55a-b2a9-4949-84fa-dcbe36db0070</t>
  </si>
  <si>
    <t>PL0405010004</t>
  </si>
  <si>
    <t>Korte termijn: thermische energie uit oppervlaktewater, afvalwater, laagwaardige restwarmte, biomassa of evenuteel aardgas. Lange termijn: geothermie</t>
  </si>
  <si>
    <t>BU04053001</t>
  </si>
  <si>
    <t>Zwaag - Buurt 30 01</t>
  </si>
  <si>
    <t>2021BU04053001</t>
  </si>
  <si>
    <t>buurten.d293ca7b-f577-4e13-b1a8-07076fc39b34</t>
  </si>
  <si>
    <t>Nieuwe Steen (Buurt 22 00)</t>
  </si>
  <si>
    <t>BU04053002</t>
  </si>
  <si>
    <t>Zwaag - Buurt 30 02</t>
  </si>
  <si>
    <t>2021BU04053002</t>
  </si>
  <si>
    <t>buurten.ada0e8fc-a45e-48e5-8f1b-15d752dee478</t>
  </si>
  <si>
    <t>PL0405010005</t>
  </si>
  <si>
    <t>Bangert en Oosterpolder (Buurt 35 01, 35 02, 35 03, 35 04)</t>
  </si>
  <si>
    <t>Aanleg all-electric</t>
  </si>
  <si>
    <t>Op termijn verduurzamen</t>
  </si>
  <si>
    <t>BU04053004</t>
  </si>
  <si>
    <t>Zwaag - Buurt 30 04</t>
  </si>
  <si>
    <t>2021BU04053004</t>
  </si>
  <si>
    <t>buurten.41627678-1690-41da-ae0d-3ce6d7edc7ee</t>
  </si>
  <si>
    <t>BU04053005</t>
  </si>
  <si>
    <t>Zwaag - Buurt 30 05</t>
  </si>
  <si>
    <t>2021BU04053005</t>
  </si>
  <si>
    <t>buurten.a3983e81-b244-4adf-901b-a33ce20e76c8</t>
  </si>
  <si>
    <t>PL0405010009</t>
  </si>
  <si>
    <t>BU04053006</t>
  </si>
  <si>
    <t>Zwaag - Buurt 30 06</t>
  </si>
  <si>
    <t>2021BU04053006</t>
  </si>
  <si>
    <t>buurten.6f14849e-7627-4ec6-8e43-06ad33b77fa4</t>
  </si>
  <si>
    <t>BU04053100</t>
  </si>
  <si>
    <t>Blokker - Buurt 31 00</t>
  </si>
  <si>
    <t>WK040531</t>
  </si>
  <si>
    <t>2021BU04053100</t>
  </si>
  <si>
    <t>buurten.f9016a41-6621-426e-a454-a9aea2e7f8f9</t>
  </si>
  <si>
    <t>Blokker - Buurt 31 01, Buurt 31 04</t>
  </si>
  <si>
    <t>BU04053101</t>
  </si>
  <si>
    <t>Blokker - Buurt 31 01</t>
  </si>
  <si>
    <t>2021BU04053101</t>
  </si>
  <si>
    <t>buurten.b4dbf360-7da0-47e8-9d10-4f69d64ad195</t>
  </si>
  <si>
    <t>BU04053102</t>
  </si>
  <si>
    <t>Blokker - Buurt 31 02</t>
  </si>
  <si>
    <t>2021BU04053102</t>
  </si>
  <si>
    <t>buurten.8535d168-372e-440d-99ac-6822474211e8</t>
  </si>
  <si>
    <t>BU04053103</t>
  </si>
  <si>
    <t>Blokker - Buurt 31 03</t>
  </si>
  <si>
    <t>2021BU04053103</t>
  </si>
  <si>
    <t>buurten.6b196cfa-4541-4a19-8359-55715963439e</t>
  </si>
  <si>
    <t>BU04053104</t>
  </si>
  <si>
    <t>Blokker - Buurt 31 04</t>
  </si>
  <si>
    <t>2021BU04053104</t>
  </si>
  <si>
    <t>buurten.f119f1ac-507a-45b0-b9f5-fe8675896136</t>
  </si>
  <si>
    <t>BU04053200</t>
  </si>
  <si>
    <t>Kersenboogerd-Noord - Buurt 32 00</t>
  </si>
  <si>
    <t>WK040532</t>
  </si>
  <si>
    <t>2021BU04053200</t>
  </si>
  <si>
    <t>buurten.5bc70b7b-a32a-4571-b515-1300c4c3e014</t>
  </si>
  <si>
    <t>BU04053201</t>
  </si>
  <si>
    <t>Kersenboogerd-Noord - Buurt 32 01</t>
  </si>
  <si>
    <t>2021BU04053201</t>
  </si>
  <si>
    <t>buurten.b2930a76-dbd6-4bcb-b3a6-22a9eedb56e1</t>
  </si>
  <si>
    <t>Kersenboogerd (Kersenboogerd-Noord - Buurt 32 00, Buurt 32 01, Buurt 32 02, Buurt 32 03, Kersenboogerd-Zuid - Buurt 33 00, Buurt 33 01, Buurt 33 02)</t>
  </si>
  <si>
    <t>aquathermie (TEO) en/of aquathermie (TEA) en/of restwarmte en/of biomassa en/of gas en/of geothermie (op termijn)</t>
  </si>
  <si>
    <t>BU04053202</t>
  </si>
  <si>
    <t>Kersenboogerd-Noord - Buurt 32 02</t>
  </si>
  <si>
    <t>2021BU04053202</t>
  </si>
  <si>
    <t>buurten.ddd4421f-da3e-4989-b1f7-a46863d3eaf0</t>
  </si>
  <si>
    <t>BU04053203</t>
  </si>
  <si>
    <t>Kersenboogerd-Noord - Buurt 32 03</t>
  </si>
  <si>
    <t>2021BU04053203</t>
  </si>
  <si>
    <t>buurten.ac18fc04-9833-43b2-83b6-825f4dc375ef</t>
  </si>
  <si>
    <t>BU04053300</t>
  </si>
  <si>
    <t>Kersenboogerd-Zuid - Buurt 33 00</t>
  </si>
  <si>
    <t>WK040533</t>
  </si>
  <si>
    <t>2021BU04053300</t>
  </si>
  <si>
    <t>buurten.b4629a8d-4633-4e63-ad9e-bf274e853106</t>
  </si>
  <si>
    <t>BU04053301</t>
  </si>
  <si>
    <t>Kersenboogerd-Zuid - Buurt 33 01</t>
  </si>
  <si>
    <t>2021BU04053301</t>
  </si>
  <si>
    <t>buurten.746106bf-12ff-44da-add4-dac585aa4e87</t>
  </si>
  <si>
    <t>BU04053302</t>
  </si>
  <si>
    <t>Kersenboogerd-Zuid - Buurt 33 02</t>
  </si>
  <si>
    <t>2021BU04053302</t>
  </si>
  <si>
    <t>buurten.8a3a15ac-ff21-4060-8e2a-0e77ee79c229</t>
  </si>
  <si>
    <t>BU04053303</t>
  </si>
  <si>
    <t>Kersenboogerd-Zuid - Buurt 33 03</t>
  </si>
  <si>
    <t>2021BU04053303</t>
  </si>
  <si>
    <t>buurten.917837f7-5394-4fdb-b890-a808ed832278</t>
  </si>
  <si>
    <t>PL0405010010</t>
  </si>
  <si>
    <t>BU04053304</t>
  </si>
  <si>
    <t>Kersenboogerd-Zuid - Buurt 33 04</t>
  </si>
  <si>
    <t>2021BU04053304</t>
  </si>
  <si>
    <t>buurten.87b5f28a-0c91-42e1-a5f5-ae6d30433b10</t>
  </si>
  <si>
    <t>Hoorn 80 (Buurt 34 01, Buurt 34 02)</t>
  </si>
  <si>
    <t>BU04053305</t>
  </si>
  <si>
    <t>Kersenboogerd-Zuid - Buurt 33 05</t>
  </si>
  <si>
    <t>2021BU04053305</t>
  </si>
  <si>
    <t>buurten.9bdcbcb5-ce14-4f18-8443-8eec687fa4e9</t>
  </si>
  <si>
    <t>BU04053306</t>
  </si>
  <si>
    <t>Kersenboogerd-Zuid - Buurt 33 06</t>
  </si>
  <si>
    <t>2021BU04053306</t>
  </si>
  <si>
    <t>buurten.39600a1d-8846-485f-b1d7-088fbc928e34</t>
  </si>
  <si>
    <t>Kersenboogerd - Zuid - Buurt 33 05, Buurt 33 06, Buurt 33 07, Buurt 33 08</t>
  </si>
  <si>
    <t>BU04053307</t>
  </si>
  <si>
    <t>Kersenboogerd-Zuid - Buurt 33 07</t>
  </si>
  <si>
    <t>2021BU04053307</t>
  </si>
  <si>
    <t>buurten.6251f367-21f1-4dcb-a7b4-0ef60eda0118</t>
  </si>
  <si>
    <t>BU04053308</t>
  </si>
  <si>
    <t>Kersenboogerd-Zuid - Buurt 33 08</t>
  </si>
  <si>
    <t>2021BU04053308</t>
  </si>
  <si>
    <t>buurten.ec236fc0-e292-40e6-a8ec-b2739d3f532f</t>
  </si>
  <si>
    <t>BU04053309</t>
  </si>
  <si>
    <t>Kersenboogerd-Zuid - Buurt 33 09</t>
  </si>
  <si>
    <t>2021BU04053309</t>
  </si>
  <si>
    <t>buurten.5b1b7606-cd0c-4163-adca-d73d889bd653</t>
  </si>
  <si>
    <t>BU04053400</t>
  </si>
  <si>
    <t>Hoorn 80 - Buurt 34 00</t>
  </si>
  <si>
    <t>WK040534</t>
  </si>
  <si>
    <t>2021BU04053400</t>
  </si>
  <si>
    <t>buurten.5e5285a8-de75-4b15-9661-a2241d1a5aec</t>
  </si>
  <si>
    <t>BU04053401</t>
  </si>
  <si>
    <t>Hoorn 80 - Buurt 34 01</t>
  </si>
  <si>
    <t>2021BU04053401</t>
  </si>
  <si>
    <t>buurten.70947dbb-c7bc-461f-a4e7-10fa10286be1</t>
  </si>
  <si>
    <t>BU04053402</t>
  </si>
  <si>
    <t>Hoorn 80 - Buurt 34 02</t>
  </si>
  <si>
    <t>2021BU04053402</t>
  </si>
  <si>
    <t>buurten.d01fd162-adef-4a11-ab63-c48344c80cce</t>
  </si>
  <si>
    <t>PL0405010003</t>
  </si>
  <si>
    <t>BU04053501</t>
  </si>
  <si>
    <t>Bangert en Oosterpolder - Buurt 35 01</t>
  </si>
  <si>
    <t>WK040535</t>
  </si>
  <si>
    <t>2021BU04053501</t>
  </si>
  <si>
    <t>buurten.aa5c04f4-085f-4913-8dbb-51ff9fc88aba</t>
  </si>
  <si>
    <t>BU04053502</t>
  </si>
  <si>
    <t>Bangert en Oosterpolder - Buurt 35 02</t>
  </si>
  <si>
    <t>2021BU04053502</t>
  </si>
  <si>
    <t>buurten.0d7a93ad-848a-480d-8670-f8f949e128cc</t>
  </si>
  <si>
    <t>BU04053503</t>
  </si>
  <si>
    <t>Bangert en Oosterpolder - Buurt 35 03</t>
  </si>
  <si>
    <t>2021BU04053503</t>
  </si>
  <si>
    <t>buurten.421ce52f-2e97-44ab-8413-2a5e0c60f091</t>
  </si>
  <si>
    <t>BU04053504</t>
  </si>
  <si>
    <t>Bangert en Oosterpolder - Buurt 35 04</t>
  </si>
  <si>
    <t>2021BU04053504</t>
  </si>
  <si>
    <t>buurten.2583be86-a35b-45a0-90c5-5938dbbefed3</t>
  </si>
  <si>
    <t>BU04053505</t>
  </si>
  <si>
    <t>Bangert en Oosterpolder - Buurt 35 05</t>
  </si>
  <si>
    <t>2021BU04053505</t>
  </si>
  <si>
    <t>buurten.d9d21840-0eb1-4576-8c4f-13cf29691d42</t>
  </si>
  <si>
    <t>PL0405010011</t>
  </si>
  <si>
    <t>BU04053506</t>
  </si>
  <si>
    <t>Bangert en Oosterpolder - Buurt 35 06</t>
  </si>
  <si>
    <t>2021BU04053506</t>
  </si>
  <si>
    <t>buurten.f4870773-c562-45cd-9231-bd40a6a0def3</t>
  </si>
  <si>
    <t>BU04053600</t>
  </si>
  <si>
    <t>Zevenhuis - Buurt 36 00</t>
  </si>
  <si>
    <t>WK040536</t>
  </si>
  <si>
    <t>2021BU04053600</t>
  </si>
  <si>
    <t>buurten.f564c336-29e6-4222-a65a-288024456a3e</t>
  </si>
  <si>
    <t>BU04060001</t>
  </si>
  <si>
    <t>WK040600</t>
  </si>
  <si>
    <t>2021BU04060001</t>
  </si>
  <si>
    <t>buurten.b0087eff-fe6b-4038-88f5-b3f40f3d3c2f</t>
  </si>
  <si>
    <t>PL0406010002</t>
  </si>
  <si>
    <t>Flevo, Thames, Westereng, De Noord, De Zuid, Sijsjesberg, Zuidereng, Ijzeren veld, Parrewijn, Rijsbergen, Bikbergen, Tafelberger Heide, Crailo, Huizerhoogt</t>
  </si>
  <si>
    <t>Wofskamer, Industriewijk 't Plaveen, Huizermaat West, Filosofenbuurt</t>
  </si>
  <si>
    <t>Voor deze manier van verwarmen moet de woning geisoleerd worden tot label B (of beter) en moeten de radiatoren meestal worden vervangen door een lagetemperatuur (LT)-afgiftesysteem zoals vloerverwarming of andere LT-radiatoren.</t>
  </si>
  <si>
    <t>BU04060002</t>
  </si>
  <si>
    <t>De Zuid</t>
  </si>
  <si>
    <t>2021BU04060002</t>
  </si>
  <si>
    <t>buurten.c921c335-50de-48b6-9bd8-f1ae9e65b388</t>
  </si>
  <si>
    <t>PL0406010001</t>
  </si>
  <si>
    <t>In 2050 aardgasvrij worden en hernieuwbaar gas aansluiten</t>
  </si>
  <si>
    <t>BU04060103</t>
  </si>
  <si>
    <t>Westereng</t>
  </si>
  <si>
    <t>WK040601</t>
  </si>
  <si>
    <t>2021BU04060103</t>
  </si>
  <si>
    <t>buurten.2ef9295e-c976-45c9-8305-f1f90d168e18</t>
  </si>
  <si>
    <t>BU04060204</t>
  </si>
  <si>
    <t>Flevo</t>
  </si>
  <si>
    <t>WK040602</t>
  </si>
  <si>
    <t>2021BU04060204</t>
  </si>
  <si>
    <t>buurten.4c2108b1-0d2d-408e-9f3a-439ff957f737</t>
  </si>
  <si>
    <t>Bos van Bredius-Noord</t>
  </si>
  <si>
    <t>Hernieuwbaar gas (groen gas)</t>
  </si>
  <si>
    <t>BU04060205</t>
  </si>
  <si>
    <t>Bikbergen</t>
  </si>
  <si>
    <t>2021BU04060205</t>
  </si>
  <si>
    <t>buurten.3cdb50dc-1e30-4f2b-81c5-08c0c3afc5a0</t>
  </si>
  <si>
    <t>PL1942010054</t>
  </si>
  <si>
    <t>BU04060206</t>
  </si>
  <si>
    <t>2021BU04060206</t>
  </si>
  <si>
    <t>buurten.c030c1d0-f7e1-451b-b879-bf0169695d5a</t>
  </si>
  <si>
    <t>Waltherlaan</t>
  </si>
  <si>
    <t>BU04060307</t>
  </si>
  <si>
    <t>Thames</t>
  </si>
  <si>
    <t>WK040603</t>
  </si>
  <si>
    <t>2021BU04060307</t>
  </si>
  <si>
    <t>buurten.2b5de032-3f58-4b63-9949-022cbf94eba5</t>
  </si>
  <si>
    <t>BU04060308</t>
  </si>
  <si>
    <t>IJzeren veld</t>
  </si>
  <si>
    <t>2021BU04060308</t>
  </si>
  <si>
    <t>buurten.e4de8c37-53ea-4aa8-b86e-d77d82a08040</t>
  </si>
  <si>
    <t>BU04060327</t>
  </si>
  <si>
    <t>Parrewijn</t>
  </si>
  <si>
    <t>2021BU04060327</t>
  </si>
  <si>
    <t>buurten.e9fc9884-5bfe-428f-96ac-997bf601ea48</t>
  </si>
  <si>
    <t>BU04060328</t>
  </si>
  <si>
    <t>Tafelberger Heide</t>
  </si>
  <si>
    <t>2021BU04060328</t>
  </si>
  <si>
    <t>buurten.ec8ff488-1402-426a-9d59-0def6db95c0c</t>
  </si>
  <si>
    <t>BU04060329</t>
  </si>
  <si>
    <t>Rijsbergen</t>
  </si>
  <si>
    <t>2021BU04060329</t>
  </si>
  <si>
    <t>buurten.03f6c088-535a-4b71-a498-42babe0efdc0</t>
  </si>
  <si>
    <t>BU04060330</t>
  </si>
  <si>
    <t>Huizerhoogt</t>
  </si>
  <si>
    <t>2021BU04060330</t>
  </si>
  <si>
    <t>buurten.cac42c0a-e287-4c96-964a-a8e8882b9461</t>
  </si>
  <si>
    <t>BU04060409</t>
  </si>
  <si>
    <t>Sijsjesberg</t>
  </si>
  <si>
    <t>WK040604</t>
  </si>
  <si>
    <t>2021BU04060409</t>
  </si>
  <si>
    <t>buurten.c59df358-7fc4-40ce-9f2d-b9c98e9c51f9</t>
  </si>
  <si>
    <t>BU04060410</t>
  </si>
  <si>
    <t>Zuidereng</t>
  </si>
  <si>
    <t>2021BU04060410</t>
  </si>
  <si>
    <t>buurten.d608a1c7-db9c-4f17-b6e1-1c9c37b82e33</t>
  </si>
  <si>
    <t>BU04060511</t>
  </si>
  <si>
    <t>Gooierhoofd</t>
  </si>
  <si>
    <t>WK040605</t>
  </si>
  <si>
    <t>2021BU04060511</t>
  </si>
  <si>
    <t>buurten.5dec0886-6558-4988-822d-af615d6451da</t>
  </si>
  <si>
    <t>Gooierhoofd, Bovenweg, Bovenmaat Noord, Bovenmaat West, Bovenmaat Oost</t>
  </si>
  <si>
    <t>BU04060512</t>
  </si>
  <si>
    <t>Wolfskamer</t>
  </si>
  <si>
    <t>2021BU04060512</t>
  </si>
  <si>
    <t>buurten.df7b7d29-96e5-4c70-8850-308e01f762c1</t>
  </si>
  <si>
    <t>BU04060513</t>
  </si>
  <si>
    <t>Industriewijk 't Plaveen</t>
  </si>
  <si>
    <t>2021BU04060513</t>
  </si>
  <si>
    <t>buurten.7927deff-18c6-41cf-b952-1fb8867ff247</t>
  </si>
  <si>
    <t>BU04060614</t>
  </si>
  <si>
    <t>Bovenweg</t>
  </si>
  <si>
    <t>WK040606</t>
  </si>
  <si>
    <t>2021BU04060614</t>
  </si>
  <si>
    <t>buurten.e0bfdc7e-fdbd-44d4-a72c-f7136ee1ac2f</t>
  </si>
  <si>
    <t>BU04060615</t>
  </si>
  <si>
    <t>Zenderwijk</t>
  </si>
  <si>
    <t>2021BU04060615</t>
  </si>
  <si>
    <t>buurten.c58f2f65-657f-4a13-8c2a-94fafad8c633</t>
  </si>
  <si>
    <t>BU04060716</t>
  </si>
  <si>
    <t>Stad en Lande</t>
  </si>
  <si>
    <t>WK040607</t>
  </si>
  <si>
    <t>2021BU04060716</t>
  </si>
  <si>
    <t>buurten.20d2c9c3-d9d0-44d7-bedd-8e88e15296f9</t>
  </si>
  <si>
    <t>BU04060817</t>
  </si>
  <si>
    <t>Huizermaat West</t>
  </si>
  <si>
    <t>WK040608</t>
  </si>
  <si>
    <t>2021BU04060817</t>
  </si>
  <si>
    <t>buurten.dec3b824-b288-4e0b-a72c-ae02f0fad113</t>
  </si>
  <si>
    <t>BU04060818</t>
  </si>
  <si>
    <t>Huizermaat Zuid</t>
  </si>
  <si>
    <t>2021BU04060818</t>
  </si>
  <si>
    <t>buurten.f2c83c44-73d7-4bf1-ba26-6d0be3054216</t>
  </si>
  <si>
    <t>BU04060919</t>
  </si>
  <si>
    <t>Huizermaat Noord</t>
  </si>
  <si>
    <t>WK040609</t>
  </si>
  <si>
    <t>2021BU04060919</t>
  </si>
  <si>
    <t>buurten.9f3c36d9-e733-4629-a4f8-c3d7814c1852</t>
  </si>
  <si>
    <t>BU04061020</t>
  </si>
  <si>
    <t>Bijvanck Noord</t>
  </si>
  <si>
    <t>WK040610</t>
  </si>
  <si>
    <t>2021BU04061020</t>
  </si>
  <si>
    <t>buurten.38ae4895-86e9-4a3b-916f-6363b89ca6c5</t>
  </si>
  <si>
    <t>BU04061021</t>
  </si>
  <si>
    <t>Bijvanck West</t>
  </si>
  <si>
    <t>2021BU04061021</t>
  </si>
  <si>
    <t>buurten.672ebaa9-81f6-484c-a434-66fa66691297</t>
  </si>
  <si>
    <t>BU04061123</t>
  </si>
  <si>
    <t>Bovenmaat Noord</t>
  </si>
  <si>
    <t>WK040611</t>
  </si>
  <si>
    <t>2021BU04061123</t>
  </si>
  <si>
    <t>buurten.c50edbc7-3019-47c4-974e-95e3a322237e</t>
  </si>
  <si>
    <t>BU04061124</t>
  </si>
  <si>
    <t>Bovenmaat West</t>
  </si>
  <si>
    <t>2021BU04061124</t>
  </si>
  <si>
    <t>buurten.add76d6c-29b7-48bf-81c0-c9d5b1a8f589</t>
  </si>
  <si>
    <t>BU04061125</t>
  </si>
  <si>
    <t>Bovenmaat-Oost</t>
  </si>
  <si>
    <t>2021BU04061125</t>
  </si>
  <si>
    <t>buurten.f8c3cf4b-2f31-48c3-b28e-b68cc4bcd05e</t>
  </si>
  <si>
    <t>BU04061226</t>
  </si>
  <si>
    <t>Filosofenbuurt</t>
  </si>
  <si>
    <t>WK040612</t>
  </si>
  <si>
    <t>2021BU04061226</t>
  </si>
  <si>
    <t>buurten.d0ce69fe-97cc-4520-bfc7-a49d6520d981</t>
  </si>
  <si>
    <t>BU04061231</t>
  </si>
  <si>
    <t>De Tuit</t>
  </si>
  <si>
    <t>2021BU04061231</t>
  </si>
  <si>
    <t>buurten.da9a21d2-5ed6-47f9-ab2d-96be7a288ef9</t>
  </si>
  <si>
    <t>BU04150000</t>
  </si>
  <si>
    <t>WK041500</t>
  </si>
  <si>
    <t>2021BU04150000</t>
  </si>
  <si>
    <t>buurten.95042144-d5fb-4945-9db0-6afcc5e2d713</t>
  </si>
  <si>
    <t>Er worden geen kansen gezien voor een warmtenet, maar de keuze voor een aardgasalternatief blijft uit.</t>
  </si>
  <si>
    <t>Aardgasvrijmaken met woningcoorporaties als startmotor: De komende jaren gaat woningcorporatie Eigen Haard aan de slag met maatregelen om het energielabel voor de woningen in eigen bezit (60%) naar label B te brengen. Ook woningcorporatie Rochdale zet zi</t>
  </si>
  <si>
    <t>De wijk is omringd door water, welke mogelijk geschikt is voor een aardgasvrije oplossing op basis van Thermische Energie uit Oppervlaktewater</t>
  </si>
  <si>
    <t>BU04150001</t>
  </si>
  <si>
    <t>Plan Centrum-Noord</t>
  </si>
  <si>
    <t>2021BU04150001</t>
  </si>
  <si>
    <t>buurten.28d0d81b-1e5f-45c3-935c-2b1e58dae73e</t>
  </si>
  <si>
    <t>PL0415010001</t>
  </si>
  <si>
    <t>BU04150002</t>
  </si>
  <si>
    <t>Plan Centrum-Zuid</t>
  </si>
  <si>
    <t>2021BU04150002</t>
  </si>
  <si>
    <t>buurten.5894593c-590f-4426-9301-3ac2e3cbd9fb</t>
  </si>
  <si>
    <t>PL0415010003</t>
  </si>
  <si>
    <t>Havenzathe</t>
  </si>
  <si>
    <t>Koppelkansen met groot onderhoud en vervanging aan riolering en nutsvoorzieningen.  In 2018 is in opdracht van de gemeente door adviesbureau DWA een conceptenstudie uitgevoerd naar aardgasvrije oplossingen voor de wijk. Conclusies uit deze rapportage zul</t>
  </si>
  <si>
    <t>Eerste stappen naar aardgasvrij-ready zetten. Er is in de wijk al initiatief genomen door een collectief van bewoners die interesse hebben om hun woning te verduurzamen. Ook maken bewoners in het kader van de renovatieplannen in de wijk gebruik van  comm</t>
  </si>
  <si>
    <t>BU04150003</t>
  </si>
  <si>
    <t>Plan Centrum-West</t>
  </si>
  <si>
    <t>2021BU04150003</t>
  </si>
  <si>
    <t>buurten.da3a1508-88ee-4b95-b7fb-64b9fcd38803</t>
  </si>
  <si>
    <t>Netwerkbeheerder Liander heeft aangegeven dat extra transformatorhuisjes in de wijk nodig zullen zijn.  In de volgende stap zal gekeken moeten worden samen met bewoners wat nodig is om tot een aantrekkelijk aardgasvrij aanbod te komen, waarbij ook gekeke</t>
  </si>
  <si>
    <t>De wijk Luijendijk Zuid is qua bouw geschikt om over te stappen op all-electric, omdat ze vanwege het recente bouwjaar al relatief goed geisoleerd zijn.  Deze wijk kan als proeftuin dienen om te leren over de overstap naar aardgasvrij wonen voor particul</t>
  </si>
  <si>
    <t>BU04150009</t>
  </si>
  <si>
    <t>Verspreide huizen ten oosten van Landsmeer</t>
  </si>
  <si>
    <t>2021BU04150009</t>
  </si>
  <si>
    <t>buurten.a24cfc58-fd65-437b-b887-1a8ed08a1b71</t>
  </si>
  <si>
    <t>BU04150101</t>
  </si>
  <si>
    <t>Purmerland</t>
  </si>
  <si>
    <t>WK041501</t>
  </si>
  <si>
    <t>2021BU04150101</t>
  </si>
  <si>
    <t>buurten.319898fb-e5be-499c-8b4d-09f15afeaf48</t>
  </si>
  <si>
    <t>BU04150102</t>
  </si>
  <si>
    <t>Den Ilp</t>
  </si>
  <si>
    <t>2021BU04150102</t>
  </si>
  <si>
    <t>buurten.96702953-9f55-4660-b5ac-bb694a6ecfee</t>
  </si>
  <si>
    <t>BU04160000</t>
  </si>
  <si>
    <t>Oudkarspel</t>
  </si>
  <si>
    <t>WK041600</t>
  </si>
  <si>
    <t>2021BU04160000</t>
  </si>
  <si>
    <t>buurten.ee8c342e-9a70-4393-af61-22e98165c3f8</t>
  </si>
  <si>
    <t>BU04160001</t>
  </si>
  <si>
    <t>Noord-Scharwoude</t>
  </si>
  <si>
    <t>2021BU04160001</t>
  </si>
  <si>
    <t>buurten.65d12b2e-3978-4ce6-964f-f68a543fdbe5</t>
  </si>
  <si>
    <t>BU04160002</t>
  </si>
  <si>
    <t>Zuid-Scharwoude</t>
  </si>
  <si>
    <t>2021BU04160002</t>
  </si>
  <si>
    <t>buurten.010bb753-1077-414d-b4f7-c24a3e1a22f9</t>
  </si>
  <si>
    <t>BU04160003</t>
  </si>
  <si>
    <t>Broek op Langedijk</t>
  </si>
  <si>
    <t>2021BU04160003</t>
  </si>
  <si>
    <t>buurten.b49dbcaf-0ad7-41bc-8b26-f3f09f5b682d</t>
  </si>
  <si>
    <t>BU04160004</t>
  </si>
  <si>
    <t>Laanweg en Waarddijk</t>
  </si>
  <si>
    <t>2021BU04160004</t>
  </si>
  <si>
    <t>buurten.51405d31-2190-409e-8e45-0e0eb086b83a</t>
  </si>
  <si>
    <t>BU04160005</t>
  </si>
  <si>
    <t>Sint Pancras</t>
  </si>
  <si>
    <t>2021BU04160005</t>
  </si>
  <si>
    <t>buurten.5ef15632-d72f-40c0-a627-39ca9edfcd11</t>
  </si>
  <si>
    <t>BU04160006</t>
  </si>
  <si>
    <t>Koedijk</t>
  </si>
  <si>
    <t>2021BU04160006</t>
  </si>
  <si>
    <t>buurten.35e849e7-ee65-4a60-81f6-793c06388879</t>
  </si>
  <si>
    <t>BU04170320</t>
  </si>
  <si>
    <t>Laren-Centrum</t>
  </si>
  <si>
    <t>WK041703</t>
  </si>
  <si>
    <t>2021BU04170320</t>
  </si>
  <si>
    <t>buurten.8306c2d0-f619-4df2-8d21-65bdfa014a79</t>
  </si>
  <si>
    <t>[p. 9-10]UITGANGSPUNT 1: BETAALBAARHEIDUITGANGSPUNT 2: HAALBAARHEIDUITGANGSPUNT 3:IEDEREEN MOET MEE KUNNEN DOENUITGANGSPUNT 4: SAMENWERKENUITGANGSPUNT 5: DRAAGVLAK[p.4]stellen we een aantal randvoorwaarden, zoals financielevergoeding vanuit de Rijksoverh</t>
  </si>
  <si>
    <t>PL0417010001</t>
  </si>
  <si>
    <t>BU04170321</t>
  </si>
  <si>
    <t>Laren-Natuurgebied</t>
  </si>
  <si>
    <t>2021BU04170321</t>
  </si>
  <si>
    <t>buurten.ed85709c-e9a0-47a0-8355-c1777a449023</t>
  </si>
  <si>
    <t>BU04170322</t>
  </si>
  <si>
    <t>Omloop</t>
  </si>
  <si>
    <t>2021BU04170322</t>
  </si>
  <si>
    <t>buurten.342ed85a-0a55-4483-9ece-080c658920ce</t>
  </si>
  <si>
    <t>BU04170323</t>
  </si>
  <si>
    <t>Oostereng</t>
  </si>
  <si>
    <t>2021BU04170323</t>
  </si>
  <si>
    <t>buurten.fa81ab6c-2769-48a4-b4a5-a72dd8e17a0e</t>
  </si>
  <si>
    <t>BU04170324</t>
  </si>
  <si>
    <t>Postiljon</t>
  </si>
  <si>
    <t>2021BU04170324</t>
  </si>
  <si>
    <t>buurten.2a9b7072-ee33-4ad3-a9d5-8cea6d5191ca</t>
  </si>
  <si>
    <t>PL0417010009</t>
  </si>
  <si>
    <t>BU04170325</t>
  </si>
  <si>
    <t>Rijksweg-Noord</t>
  </si>
  <si>
    <t>2021BU04170325</t>
  </si>
  <si>
    <t>buurten.77e5d92b-40b3-4a68-98cc-f3fa63d1b5d7</t>
  </si>
  <si>
    <t>PL0417010004</t>
  </si>
  <si>
    <t>Rijksweg Zuid</t>
  </si>
  <si>
    <t>BU04170326</t>
  </si>
  <si>
    <t>Rijksweg-Zuid</t>
  </si>
  <si>
    <t>2021BU04170326</t>
  </si>
  <si>
    <t>buurten.636f35f8-a649-444b-8779-4aac133561b0</t>
  </si>
  <si>
    <t>PL0417010005</t>
  </si>
  <si>
    <t>BU04170327</t>
  </si>
  <si>
    <t>2021BU04170327</t>
  </si>
  <si>
    <t>buurten.2b2554f2-61f8-494f-ae7b-a0b638cf1079</t>
  </si>
  <si>
    <t>BU04170328</t>
  </si>
  <si>
    <t>2021BU04170328</t>
  </si>
  <si>
    <t>buurten.3e03872e-4fa5-4c45-97db-7f96420d7fbc</t>
  </si>
  <si>
    <t>BU04170329</t>
  </si>
  <si>
    <t>2021BU04170329</t>
  </si>
  <si>
    <t>buurten.be09dc29-bf22-4d60-8ab0-8c8c607621ca</t>
  </si>
  <si>
    <t>BU04200101</t>
  </si>
  <si>
    <t>Medemblik Oude Stad</t>
  </si>
  <si>
    <t>WK042001</t>
  </si>
  <si>
    <t>2021BU04200101</t>
  </si>
  <si>
    <t>buurten.3401c47d-9010-4a24-9a9b-f223eba87664</t>
  </si>
  <si>
    <t>BU04200102</t>
  </si>
  <si>
    <t>Medemblik Plan West</t>
  </si>
  <si>
    <t>2021BU04200102</t>
  </si>
  <si>
    <t>buurten.fc5b4493-d588-4a7a-8123-b6202e5e4827</t>
  </si>
  <si>
    <t>PL0420010006</t>
  </si>
  <si>
    <t>Medemblik, bedrijventerrein, Randwijk en nieuwbouwwijk Molenblik</t>
  </si>
  <si>
    <t>technisch en financieel haalbaar, ruimte in de ondergrond, een partij vinden die de exploitatie wil doen</t>
  </si>
  <si>
    <t>geothermie (mogelijk deelnemen in bestaande geothermiebron glastuinders)</t>
  </si>
  <si>
    <t>BU04200103</t>
  </si>
  <si>
    <t>Medemblik Parkwijk</t>
  </si>
  <si>
    <t>2021BU04200103</t>
  </si>
  <si>
    <t>buurten.6976d54d-731e-4c8d-9c16-33ce48d9f515</t>
  </si>
  <si>
    <t>BU04200104</t>
  </si>
  <si>
    <t>Medemblik Koggenwijk</t>
  </si>
  <si>
    <t>2021BU04200104</t>
  </si>
  <si>
    <t>buurten.a6d616fe-3c0c-441f-b897-f44f7bcee667</t>
  </si>
  <si>
    <t>BU04200105</t>
  </si>
  <si>
    <t>Medemblik Randwijk en Gildenwijk</t>
  </si>
  <si>
    <t>2021BU04200105</t>
  </si>
  <si>
    <t>buurten.31e744ab-1709-4142-a7a4-1c5b861defd1</t>
  </si>
  <si>
    <t>PL0420010001</t>
  </si>
  <si>
    <t>Medemblik Schepenwijk</t>
  </si>
  <si>
    <t>ongeveer 400 woningen all electric</t>
  </si>
  <si>
    <t>BU04200106</t>
  </si>
  <si>
    <t>2021BU04200106</t>
  </si>
  <si>
    <t>buurten.63222385-7d95-45f7-905d-52fb14e4d8a6</t>
  </si>
  <si>
    <t>BU04200107</t>
  </si>
  <si>
    <t>Medemblik Bedrijventerrein</t>
  </si>
  <si>
    <t>2021BU04200107</t>
  </si>
  <si>
    <t>buurten.ae5fd23c-aed6-4fbe-b442-ecb0e6657456</t>
  </si>
  <si>
    <t>BU04200108</t>
  </si>
  <si>
    <t>Medemblik Vooroever</t>
  </si>
  <si>
    <t>2021BU04200108</t>
  </si>
  <si>
    <t>buurten.ec296daf-1590-43a7-a8e8-d747d9c89042</t>
  </si>
  <si>
    <t>BU04200109</t>
  </si>
  <si>
    <t>Medemblik Zuiderzee</t>
  </si>
  <si>
    <t>2021BU04200109</t>
  </si>
  <si>
    <t>buurten.672bd8b1-b372-423b-86f5-b79a2f54d0ef</t>
  </si>
  <si>
    <t>BU04200110</t>
  </si>
  <si>
    <t>Medemblik Buitengebied</t>
  </si>
  <si>
    <t>2021BU04200110</t>
  </si>
  <si>
    <t>buurten.887a02b7-66a7-4b43-838b-e4f321d32478</t>
  </si>
  <si>
    <t>BU04200201</t>
  </si>
  <si>
    <t>Opperdoes Centrum</t>
  </si>
  <si>
    <t>WK042002</t>
  </si>
  <si>
    <t>2021BU04200201</t>
  </si>
  <si>
    <t>buurten.9b81b2f1-f5d5-4d66-b169-0255e13954a2</t>
  </si>
  <si>
    <t>BU04200202</t>
  </si>
  <si>
    <t>Opperdoes Buitengebied</t>
  </si>
  <si>
    <t>2021BU04200202</t>
  </si>
  <si>
    <t>buurten.66225db8-8cf4-4943-af62-1f56882b8db8</t>
  </si>
  <si>
    <t>BU04200301</t>
  </si>
  <si>
    <t>Twisk Centrum</t>
  </si>
  <si>
    <t>WK042003</t>
  </si>
  <si>
    <t>2021BU04200301</t>
  </si>
  <si>
    <t>buurten.4bb679cf-d85c-4ce3-b063-c5dab21d586b</t>
  </si>
  <si>
    <t>BU04200302</t>
  </si>
  <si>
    <t>Twisk Buitengebied</t>
  </si>
  <si>
    <t>2021BU04200302</t>
  </si>
  <si>
    <t>buurten.4c291aca-3fae-47c1-8a9e-2983add49560</t>
  </si>
  <si>
    <t>BU04200401</t>
  </si>
  <si>
    <t>Lambertschaag</t>
  </si>
  <si>
    <t>WK042004</t>
  </si>
  <si>
    <t>2021BU04200401</t>
  </si>
  <si>
    <t>buurten.701f5e31-8e70-481b-a3a1-ba4eef065ddd</t>
  </si>
  <si>
    <t>BU04200501</t>
  </si>
  <si>
    <t>Abbekerk Centrum</t>
  </si>
  <si>
    <t>WK042005</t>
  </si>
  <si>
    <t>2021BU04200501</t>
  </si>
  <si>
    <t>buurten.7f9b39e2-46ae-4c6b-ae51-ffda5f1411de</t>
  </si>
  <si>
    <t>BU04200502</t>
  </si>
  <si>
    <t>Abbekerk Buitengebied</t>
  </si>
  <si>
    <t>2021BU04200502</t>
  </si>
  <si>
    <t>buurten.530abc72-3203-4766-916a-be0debc98da8</t>
  </si>
  <si>
    <t>BU04200601</t>
  </si>
  <si>
    <t>Sijbekarspel Centrum</t>
  </si>
  <si>
    <t>WK042006</t>
  </si>
  <si>
    <t>2021BU04200601</t>
  </si>
  <si>
    <t>buurten.a42c0fbd-4e2b-4a55-bbe0-8a1d8e776901</t>
  </si>
  <si>
    <t>BU04200602</t>
  </si>
  <si>
    <t>Sijbekarspel Buitengebied</t>
  </si>
  <si>
    <t>2021BU04200602</t>
  </si>
  <si>
    <t>buurten.45df9e7a-0783-4244-8f50-6c6a593ed1f5</t>
  </si>
  <si>
    <t>GM0432</t>
  </si>
  <si>
    <t>Opmeer</t>
  </si>
  <si>
    <t>DC043201</t>
  </si>
  <si>
    <t>Onderweg naar een aardgasvrij Opmeer</t>
  </si>
  <si>
    <t>2021-04-16</t>
  </si>
  <si>
    <t>Opties met de laagste maatschappelijke kosten en kosten efficiente oplossingen, alternatief is technisch haalbaar, inspraak van bewoners.</t>
  </si>
  <si>
    <t>In 2040 engerie, en klimaat neutraal en aardgasvrij</t>
  </si>
  <si>
    <t>https://gemeenschapsraaddeweere.nl/?mdocs-file=2969</t>
  </si>
  <si>
    <t>PL0432010003</t>
  </si>
  <si>
    <t>Voldoende draagvlak bij inwoners, de kosten voor particuliere woningeiegenaren kunnen gedragen worden, uniformiteit van woningen, natuurlijke momenten zoals verbouwing en vervangen CV-ketel.</t>
  </si>
  <si>
    <t>Transitiegereed maken wonigen</t>
  </si>
  <si>
    <t>BU04200701</t>
  </si>
  <si>
    <t>Benningbroek Centrum</t>
  </si>
  <si>
    <t>WK042007</t>
  </si>
  <si>
    <t>2021BU04200701</t>
  </si>
  <si>
    <t>buurten.f97dd479-3aee-41ae-b5b9-814f2fb8540b</t>
  </si>
  <si>
    <t>BU04200702</t>
  </si>
  <si>
    <t>Benningbroek Buitengebied</t>
  </si>
  <si>
    <t>2021BU04200702</t>
  </si>
  <si>
    <t>buurten.540758a9-75b5-4f7b-8ede-ed68ea98013b</t>
  </si>
  <si>
    <t>BU04200801</t>
  </si>
  <si>
    <t>Wognum Centrum</t>
  </si>
  <si>
    <t>WK042008</t>
  </si>
  <si>
    <t>2021BU04200801</t>
  </si>
  <si>
    <t>buurten.79b10fc4-7b50-4da6-be1c-882b13362ac2</t>
  </si>
  <si>
    <t>PL0420010002</t>
  </si>
  <si>
    <t>Wognum Kreeklanden</t>
  </si>
  <si>
    <t>ongeveer 500 woningen all electric</t>
  </si>
  <si>
    <t>BU04200802</t>
  </si>
  <si>
    <t>Wognum Westergouw</t>
  </si>
  <si>
    <t>2021BU04200802</t>
  </si>
  <si>
    <t>buurten.3961823d-eea6-4daf-a1aa-93f7caca5e68</t>
  </si>
  <si>
    <t>BU04200803</t>
  </si>
  <si>
    <t>2021BU04200803</t>
  </si>
  <si>
    <t>buurten.c7bd8444-329f-4514-b999-2a06394f880c</t>
  </si>
  <si>
    <t>BU04200804</t>
  </si>
  <si>
    <t>Wognum Bloesemgaerde</t>
  </si>
  <si>
    <t>2021BU04200804</t>
  </si>
  <si>
    <t>buurten.09ccd3df-aacd-4b5a-9614-6634efe772c6</t>
  </si>
  <si>
    <t>BU04200805</t>
  </si>
  <si>
    <t>Wognum Leekerweide</t>
  </si>
  <si>
    <t>2021BU04200805</t>
  </si>
  <si>
    <t>buurten.12fdfbc8-ce60-49e3-87b6-a2aa8bb48db4</t>
  </si>
  <si>
    <t>BU04200806</t>
  </si>
  <si>
    <t>Wognum Oosteinde</t>
  </si>
  <si>
    <t>2021BU04200806</t>
  </si>
  <si>
    <t>buurten.1036ade0-babc-4359-a833-012daa47b24f</t>
  </si>
  <si>
    <t>PL0420010003</t>
  </si>
  <si>
    <t>Overspoor Nibbixwoud</t>
  </si>
  <si>
    <t>zonthermie (bestaande bron in project glastuinders)</t>
  </si>
  <si>
    <t>BU04200807</t>
  </si>
  <si>
    <t>Wognum Bedrijventerrein</t>
  </si>
  <si>
    <t>2021BU04200807</t>
  </si>
  <si>
    <t>buurten.01c038bb-e4cd-4b89-a1a1-fbfd8554156e</t>
  </si>
  <si>
    <t>BU04200808</t>
  </si>
  <si>
    <t>Wognum Wadway</t>
  </si>
  <si>
    <t>2021BU04200808</t>
  </si>
  <si>
    <t>buurten.a424e484-9d36-4527-90eb-5702919b391b</t>
  </si>
  <si>
    <t>BU04200809</t>
  </si>
  <si>
    <t>Wognum Buitengebied</t>
  </si>
  <si>
    <t>2021BU04200809</t>
  </si>
  <si>
    <t>buurten.5832f107-93ff-417c-8beb-11e9957160a7</t>
  </si>
  <si>
    <t>BU04200901</t>
  </si>
  <si>
    <t>Zwaagdijk-West Centrum</t>
  </si>
  <si>
    <t>WK042009</t>
  </si>
  <si>
    <t>2021BU04200901</t>
  </si>
  <si>
    <t>buurten.ff5126a4-a170-4ee3-a0e9-a455acf9ad64</t>
  </si>
  <si>
    <t>BU04200902</t>
  </si>
  <si>
    <t>Zwaagdijk-West Buitengebied</t>
  </si>
  <si>
    <t>2021BU04200902</t>
  </si>
  <si>
    <t>buurten.c161a5e9-39de-425e-9b8f-36ac443b74cd</t>
  </si>
  <si>
    <t>BU04201001</t>
  </si>
  <si>
    <t>Nibbixwoud Centrum</t>
  </si>
  <si>
    <t>WK042010</t>
  </si>
  <si>
    <t>2021BU04201001</t>
  </si>
  <si>
    <t>buurten.61cc7e64-d515-4a31-b05f-57814a1ecf91</t>
  </si>
  <si>
    <t>BU04201002</t>
  </si>
  <si>
    <t>Nibbixwoud Bedrijventerrein</t>
  </si>
  <si>
    <t>2021BU04201002</t>
  </si>
  <si>
    <t>buurten.1389b6f9-26bd-4f5e-b128-9bcb3fd32d5a</t>
  </si>
  <si>
    <t>BU04201003</t>
  </si>
  <si>
    <t>Nibbixwoud Buitengebied</t>
  </si>
  <si>
    <t>2021BU04201003</t>
  </si>
  <si>
    <t>buurten.a3dbc6b4-3636-4b6a-9821-cd605a320538</t>
  </si>
  <si>
    <t>BU04201101</t>
  </si>
  <si>
    <t>Midwoud Centrum</t>
  </si>
  <si>
    <t>WK042011</t>
  </si>
  <si>
    <t>2021BU04201101</t>
  </si>
  <si>
    <t>buurten.bee7e8b2-5135-4d12-a3f0-bcfae204686b</t>
  </si>
  <si>
    <t>BU04201102</t>
  </si>
  <si>
    <t>Midwoud Buitengebied</t>
  </si>
  <si>
    <t>2021BU04201102</t>
  </si>
  <si>
    <t>buurten.92a0391a-0688-4ea9-9ea4-6db36480989d</t>
  </si>
  <si>
    <t>BU04201201</t>
  </si>
  <si>
    <t>Oostwoud Centrum</t>
  </si>
  <si>
    <t>WK042012</t>
  </si>
  <si>
    <t>2021BU04201201</t>
  </si>
  <si>
    <t>buurten.d6445e12-16bf-43a6-bd73-586141a6a624</t>
  </si>
  <si>
    <t>BU04201202</t>
  </si>
  <si>
    <t>Oostwoud Buitengebied</t>
  </si>
  <si>
    <t>2021BU04201202</t>
  </si>
  <si>
    <t>buurten.550ddaab-87f0-42b2-bb43-84f70e10e6b0</t>
  </si>
  <si>
    <t>BU04201301</t>
  </si>
  <si>
    <t>Hauwert</t>
  </si>
  <si>
    <t>WK042013</t>
  </si>
  <si>
    <t>2021BU04201301</t>
  </si>
  <si>
    <t>buurten.a18d10a6-a5a2-49a4-aa10-2dad029afca9</t>
  </si>
  <si>
    <t>BU04201401</t>
  </si>
  <si>
    <t>Zwaagdijk-Oost Centrum</t>
  </si>
  <si>
    <t>WK042014</t>
  </si>
  <si>
    <t>2021BU04201401</t>
  </si>
  <si>
    <t>buurten.41128cc8-32e6-441b-8a7f-d11be741c7f0</t>
  </si>
  <si>
    <t>PL0420010004</t>
  </si>
  <si>
    <t>Andijk, WFO-terrein</t>
  </si>
  <si>
    <t>BU04201402</t>
  </si>
  <si>
    <t>Zwaagdijk-Oost Bedrijventerrein</t>
  </si>
  <si>
    <t>2021BU04201402</t>
  </si>
  <si>
    <t>buurten.ac6a6e02-5581-400c-ac57-f940cd9f28a7</t>
  </si>
  <si>
    <t>DC049801</t>
  </si>
  <si>
    <t>https://drechterland.raadsinformatie.nl/document/10653033/1/Besluitenlijst%20openbare%20raadsvergadering%2027%20september%202021</t>
  </si>
  <si>
    <t>PL0498010002</t>
  </si>
  <si>
    <t>BU04201403</t>
  </si>
  <si>
    <t>Zwaagdijk-Oost Buitengebied</t>
  </si>
  <si>
    <t>2021BU04201403</t>
  </si>
  <si>
    <t>buurten.1f33cbf2-3173-4d82-80a5-b6b2d0cfc18b</t>
  </si>
  <si>
    <t>BU04201501</t>
  </si>
  <si>
    <t>Wervershoof Centrum</t>
  </si>
  <si>
    <t>WK042015</t>
  </si>
  <si>
    <t>2021BU04201501</t>
  </si>
  <si>
    <t>buurten.3a8a7993-e097-4468-98af-e1ed47db4bcf</t>
  </si>
  <si>
    <t>PL0420010008</t>
  </si>
  <si>
    <t>Wevershoof Oost</t>
  </si>
  <si>
    <t>BU04201502</t>
  </si>
  <si>
    <t>Wervershoof Oost</t>
  </si>
  <si>
    <t>2021BU04201502</t>
  </si>
  <si>
    <t>buurten.263d83f0-ad1a-4506-ac5c-745688a0f5ee</t>
  </si>
  <si>
    <t>BU04201503</t>
  </si>
  <si>
    <t>Wervershoof West</t>
  </si>
  <si>
    <t>2021BU04201503</t>
  </si>
  <si>
    <t>buurten.d3f69fb5-6d4e-4a8f-a3aa-ebed2d4d3283</t>
  </si>
  <si>
    <t>BU04201504</t>
  </si>
  <si>
    <t>Wervershoof Vooroever</t>
  </si>
  <si>
    <t>2021BU04201504</t>
  </si>
  <si>
    <t>buurten.733ac05e-7ffb-4235-9b60-7dcd19259210</t>
  </si>
  <si>
    <t>BU04201505</t>
  </si>
  <si>
    <t>Wervershoof Buitengebied</t>
  </si>
  <si>
    <t>2021BU04201505</t>
  </si>
  <si>
    <t>buurten.f3da277b-ac56-4367-9d06-15879dd8b905</t>
  </si>
  <si>
    <t>BU04201506</t>
  </si>
  <si>
    <t>Wervershoof Onderdijk</t>
  </si>
  <si>
    <t>2021BU04201506</t>
  </si>
  <si>
    <t>buurten.0764e9e0-7dbf-4027-bd83-02dae246bf08</t>
  </si>
  <si>
    <t>BU04201507</t>
  </si>
  <si>
    <t>Wervershoof Onderdijk Aan de Vliet</t>
  </si>
  <si>
    <t>2021BU04201507</t>
  </si>
  <si>
    <t>buurten.fd7c9708-f992-4240-bfce-fe292e3e7e39</t>
  </si>
  <si>
    <t>BU04201508</t>
  </si>
  <si>
    <t>Wervershoof Onderdijk Buitengebied</t>
  </si>
  <si>
    <t>2021BU04201508</t>
  </si>
  <si>
    <t>buurten.bdf579cb-85e1-4134-b661-f44e168ca2bb</t>
  </si>
  <si>
    <t>BU04201601</t>
  </si>
  <si>
    <t>Andijk Centrum</t>
  </si>
  <si>
    <t>WK042016</t>
  </si>
  <si>
    <t>2021BU04201601</t>
  </si>
  <si>
    <t>buurten.8829a3f5-0e07-4bd5-a3ed-9dddcd4e6efa</t>
  </si>
  <si>
    <t>PL0420010007</t>
  </si>
  <si>
    <t>BU04201602</t>
  </si>
  <si>
    <t>Andijk Oost</t>
  </si>
  <si>
    <t>2021BU04201602</t>
  </si>
  <si>
    <t>buurten.43f7f933-7de5-4a37-9a5c-87af45ad2ce3</t>
  </si>
  <si>
    <t>BU04201603</t>
  </si>
  <si>
    <t>Andijk Midden</t>
  </si>
  <si>
    <t>2021BU04201603</t>
  </si>
  <si>
    <t>buurten.7e0c603e-5b6d-4869-a43d-c4c8a0c9d5c8</t>
  </si>
  <si>
    <t>BU04201604</t>
  </si>
  <si>
    <t>Andijk Zuid</t>
  </si>
  <si>
    <t>2021BU04201604</t>
  </si>
  <si>
    <t>buurten.c8ab5403-abc7-4285-9852-e559bbaca6dc</t>
  </si>
  <si>
    <t>BU04201605</t>
  </si>
  <si>
    <t>Andijk Bangert</t>
  </si>
  <si>
    <t>2021BU04201605</t>
  </si>
  <si>
    <t>buurten.37d43ca2-d986-4ed6-83e9-1e74636cc19b</t>
  </si>
  <si>
    <t>BU04201606</t>
  </si>
  <si>
    <t>Andijk Grootslag en IJsselhof</t>
  </si>
  <si>
    <t>2021BU04201606</t>
  </si>
  <si>
    <t>buurten.8c28c0bb-7863-462d-9e7c-c941e0c79a13</t>
  </si>
  <si>
    <t>BU04201607</t>
  </si>
  <si>
    <t>Andijk Vooroever</t>
  </si>
  <si>
    <t>2021BU04201607</t>
  </si>
  <si>
    <t>buurten.03c4e42f-b981-45cb-9fbc-60f873fb9eb0</t>
  </si>
  <si>
    <t>BU04201608</t>
  </si>
  <si>
    <t>Andijk Bedrijventerrein</t>
  </si>
  <si>
    <t>2021BU04201608</t>
  </si>
  <si>
    <t>buurten.2b6c08d1-b9bf-4853-bfbd-87387bd73e13</t>
  </si>
  <si>
    <t>BU04201609</t>
  </si>
  <si>
    <t>Andijk Waterzuivering</t>
  </si>
  <si>
    <t>2021BU04201609</t>
  </si>
  <si>
    <t>buurten.ad3a12ee-96ad-4cb4-a9a3-d0f5ad1aae45</t>
  </si>
  <si>
    <t>BU04201610</t>
  </si>
  <si>
    <t>Andijk Buitengebied</t>
  </si>
  <si>
    <t>2021BU04201610</t>
  </si>
  <si>
    <t>buurten.91472af3-7c77-4287-b72e-00d8d2d57a52</t>
  </si>
  <si>
    <t>BU04310000</t>
  </si>
  <si>
    <t>Kerkbuurt</t>
  </si>
  <si>
    <t>WK043100</t>
  </si>
  <si>
    <t>2021BU04310000</t>
  </si>
  <si>
    <t>buurten.161ed16a-ee2b-4873-8fd1-47fff53cd260</t>
  </si>
  <si>
    <t>GM0479</t>
  </si>
  <si>
    <t>Zaanstad</t>
  </si>
  <si>
    <t>DC047901</t>
  </si>
  <si>
    <t>Transitievisie Warmte Zaanstad: Route naar een aardgasvrije gebouwde omgeving</t>
  </si>
  <si>
    <t>extra steun en middelen wocos. Helderheid nodig over aanspraak  gemeentes op aandeel (nationaal beperkt beschikbare) duurzame gassen. Benadrukt belang uitwerking van Wet collectieve warmte</t>
  </si>
  <si>
    <t>start spijtvrije maatregelen  zoals isoleren en elektrisch koken, voorbereiden aardgasvrij en gebouweigenaren hierover informeren, beginnen met uitvoeringsplannen voor kansrijke wijken</t>
  </si>
  <si>
    <t>https://zaanstad.raadsinformatie.nl/vergadering/780462/Raadsvergadering%2016-09-2021</t>
  </si>
  <si>
    <t>PL0479010004</t>
  </si>
  <si>
    <t>Bebouwde kom</t>
  </si>
  <si>
    <t>Zaandam Oost: Hoornseveld, Peldersveld, Kogerveld, Poelenburg, Rosmolenbuurt-Zuid, Oud West-Zuid (tweede fase)</t>
  </si>
  <si>
    <t>ondersteuning wocos, extra alternatieve warmtebronnen (i.p.v. biogrondstof) zijn nodig voor doorontwikkeling van het warmtenet (met voorkeur voor een wijkwarmtepomp, uitvoerbaar, opschaalbaar, laagste maatschappelijke kosten).</t>
  </si>
  <si>
    <t>in beeld brengen mogelijkheden lokale warmtebronnen, mogelijk (uitbreiden) bestaand warmtenet, op termijn: temperatuur verlagen en duurzame bronnen toevoegen (aquathermie, geothermie, restwarmte)</t>
  </si>
  <si>
    <t>Verdergaand dan basisniveau van 65kWh/m2</t>
  </si>
  <si>
    <t>biobrandstof, op termijn: aquathermie en/of geothermie en/of restwarmte</t>
  </si>
  <si>
    <t>biomassa en/of aquathermie en/of geothermie en/of restwarmte</t>
  </si>
  <si>
    <t>BU04310001</t>
  </si>
  <si>
    <t>Zuideinde</t>
  </si>
  <si>
    <t>2021BU04310001</t>
  </si>
  <si>
    <t>buurten.2218323c-02b6-4c6c-a71e-bfaf6ef1a562</t>
  </si>
  <si>
    <t>BU04310002</t>
  </si>
  <si>
    <t>Kerkstraat</t>
  </si>
  <si>
    <t>2021BU04310002</t>
  </si>
  <si>
    <t>buurten.c515e78b-0db0-46f6-b04e-7df428008b6e</t>
  </si>
  <si>
    <t>PL0431010001</t>
  </si>
  <si>
    <t>PL0479010003</t>
  </si>
  <si>
    <t>BU04310003</t>
  </si>
  <si>
    <t>De Haal en De Heul en Noordeinde</t>
  </si>
  <si>
    <t>2021BU04310003</t>
  </si>
  <si>
    <t>buurten.756954b8-f955-4c33-98c5-408b41d8a30f</t>
  </si>
  <si>
    <t>Zaandam Oost: Hoornseveld, Peldersveld, Kogerveld, Poelenburg, Rosmolenbuurt-Zuid, Oud West-Zuid (eerste of tweede fase)</t>
  </si>
  <si>
    <t>Schillabel B-D</t>
  </si>
  <si>
    <t>BU04320000</t>
  </si>
  <si>
    <t>Opmeer-Noord</t>
  </si>
  <si>
    <t>WK043200</t>
  </si>
  <si>
    <t>2021BU04320000</t>
  </si>
  <si>
    <t>buurten.bf5e80e6-f015-4a7e-bbed-f5ae2b67f216</t>
  </si>
  <si>
    <t>BU04320001</t>
  </si>
  <si>
    <t>Opmeer-Zuid, Spanbroek (gedeeltelijk)</t>
  </si>
  <si>
    <t>2021BU04320001</t>
  </si>
  <si>
    <t>buurten.d595f229-a46b-4f0a-9020-d4c063a95a2b</t>
  </si>
  <si>
    <t>PL0432010001</t>
  </si>
  <si>
    <t>Gemeentelijk Woningbedrijf: Pastoor Meriusstraat</t>
  </si>
  <si>
    <t>Voldoende draagvlak bij inwoners, kosten kunnen gedragen worden via gereserveerd geld voor onderhoudsopgave, uniformiteit van de appartementen, vervanging collectieve CV-ketel en vervanging dak als koppelkansen.</t>
  </si>
  <si>
    <t>427 woningen voor 2030 aardgasvrij</t>
  </si>
  <si>
    <t>Warmtenet of verzwaard Elektriciteitsnet</t>
  </si>
  <si>
    <t>BU04320002</t>
  </si>
  <si>
    <t>Zandwerven en Lutkedijk</t>
  </si>
  <si>
    <t>2021BU04320002</t>
  </si>
  <si>
    <t>buurten.6980746b-7c7a-4d54-af39-428b51918686</t>
  </si>
  <si>
    <t>BU04320003</t>
  </si>
  <si>
    <t>Wadway</t>
  </si>
  <si>
    <t>2021BU04320003</t>
  </si>
  <si>
    <t>buurten.4f44ca15-af30-4113-8563-f3e1bef546aa</t>
  </si>
  <si>
    <t>BU04320007</t>
  </si>
  <si>
    <t>Verspreide huizen in De Kaag</t>
  </si>
  <si>
    <t>2021BU04320007</t>
  </si>
  <si>
    <t>buurten.b02bbf80-d78d-4d99-87dc-7dfe6c35f04e</t>
  </si>
  <si>
    <t>BU04320009</t>
  </si>
  <si>
    <t>2021BU04320009</t>
  </si>
  <si>
    <t>buurten.6088db58-94a7-4508-a58e-91d1ad29259f</t>
  </si>
  <si>
    <t>BU04320100</t>
  </si>
  <si>
    <t>Hoogwoud</t>
  </si>
  <si>
    <t>WK043201</t>
  </si>
  <si>
    <t>2021BU04320100</t>
  </si>
  <si>
    <t>buurten.87e0b2b7-1f74-4457-b12c-45f310efa1b8</t>
  </si>
  <si>
    <t>BU04320101</t>
  </si>
  <si>
    <t>Aartswoud</t>
  </si>
  <si>
    <t>2021BU04320101</t>
  </si>
  <si>
    <t>buurten.ccbd5657-575a-4fb4-8a5e-5f2d5dcc4972</t>
  </si>
  <si>
    <t>BU04320102</t>
  </si>
  <si>
    <t>Langereis (gedeeltelijk)</t>
  </si>
  <si>
    <t>2021BU04320102</t>
  </si>
  <si>
    <t>buurten.0cfaf83d-f349-47a5-acf6-0e71c00fe158</t>
  </si>
  <si>
    <t>BU04320103</t>
  </si>
  <si>
    <t>Gouwe</t>
  </si>
  <si>
    <t>2021BU04320103</t>
  </si>
  <si>
    <t>buurten.bbbfc200-69b5-4728-abfc-f33c5dee3ded</t>
  </si>
  <si>
    <t>BU04320200</t>
  </si>
  <si>
    <t>De Weere</t>
  </si>
  <si>
    <t>WK043202</t>
  </si>
  <si>
    <t>2021BU04320200</t>
  </si>
  <si>
    <t>buurten.13450f33-30b2-4e95-859d-6b11147ac1eb</t>
  </si>
  <si>
    <t>BU04370000</t>
  </si>
  <si>
    <t>Ouderkerk aan de Amstel</t>
  </si>
  <si>
    <t>WK043700</t>
  </si>
  <si>
    <t>2021BU04370000</t>
  </si>
  <si>
    <t>buurten.ebe8a2c9-acf7-4560-b8c2-00ecd5649691</t>
  </si>
  <si>
    <t>BU04370001</t>
  </si>
  <si>
    <t>Duivendrecht</t>
  </si>
  <si>
    <t>2021BU04370001</t>
  </si>
  <si>
    <t>buurten.0e78a5a9-5826-4a4a-a6ee-b56c9216c78a</t>
  </si>
  <si>
    <t>BU04370002</t>
  </si>
  <si>
    <t>Industriegebied Amstel</t>
  </si>
  <si>
    <t>2021BU04370002</t>
  </si>
  <si>
    <t>buurten.17b65a4c-61f4-438f-9e29-de25fe3f087f</t>
  </si>
  <si>
    <t>BU04370006</t>
  </si>
  <si>
    <t>Verspreide huizen in de Rondehoeppolder</t>
  </si>
  <si>
    <t>2021BU04370006</t>
  </si>
  <si>
    <t>buurten.944c204d-6299-4fb4-97ef-fdd8c2389605</t>
  </si>
  <si>
    <t>BU04370007</t>
  </si>
  <si>
    <t>Verspreide huizen in de Duivendrechtsche polder</t>
  </si>
  <si>
    <t>2021BU04370007</t>
  </si>
  <si>
    <t>buurten.73dd823c-f4af-4a5a-8e51-2f616c6e2978</t>
  </si>
  <si>
    <t>BU04370008</t>
  </si>
  <si>
    <t>Verspreide huizen in de Bullewijker polder</t>
  </si>
  <si>
    <t>2021BU04370008</t>
  </si>
  <si>
    <t>buurten.a693c638-9494-4b6a-9310-851b534c0416</t>
  </si>
  <si>
    <t>BU04370009</t>
  </si>
  <si>
    <t>Verspreide huizen langs De Bullewijk en De Hole</t>
  </si>
  <si>
    <t>2021BU04370009</t>
  </si>
  <si>
    <t>buurten.5d28f59d-a5c0-4e60-867a-23c3e84d6cf8</t>
  </si>
  <si>
    <t>BU04390101</t>
  </si>
  <si>
    <t>WK043901</t>
  </si>
  <si>
    <t>GM0439</t>
  </si>
  <si>
    <t>Purmerend</t>
  </si>
  <si>
    <t>2021BU04390101</t>
  </si>
  <si>
    <t>buurten.bdda31e7-04ae-4e8a-b1b5-cba061f86b3c</t>
  </si>
  <si>
    <t>BU04390102</t>
  </si>
  <si>
    <t>2021BU04390102</t>
  </si>
  <si>
    <t>buurten.f7e0240d-98e3-456e-bdb0-c89a0626eacd</t>
  </si>
  <si>
    <t>BU04390103</t>
  </si>
  <si>
    <t>Zuiderpolder</t>
  </si>
  <si>
    <t>2021BU04390103</t>
  </si>
  <si>
    <t>buurten.e509cb52-8a70-48b1-b52c-bc37e89b0b7c</t>
  </si>
  <si>
    <t>BU04390201</t>
  </si>
  <si>
    <t>Overwhere-Zuid</t>
  </si>
  <si>
    <t>WK043902</t>
  </si>
  <si>
    <t>2021BU04390201</t>
  </si>
  <si>
    <t>buurten.5c2d620a-b199-47ac-b5d2-8dc74babe822</t>
  </si>
  <si>
    <t>PL0370010006</t>
  </si>
  <si>
    <t>(Scheldestraat in) Overwhere-Zuid (PAW)</t>
  </si>
  <si>
    <t>Wheermolen-Oost</t>
  </si>
  <si>
    <t>658 woningen aardgasvrij maken</t>
  </si>
  <si>
    <t>vormgeving WUP</t>
  </si>
  <si>
    <t>uitbreiden net SVP, riothermie, geothermie</t>
  </si>
  <si>
    <t>BU04390202</t>
  </si>
  <si>
    <t>De Koog</t>
  </si>
  <si>
    <t>2021BU04390202</t>
  </si>
  <si>
    <t>buurten.c59ce650-5e8f-454a-95c0-50f2212988e5</t>
  </si>
  <si>
    <t>BU04390203</t>
  </si>
  <si>
    <t>Wagenweg</t>
  </si>
  <si>
    <t>2021BU04390203</t>
  </si>
  <si>
    <t>buurten.16ebeb32-8a3a-415c-be4d-a0e6e122cd06</t>
  </si>
  <si>
    <t>BU04390204</t>
  </si>
  <si>
    <t>Overwhere-Noord</t>
  </si>
  <si>
    <t>2021BU04390204</t>
  </si>
  <si>
    <t>buurten.77ba78f9-c23e-439e-a63e-6f86a4fa811d</t>
  </si>
  <si>
    <t>PL0370010003</t>
  </si>
  <si>
    <t>Rivierenbuurt in Overwhere-Zuid</t>
  </si>
  <si>
    <t>WUP opstellen (190 woningen)</t>
  </si>
  <si>
    <t>bestaande warmtenet uitbreiden en/of geothermie en/of aquathermie (riool)</t>
  </si>
  <si>
    <t>BU04390205</t>
  </si>
  <si>
    <t>Molenkoog</t>
  </si>
  <si>
    <t>2021BU04390205</t>
  </si>
  <si>
    <t>buurten.b373386a-3f78-4c29-b115-ac6cfa96cc49</t>
  </si>
  <si>
    <t>BU04390301</t>
  </si>
  <si>
    <t>Wheermolen-West</t>
  </si>
  <si>
    <t>WK043903</t>
  </si>
  <si>
    <t>2021BU04390301</t>
  </si>
  <si>
    <t>buurten.cafbac83-aaf6-4dd5-82e9-121b9af236d1</t>
  </si>
  <si>
    <t>BU04390302</t>
  </si>
  <si>
    <t>2021BU04390302</t>
  </si>
  <si>
    <t>buurten.abe61325-fe3a-4e25-9492-e4aeba1acabe</t>
  </si>
  <si>
    <t>BU04390303</t>
  </si>
  <si>
    <t>Dwarsgouw</t>
  </si>
  <si>
    <t>2021BU04390303</t>
  </si>
  <si>
    <t>buurten.b3c49e7d-9726-4429-9c91-0a065884edfd</t>
  </si>
  <si>
    <t>BU04390401</t>
  </si>
  <si>
    <t>Gors-Zuid</t>
  </si>
  <si>
    <t>WK043904</t>
  </si>
  <si>
    <t>2021BU04390401</t>
  </si>
  <si>
    <t>buurten.33af42ad-b2f7-47cc-bfeb-901f30c76393</t>
  </si>
  <si>
    <t>BU04390402</t>
  </si>
  <si>
    <t>Gors-Noord</t>
  </si>
  <si>
    <t>2021BU04390402</t>
  </si>
  <si>
    <t>buurten.25473ae3-3f07-4cb1-80de-c5177b11005c</t>
  </si>
  <si>
    <t>BU04390501</t>
  </si>
  <si>
    <t>Overlanderstraat en omgeving</t>
  </si>
  <si>
    <t>WK043905</t>
  </si>
  <si>
    <t>2021BU04390501</t>
  </si>
  <si>
    <t>buurten.5b56b6d0-5064-4f5d-92ca-2c79d1114d28</t>
  </si>
  <si>
    <t>BU04390502</t>
  </si>
  <si>
    <t>Werktuigenbuurt</t>
  </si>
  <si>
    <t>2021BU04390502</t>
  </si>
  <si>
    <t>buurten.0bf5c289-415b-4b76-a88a-e622c4e13302</t>
  </si>
  <si>
    <t>BU04390503</t>
  </si>
  <si>
    <t>Maten- en Zuivelbuurt</t>
  </si>
  <si>
    <t>2021BU04390503</t>
  </si>
  <si>
    <t>buurten.3ccffdd0-2963-45b9-9db2-b6d7fdb19a9a</t>
  </si>
  <si>
    <t>BU04390504</t>
  </si>
  <si>
    <t>De Graeffweg en omgeving</t>
  </si>
  <si>
    <t>2021BU04390504</t>
  </si>
  <si>
    <t>buurten.e1442c8c-f81a-4571-a05b-33a1e097e733</t>
  </si>
  <si>
    <t>BU04390505</t>
  </si>
  <si>
    <t>Baanstee en omgeving</t>
  </si>
  <si>
    <t>2021BU04390505</t>
  </si>
  <si>
    <t>buurten.2be13e3f-ff92-47be-a8a0-324694696097</t>
  </si>
  <si>
    <t>BU04390506</t>
  </si>
  <si>
    <t>Golfterrein en verspreide bebouwing</t>
  </si>
  <si>
    <t>2021BU04390506</t>
  </si>
  <si>
    <t>buurten.ec4c1a42-d3d0-4417-a85f-33414ab0b953</t>
  </si>
  <si>
    <t>BU04390601</t>
  </si>
  <si>
    <t>Purmer-Zuid/Noord</t>
  </si>
  <si>
    <t>WK043906</t>
  </si>
  <si>
    <t>2021BU04390601</t>
  </si>
  <si>
    <t>buurten.717ca77d-3053-4f47-852b-f7a1a6b8a4e4</t>
  </si>
  <si>
    <t>BU04390602</t>
  </si>
  <si>
    <t>Purmer-Zuid/Zuid</t>
  </si>
  <si>
    <t>2021BU04390602</t>
  </si>
  <si>
    <t>buurten.c0e669f0-9d39-41a1-b6ca-5472ec3b92c0</t>
  </si>
  <si>
    <t>BU04390603</t>
  </si>
  <si>
    <t>Purmerbos en verspreide bebouwing</t>
  </si>
  <si>
    <t>2021BU04390603</t>
  </si>
  <si>
    <t>buurten.8310626a-3202-4b7b-b56a-3a9cb201d0c3</t>
  </si>
  <si>
    <t>BU04390701</t>
  </si>
  <si>
    <t>Hazepolder</t>
  </si>
  <si>
    <t>WK043907</t>
  </si>
  <si>
    <t>2021BU04390701</t>
  </si>
  <si>
    <t>buurten.dd140851-6288-4734-aee4-b91c608c0c09</t>
  </si>
  <si>
    <t>BU04390702</t>
  </si>
  <si>
    <t>Azië</t>
  </si>
  <si>
    <t>2021BU04390702</t>
  </si>
  <si>
    <t>buurten.89c565c2-3a77-44d9-bfc5-796c475c04ec</t>
  </si>
  <si>
    <t>BU04390703</t>
  </si>
  <si>
    <t>Amerika</t>
  </si>
  <si>
    <t>2021BU04390703</t>
  </si>
  <si>
    <t>buurten.f57088e4-e33d-459d-9947-e560eeeeaf3b</t>
  </si>
  <si>
    <t>BU04390704</t>
  </si>
  <si>
    <t>Afrika</t>
  </si>
  <si>
    <t>2021BU04390704</t>
  </si>
  <si>
    <t>buurten.458fa24c-8d9c-40dc-af82-dac182f776ac</t>
  </si>
  <si>
    <t>BU04390705</t>
  </si>
  <si>
    <t>Europa</t>
  </si>
  <si>
    <t>2021BU04390705</t>
  </si>
  <si>
    <t>buurten.631658fb-975c-44e1-a475-4ba9d8b31713</t>
  </si>
  <si>
    <t>BU04410101</t>
  </si>
  <si>
    <t>Schagerbrug (woonkern)</t>
  </si>
  <si>
    <t>WK044101</t>
  </si>
  <si>
    <t>2021BU04410101</t>
  </si>
  <si>
    <t>buurten.95248a68-b0b4-4c56-904d-f5c74cc0f1b1</t>
  </si>
  <si>
    <t>BU04410190</t>
  </si>
  <si>
    <t>'t Buurtje en Buitengebied</t>
  </si>
  <si>
    <t>2021BU04410190</t>
  </si>
  <si>
    <t>buurten.2df3e8ae-8fe1-47eb-ac5c-5135f7429e61</t>
  </si>
  <si>
    <t>BU04410191</t>
  </si>
  <si>
    <t>De Stolpen en Buitengebied</t>
  </si>
  <si>
    <t>2021BU04410191</t>
  </si>
  <si>
    <t>buurten.2386c94f-8440-429a-a228-474d2a9cd82e</t>
  </si>
  <si>
    <t>BU04410192</t>
  </si>
  <si>
    <t>Buitengebied Schagerbrug-Noord</t>
  </si>
  <si>
    <t>2021BU04410192</t>
  </si>
  <si>
    <t>buurten.16b5d329-6527-4460-afbe-9b6b72f001da</t>
  </si>
  <si>
    <t>BU04410301</t>
  </si>
  <si>
    <t>Burgerbrug (woonkern)</t>
  </si>
  <si>
    <t>WK044103</t>
  </si>
  <si>
    <t>2021BU04410301</t>
  </si>
  <si>
    <t>buurten.fdffecc3-b6df-400f-855e-3bd996bb9977</t>
  </si>
  <si>
    <t>BU04410390</t>
  </si>
  <si>
    <t>Buitengebied Burgerbrug</t>
  </si>
  <si>
    <t>2021BU04410390</t>
  </si>
  <si>
    <t>buurten.c0951585-e877-495e-a617-d5ed7aa22876</t>
  </si>
  <si>
    <t>BU04410391</t>
  </si>
  <si>
    <t>Burgervlotbrug en Buitengebied</t>
  </si>
  <si>
    <t>2021BU04410391</t>
  </si>
  <si>
    <t>buurten.a40fa890-5805-4e0e-ba6c-2114e915733b</t>
  </si>
  <si>
    <t>BU04410401</t>
  </si>
  <si>
    <t>Sint Maarten (woonkern)</t>
  </si>
  <si>
    <t>WK044104</t>
  </si>
  <si>
    <t>2021BU04410401</t>
  </si>
  <si>
    <t>buurten.2ae84e40-7e26-4273-a87b-cc4bdd0a12c8</t>
  </si>
  <si>
    <t>BU04410402</t>
  </si>
  <si>
    <t>Stroet</t>
  </si>
  <si>
    <t>2021BU04410402</t>
  </si>
  <si>
    <t>buurten.37fde72b-5e95-44cf-b135-b1a625920306</t>
  </si>
  <si>
    <t>BU04410490</t>
  </si>
  <si>
    <t>Buitengebied Sint Maarten</t>
  </si>
  <si>
    <t>2021BU04410490</t>
  </si>
  <si>
    <t>buurten.8ce1e767-a813-4e56-a704-b13b180f7977</t>
  </si>
  <si>
    <t>BU04410491</t>
  </si>
  <si>
    <t>Valkkoog en Buitengebied</t>
  </si>
  <si>
    <t>2021BU04410491</t>
  </si>
  <si>
    <t>buurten.8db21e15-54e9-4cf8-99fd-980a5620b64b</t>
  </si>
  <si>
    <t>BU04410492</t>
  </si>
  <si>
    <t>Groenveld en Buitengebied</t>
  </si>
  <si>
    <t>2021BU04410492</t>
  </si>
  <si>
    <t>buurten.52e394e9-7842-45a7-9634-1097e925ef3a</t>
  </si>
  <si>
    <t>BU04410493</t>
  </si>
  <si>
    <t>'t Rijpje en Buitengebied</t>
  </si>
  <si>
    <t>2021BU04410493</t>
  </si>
  <si>
    <t>buurten.690c63b2-f74f-4cfb-83e5-e74aba8007bb</t>
  </si>
  <si>
    <t>BU04410494</t>
  </si>
  <si>
    <t>Eenigenburg en Buitengebied</t>
  </si>
  <si>
    <t>2021BU04410494</t>
  </si>
  <si>
    <t>buurten.1a34c95f-fcc7-4670-9ee4-f35d9746220c</t>
  </si>
  <si>
    <t>BU04410501</t>
  </si>
  <si>
    <t>Warmenhuizen-Centrum</t>
  </si>
  <si>
    <t>WK044105</t>
  </si>
  <si>
    <t>2021BU04410501</t>
  </si>
  <si>
    <t>buurten.1416fb6a-7e29-4108-a731-0ea8cd3c21e5</t>
  </si>
  <si>
    <t>BU04410502</t>
  </si>
  <si>
    <t>Schelphoek</t>
  </si>
  <si>
    <t>2021BU04410502</t>
  </si>
  <si>
    <t>buurten.5940efa1-d8ef-4da5-ae1b-7b2613dcde7f</t>
  </si>
  <si>
    <t>BU04410503</t>
  </si>
  <si>
    <t>Debbemeer-Noord</t>
  </si>
  <si>
    <t>2021BU04410503</t>
  </si>
  <si>
    <t>buurten.24b18663-a0a6-4c51-88af-f31fde95e4cd</t>
  </si>
  <si>
    <t>BU04410504</t>
  </si>
  <si>
    <t>Debbemeer-Zuid</t>
  </si>
  <si>
    <t>2021BU04410504</t>
  </si>
  <si>
    <t>buurten.ec6f9d44-2312-48ab-a2a3-9c362fcf90f8</t>
  </si>
  <si>
    <t>BU04410505</t>
  </si>
  <si>
    <t>Warmenhuizen-Zuid</t>
  </si>
  <si>
    <t>2021BU04410505</t>
  </si>
  <si>
    <t>buurten.a98797ad-818f-4fb7-acb1-19d2debe67c7</t>
  </si>
  <si>
    <t>BU04410506</t>
  </si>
  <si>
    <t>Schoorldam</t>
  </si>
  <si>
    <t>2021BU04410506</t>
  </si>
  <si>
    <t>buurten.c8cdd28f-f39d-4010-be08-ffd436e8cae7</t>
  </si>
  <si>
    <t>BU04410580</t>
  </si>
  <si>
    <t>Huisweid en omgeving</t>
  </si>
  <si>
    <t>2021BU04410580</t>
  </si>
  <si>
    <t>buurten.c8111da6-9d7c-46c8-a62e-35135648fb51</t>
  </si>
  <si>
    <t>BU04410581</t>
  </si>
  <si>
    <t>Oudevaart-Zuid</t>
  </si>
  <si>
    <t>2021BU04410581</t>
  </si>
  <si>
    <t>buurten.62051b97-ef01-45b0-8bd8-055a029ff455</t>
  </si>
  <si>
    <t>BU04410590</t>
  </si>
  <si>
    <t>Buitengebied Warmenhuizen</t>
  </si>
  <si>
    <t>2021BU04410590</t>
  </si>
  <si>
    <t>buurten.9a94f2ae-6514-49ef-88a5-30417f1722e3</t>
  </si>
  <si>
    <t>BU04410591</t>
  </si>
  <si>
    <t>Krabbendam en Buitengebied</t>
  </si>
  <si>
    <t>2021BU04410591</t>
  </si>
  <si>
    <t>buurten.16100054-bdaf-440c-a65a-92f19cc29f9d</t>
  </si>
  <si>
    <t>BU04410601</t>
  </si>
  <si>
    <t>Kalverdijk</t>
  </si>
  <si>
    <t>WK044106</t>
  </si>
  <si>
    <t>2021BU04410601</t>
  </si>
  <si>
    <t>buurten.08941799-9156-40d6-8019-fbd6fb3b6eed</t>
  </si>
  <si>
    <t>BU04410602</t>
  </si>
  <si>
    <t>Tuitjenhorn-Centrum en Kerkbuurt</t>
  </si>
  <si>
    <t>2021BU04410602</t>
  </si>
  <si>
    <t>buurten.621d9704-e781-4903-92d9-1cbe8a25b68b</t>
  </si>
  <si>
    <t>BU04410603</t>
  </si>
  <si>
    <t>Tuitjenhorn-West en -Zuid</t>
  </si>
  <si>
    <t>2021BU04410603</t>
  </si>
  <si>
    <t>buurten.81cc1368-6ad8-459d-be74-a330e2dc4ef9</t>
  </si>
  <si>
    <t>BU04410690</t>
  </si>
  <si>
    <t>Buitengebied Tuitjenhorn</t>
  </si>
  <si>
    <t>2021BU04410690</t>
  </si>
  <si>
    <t>buurten.e7f1d72e-0da4-4687-bbd5-265a5d4f6d43</t>
  </si>
  <si>
    <t>BU04410701</t>
  </si>
  <si>
    <t>Waarland (woonkern)</t>
  </si>
  <si>
    <t>WK044107</t>
  </si>
  <si>
    <t>2021BU04410701</t>
  </si>
  <si>
    <t>buurten.f3a22409-f90b-4afc-8785-da38e0cbda4a</t>
  </si>
  <si>
    <t>BU04410790</t>
  </si>
  <si>
    <t>Buitengebied Waarland</t>
  </si>
  <si>
    <t>2021BU04410790</t>
  </si>
  <si>
    <t>buurten.3462fbee-e491-4fbf-81b2-965fcca2f7ae</t>
  </si>
  <si>
    <t>BU04410801</t>
  </si>
  <si>
    <t>Dirkshorn (woonkern)</t>
  </si>
  <si>
    <t>WK044108</t>
  </si>
  <si>
    <t>2021BU04410801</t>
  </si>
  <si>
    <t>buurten.c25655f7-a50f-4898-8bce-a20f2e1a9f80</t>
  </si>
  <si>
    <t>BU04410880</t>
  </si>
  <si>
    <t>De Banne en omgeving</t>
  </si>
  <si>
    <t>2021BU04410880</t>
  </si>
  <si>
    <t>buurten.82ede391-f49d-420a-b9f8-fa3fc5344877</t>
  </si>
  <si>
    <t>BU04410890</t>
  </si>
  <si>
    <t>Buitengebied Dirkshorn</t>
  </si>
  <si>
    <t>2021BU04410890</t>
  </si>
  <si>
    <t>buurten.c462b8ff-f871-4f5f-998a-36fdcaeea97f</t>
  </si>
  <si>
    <t>BU04410901</t>
  </si>
  <si>
    <t>Oudesluis (woonkern)</t>
  </si>
  <si>
    <t>WK044109</t>
  </si>
  <si>
    <t>2021BU04410901</t>
  </si>
  <si>
    <t>buurten.8a08cbaf-1916-4d1a-9709-68a183d1515b</t>
  </si>
  <si>
    <t>BU04410990</t>
  </si>
  <si>
    <t>Buitengebied Oudesluis</t>
  </si>
  <si>
    <t>2021BU04410990</t>
  </si>
  <si>
    <t>buurten.5c2290a0-45f4-4962-b9bf-a46375d62a18</t>
  </si>
  <si>
    <t>BU04411001</t>
  </si>
  <si>
    <t>Schagen-Centrum</t>
  </si>
  <si>
    <t>WK044110</t>
  </si>
  <si>
    <t>2021BU04411001</t>
  </si>
  <si>
    <t>buurten.d5cc8739-a627-4e44-ba04-9647c96603a6</t>
  </si>
  <si>
    <t>BU04411002</t>
  </si>
  <si>
    <t>Schagen-Centrum-Zuid</t>
  </si>
  <si>
    <t>2021BU04411002</t>
  </si>
  <si>
    <t>buurten.8b610ba0-2dda-4c0c-8fd3-ea4e82a0b9e4</t>
  </si>
  <si>
    <t>BU04411003</t>
  </si>
  <si>
    <t>Nesdijk</t>
  </si>
  <si>
    <t>2021BU04411003</t>
  </si>
  <si>
    <t>buurten.ad4b28b3-a9f7-49ed-aa92-6b193fa2ba7d</t>
  </si>
  <si>
    <t>BU04411004</t>
  </si>
  <si>
    <t>Groeneweg-Zuid</t>
  </si>
  <si>
    <t>2021BU04411004</t>
  </si>
  <si>
    <t>buurten.41149c2a-2f7a-490e-8c74-c4fc08d00a17</t>
  </si>
  <si>
    <t>BU04411005</t>
  </si>
  <si>
    <t>Groeneweg-Noord</t>
  </si>
  <si>
    <t>2021BU04411005</t>
  </si>
  <si>
    <t>buurten.f0a97a6a-2a7b-42c5-b794-8a5afa390b86</t>
  </si>
  <si>
    <t>BU04411006</t>
  </si>
  <si>
    <t>Muggenburg</t>
  </si>
  <si>
    <t>2021BU04411006</t>
  </si>
  <si>
    <t>buurten.fb466df8-ff96-4d5d-abf1-39640c1e6531</t>
  </si>
  <si>
    <t>BU04411007</t>
  </si>
  <si>
    <t>Muggenburg-Zuid</t>
  </si>
  <si>
    <t>2021BU04411007</t>
  </si>
  <si>
    <t>buurten.174cf980-c524-4f03-ad15-97af412d3a18</t>
  </si>
  <si>
    <t>BU04411101</t>
  </si>
  <si>
    <t>Petten-Centrum en Korfwater</t>
  </si>
  <si>
    <t>WK044111</t>
  </si>
  <si>
    <t>2021BU04411101</t>
  </si>
  <si>
    <t>buurten.cf82eea8-f79f-453d-8dc8-1b8319b4b75c</t>
  </si>
  <si>
    <t>BU04411102</t>
  </si>
  <si>
    <t>Petten-West</t>
  </si>
  <si>
    <t>2021BU04411102</t>
  </si>
  <si>
    <t>buurten.0aa61c01-7b8d-453c-ad2f-e75c51387cfd</t>
  </si>
  <si>
    <t>BU04411103</t>
  </si>
  <si>
    <t>Nolmerban</t>
  </si>
  <si>
    <t>2021BU04411103</t>
  </si>
  <si>
    <t>buurten.77e5e4c8-0286-4cbd-abaa-705c6bcea070</t>
  </si>
  <si>
    <t>BU04411170</t>
  </si>
  <si>
    <t>Pettemerduinen</t>
  </si>
  <si>
    <t>2021BU04411170</t>
  </si>
  <si>
    <t>buurten.d74e1728-a0bf-4fc7-aa79-9a30df2b4677</t>
  </si>
  <si>
    <t>BU04411180</t>
  </si>
  <si>
    <t>Onderzoekslocatie Petten</t>
  </si>
  <si>
    <t>2021BU04411180</t>
  </si>
  <si>
    <t>buurten.a057aaf6-9a6c-45ba-9ac1-2b9660b07744</t>
  </si>
  <si>
    <t>BU04411190</t>
  </si>
  <si>
    <t>Buitengebied Petten</t>
  </si>
  <si>
    <t>2021BU04411190</t>
  </si>
  <si>
    <t>buurten.730e04c9-2e5d-4273-93fa-f97cec0d4828</t>
  </si>
  <si>
    <t>BU04411201</t>
  </si>
  <si>
    <t>Sint Maartensbrug (woonkern)</t>
  </si>
  <si>
    <t>WK044112</t>
  </si>
  <si>
    <t>2021BU04411201</t>
  </si>
  <si>
    <t>buurten.bae4735d-f178-4076-bc6b-17ee4fe555f4</t>
  </si>
  <si>
    <t>BU04411290</t>
  </si>
  <si>
    <t>Buitengebied Sint Maartensbrug</t>
  </si>
  <si>
    <t>2021BU04411290</t>
  </si>
  <si>
    <t>buurten.b30b63c9-02b6-4a5f-8690-9531d41a8897</t>
  </si>
  <si>
    <t>BU04411301</t>
  </si>
  <si>
    <t>'t Zand-West- en -Zuid</t>
  </si>
  <si>
    <t>WK044113</t>
  </si>
  <si>
    <t>2021BU04411301</t>
  </si>
  <si>
    <t>buurten.78f1c276-7b1b-4590-a11c-b95caa06401f</t>
  </si>
  <si>
    <t>BU04411302</t>
  </si>
  <si>
    <t>'t Zand-Noordoost</t>
  </si>
  <si>
    <t>2021BU04411302</t>
  </si>
  <si>
    <t>buurten.594731d0-fc28-4d29-83a9-b976b3189dca</t>
  </si>
  <si>
    <t>BU04411380</t>
  </si>
  <si>
    <t>Kolksluis</t>
  </si>
  <si>
    <t>2021BU04411380</t>
  </si>
  <si>
    <t>buurten.349268b3-c6df-40d6-8959-005dd8bbf10b</t>
  </si>
  <si>
    <t>BU04411390</t>
  </si>
  <si>
    <t>Buitengebied 't Zand-Oost</t>
  </si>
  <si>
    <t>2021BU04411390</t>
  </si>
  <si>
    <t>buurten.dfad86cd-43cc-43cc-b5ac-e04948b3b90c</t>
  </si>
  <si>
    <t>BU04411391</t>
  </si>
  <si>
    <t>Buitengebied 't Zand-West</t>
  </si>
  <si>
    <t>2021BU04411391</t>
  </si>
  <si>
    <t>buurten.e209cd36-1582-4491-bd5e-60633f0a80f3</t>
  </si>
  <si>
    <t>BU04411401</t>
  </si>
  <si>
    <t>Sint Maartensvlotbrug (woonkern)</t>
  </si>
  <si>
    <t>WK044114</t>
  </si>
  <si>
    <t>2021BU04411401</t>
  </si>
  <si>
    <t>buurten.82da32e8-2b67-467c-893c-3c4f2ac3fda9</t>
  </si>
  <si>
    <t>BU04411470</t>
  </si>
  <si>
    <t>Sint Maartensvlotbrug-West</t>
  </si>
  <si>
    <t>2021BU04411470</t>
  </si>
  <si>
    <t>buurten.589ec2ab-f686-40c7-b547-10b960ad6e45</t>
  </si>
  <si>
    <t>BU04411471</t>
  </si>
  <si>
    <t>Sint Maartenszee</t>
  </si>
  <si>
    <t>2021BU04411471</t>
  </si>
  <si>
    <t>buurten.c5c583d9-7810-4edf-abe3-cd7ba50fabfd</t>
  </si>
  <si>
    <t>BU04411490</t>
  </si>
  <si>
    <t>Buitengebied Sint Maartensvlotbrug</t>
  </si>
  <si>
    <t>2021BU04411490</t>
  </si>
  <si>
    <t>buurten.5d7b8e28-a546-45a7-ab8e-232e1bf393ba</t>
  </si>
  <si>
    <t>BU04411501</t>
  </si>
  <si>
    <t>Callantsoog (woonkern)</t>
  </si>
  <si>
    <t>WK044115</t>
  </si>
  <si>
    <t>2021BU04411501</t>
  </si>
  <si>
    <t>buurten.11613e33-5ab6-439a-ba83-e23183a67393</t>
  </si>
  <si>
    <t>BU04411502</t>
  </si>
  <si>
    <t>Uyterland</t>
  </si>
  <si>
    <t>2021BU04411502</t>
  </si>
  <si>
    <t>buurten.0b46b082-bb36-4b3e-8c28-2bc2dee84831</t>
  </si>
  <si>
    <t>BU04411570</t>
  </si>
  <si>
    <t>Zwanenwater</t>
  </si>
  <si>
    <t>2021BU04411570</t>
  </si>
  <si>
    <t>buurten.29d040cc-7d2b-4ef5-807d-558f0fd9a5dd</t>
  </si>
  <si>
    <t>BU04411590</t>
  </si>
  <si>
    <t>Groote Keeten, Abbestede en Buitengebied</t>
  </si>
  <si>
    <t>2021BU04411590</t>
  </si>
  <si>
    <t>buurten.c6b500df-1f72-494b-8263-6962619cd756</t>
  </si>
  <si>
    <t>BU04411591</t>
  </si>
  <si>
    <t>Buitengebied Callantsoog-Oost</t>
  </si>
  <si>
    <t>2021BU04411591</t>
  </si>
  <si>
    <t>buurten.42cc59ca-32f7-4a8b-b113-aead63f21fbd</t>
  </si>
  <si>
    <t>BU04411592</t>
  </si>
  <si>
    <t>Buitengebied Callantsoog-Noord</t>
  </si>
  <si>
    <t>2021BU04411592</t>
  </si>
  <si>
    <t>buurten.c211d11a-91eb-4198-951c-47522e7c0a59</t>
  </si>
  <si>
    <t>BU04411601</t>
  </si>
  <si>
    <t>Waldervaart-Zuid</t>
  </si>
  <si>
    <t>WK044116</t>
  </si>
  <si>
    <t>2021BU04411601</t>
  </si>
  <si>
    <t>buurten.1765e635-d184-43a2-8bfd-42b654bc4eaa</t>
  </si>
  <si>
    <t>BU04411602</t>
  </si>
  <si>
    <t>Waldervaart-Noordwest</t>
  </si>
  <si>
    <t>2021BU04411602</t>
  </si>
  <si>
    <t>buurten.024b5a39-d3b0-4964-ab8f-8c63602c33fd</t>
  </si>
  <si>
    <t>BU04411603</t>
  </si>
  <si>
    <t>Waldervaart-Noordoost</t>
  </si>
  <si>
    <t>2021BU04411603</t>
  </si>
  <si>
    <t>buurten.d9f5da8e-efe3-488b-9138-8e843a18317d</t>
  </si>
  <si>
    <t>BU04411680</t>
  </si>
  <si>
    <t>Lagedijk</t>
  </si>
  <si>
    <t>2021BU04411680</t>
  </si>
  <si>
    <t>buurten.53f9468b-8a1c-4ba0-8505-46f232cd51c9</t>
  </si>
  <si>
    <t>BU04411690</t>
  </si>
  <si>
    <t>Burghorn en Buitengebied</t>
  </si>
  <si>
    <t>2021BU04411690</t>
  </si>
  <si>
    <t>buurten.16d524ab-0bfd-4a32-ab6f-958c20190b83</t>
  </si>
  <si>
    <t>BU04411691</t>
  </si>
  <si>
    <t>Tolke, Tjallewal en Buitengebied</t>
  </si>
  <si>
    <t>2021BU04411691</t>
  </si>
  <si>
    <t>buurten.620ddb02-18c9-4088-ae8a-48cbcd15ec85</t>
  </si>
  <si>
    <t>BU04411701</t>
  </si>
  <si>
    <t>Hoep-Zuid</t>
  </si>
  <si>
    <t>WK044117</t>
  </si>
  <si>
    <t>2021BU04411701</t>
  </si>
  <si>
    <t>buurten.040213d5-3169-4d89-8b93-77abfaf39303</t>
  </si>
  <si>
    <t>BU04411702</t>
  </si>
  <si>
    <t>Hoep-Noord</t>
  </si>
  <si>
    <t>2021BU04411702</t>
  </si>
  <si>
    <t>buurten.6861b9dd-b411-49d1-967e-d106f61039f7</t>
  </si>
  <si>
    <t>BU04411703</t>
  </si>
  <si>
    <t>Nes-Noord</t>
  </si>
  <si>
    <t>2021BU04411703</t>
  </si>
  <si>
    <t>buurten.b347a7e2-e7cf-407d-ab2a-d97e767c8ad1</t>
  </si>
  <si>
    <t>BU04411780</t>
  </si>
  <si>
    <t>Witte Paal</t>
  </si>
  <si>
    <t>2021BU04411780</t>
  </si>
  <si>
    <t>buurten.7d4527fe-6861-42c2-b75f-82f3caacc6ec</t>
  </si>
  <si>
    <t>BU04411790</t>
  </si>
  <si>
    <t>Keinse, 't Wad en Buitengebied</t>
  </si>
  <si>
    <t>2021BU04411790</t>
  </si>
  <si>
    <t>buurten.894b231d-bf76-4d00-a323-066728a2b484</t>
  </si>
  <si>
    <t>BU04411791</t>
  </si>
  <si>
    <t>Nes en Buitengebied</t>
  </si>
  <si>
    <t>2021BU04411791</t>
  </si>
  <si>
    <t>buurten.5aeda823-ead1-4f61-852a-e59f8b541fb8</t>
  </si>
  <si>
    <t>BU04480000</t>
  </si>
  <si>
    <t>Den Burg</t>
  </si>
  <si>
    <t>WK044800</t>
  </si>
  <si>
    <t>2021BU04480000</t>
  </si>
  <si>
    <t>buurten.170720c6-f9a8-445d-aa9b-408a0ee160cf</t>
  </si>
  <si>
    <t>BU04480001</t>
  </si>
  <si>
    <t>2021BU04480001</t>
  </si>
  <si>
    <t>buurten.9d0325b2-2472-42d4-9976-7732ace9e846</t>
  </si>
  <si>
    <t>BU04480002</t>
  </si>
  <si>
    <t>2021BU04480002</t>
  </si>
  <si>
    <t>buurten.df75d046-e7ff-4728-9bb3-12761ea9ce00</t>
  </si>
  <si>
    <t>BU04480003</t>
  </si>
  <si>
    <t>De Waal</t>
  </si>
  <si>
    <t>2021BU04480003</t>
  </si>
  <si>
    <t>buurten.776c83a7-ed52-403e-8b35-bae938e1f234</t>
  </si>
  <si>
    <t>BU04480004</t>
  </si>
  <si>
    <t>Oudeschild</t>
  </si>
  <si>
    <t>2021BU04480004</t>
  </si>
  <si>
    <t>buurten.9ca18c12-42b5-4f11-bbc6-bd7152db2072</t>
  </si>
  <si>
    <t>BU04480005</t>
  </si>
  <si>
    <t>Den Hoorn</t>
  </si>
  <si>
    <t>2021BU04480005</t>
  </si>
  <si>
    <t>buurten.03587fdd-4557-48e0-a801-315c7911ef1c</t>
  </si>
  <si>
    <t>BU04480007</t>
  </si>
  <si>
    <t>Verspreide huizen Op Het Oude Land</t>
  </si>
  <si>
    <t>2021BU04480007</t>
  </si>
  <si>
    <t>buurten.e0584861-8585-4c1c-9cca-5fae1c31ddbe</t>
  </si>
  <si>
    <t>BU04480008</t>
  </si>
  <si>
    <t>Verspreide huizen De Kuil, Hoornder Nieuwland</t>
  </si>
  <si>
    <t>2021BU04480008</t>
  </si>
  <si>
    <t>buurten.c424032c-06df-49bf-ad2d-6f817bc60d4d</t>
  </si>
  <si>
    <t>BU04480009</t>
  </si>
  <si>
    <t>Verspreide huizen De Koog en het Duingebied</t>
  </si>
  <si>
    <t>2021BU04480009</t>
  </si>
  <si>
    <t>buurten.82eb907b-a5be-4d54-9543-bb7d383164d0</t>
  </si>
  <si>
    <t>BU04480100</t>
  </si>
  <si>
    <t>De Cocksdorp</t>
  </si>
  <si>
    <t>WK044801</t>
  </si>
  <si>
    <t>2021BU04480100</t>
  </si>
  <si>
    <t>buurten.99d25af8-b8d3-4101-8715-0ea1ff9fa565</t>
  </si>
  <si>
    <t>BU04480107</t>
  </si>
  <si>
    <t>Verspreide huizen in de polders Eierland en Eendracht</t>
  </si>
  <si>
    <t>2021BU04480107</t>
  </si>
  <si>
    <t>buurten.9425257c-3327-431b-98a4-2f6b879e423d</t>
  </si>
  <si>
    <t>BU04480108</t>
  </si>
  <si>
    <t>Verspreide huizen in de polder Het Noorden</t>
  </si>
  <si>
    <t>2021BU04480108</t>
  </si>
  <si>
    <t>buurten.0779f2f0-2e53-43d9-bbe9-f028e96549d4</t>
  </si>
  <si>
    <t>BU04480109</t>
  </si>
  <si>
    <t>Verspreide huizen in de polders Burger Nieuwland</t>
  </si>
  <si>
    <t>2021BU04480109</t>
  </si>
  <si>
    <t>buurten.5b6eebb1-5556-4962-b07a-e752c0c8d630</t>
  </si>
  <si>
    <t>BU04500001</t>
  </si>
  <si>
    <t>WK045000</t>
  </si>
  <si>
    <t>2021BU04500001</t>
  </si>
  <si>
    <t>buurten.ff51a7ae-5a10-4662-be93-365d6cb74b7e</t>
  </si>
  <si>
    <t>PL0450010004</t>
  </si>
  <si>
    <t>cluster de Koog</t>
  </si>
  <si>
    <t>onderzoekend, haalbaarheidsonderzoek warmtenet</t>
  </si>
  <si>
    <t>Betaalbaar voor iederen, keuzemogelijkheid,</t>
  </si>
  <si>
    <t>algemene informatie over no-regret maatregelen ten behoeve van De Kleis en Waldijk in</t>
  </si>
  <si>
    <t>no-regret maatregelen treffen, schil verbeteren, electrisch koken</t>
  </si>
  <si>
    <t>Huurwoningen van Kennemer Wonen naar Label B en A in 2020</t>
  </si>
  <si>
    <t>BU04500002</t>
  </si>
  <si>
    <t>De Kleis</t>
  </si>
  <si>
    <t>2021BU04500002</t>
  </si>
  <si>
    <t>buurten.8ef2bd97-ae5c-41a8-af58-8d48030f7699</t>
  </si>
  <si>
    <t>PL0450010002</t>
  </si>
  <si>
    <t>cluster Waldijk</t>
  </si>
  <si>
    <t>BU04500003</t>
  </si>
  <si>
    <t>Waldijk</t>
  </si>
  <si>
    <t>2021BU04500003</t>
  </si>
  <si>
    <t>buurten.d4da2e92-de53-4301-95c6-b3b0d2d09005</t>
  </si>
  <si>
    <t>BU04500004</t>
  </si>
  <si>
    <t>2021BU04500004</t>
  </si>
  <si>
    <t>buurten.68bb7e51-bfdb-48a3-aa4b-6fbe83e86a05</t>
  </si>
  <si>
    <t>PL0450010003</t>
  </si>
  <si>
    <t>BU04500005</t>
  </si>
  <si>
    <t>2021BU04500005</t>
  </si>
  <si>
    <t>buurten.a14cc773-a248-42e0-a146-08f459eff155</t>
  </si>
  <si>
    <t>cluster Oude Dorp</t>
  </si>
  <si>
    <t>Vervolg haalbaarheidsonderzoek Kansen Thermische Energie Oppervlaktewater Uitgeest</t>
  </si>
  <si>
    <t>aquathermie, TEO</t>
  </si>
  <si>
    <t>BU04500006</t>
  </si>
  <si>
    <t>2021BU04500006</t>
  </si>
  <si>
    <t>buurten.efde8cdb-efee-4742-bd6e-57e4a975522c</t>
  </si>
  <si>
    <t>PL0479010006</t>
  </si>
  <si>
    <t>uitvoerbaar, opschaalbaar, laagste maatschappelijke kosten</t>
  </si>
  <si>
    <t>BU04511500</t>
  </si>
  <si>
    <t>Dorpscentrumcentrum</t>
  </si>
  <si>
    <t>WK045115</t>
  </si>
  <si>
    <t>2021BU04511500</t>
  </si>
  <si>
    <t>buurten.c033da18-f113-44f4-bfca-f7f76f0454f3</t>
  </si>
  <si>
    <t>PL0451010001</t>
  </si>
  <si>
    <t>BU04512500</t>
  </si>
  <si>
    <t>Thamerdal</t>
  </si>
  <si>
    <t>WK045125</t>
  </si>
  <si>
    <t>2021BU04512500</t>
  </si>
  <si>
    <t>buurten.06244d00-031a-41cd-b679-3c6221fa6af2</t>
  </si>
  <si>
    <t>Onderzoek naar mogelijkheid collectief LT-warmtenet op basis van aquathermie voor de buurt Legmeer</t>
  </si>
  <si>
    <t>BU04513500</t>
  </si>
  <si>
    <t>Zijdelwaard</t>
  </si>
  <si>
    <t>WK045135</t>
  </si>
  <si>
    <t>2021BU04513500</t>
  </si>
  <si>
    <t>buurten.2b874545-72b0-41ca-bfa3-421966eabd98</t>
  </si>
  <si>
    <t>BU04514500</t>
  </si>
  <si>
    <t>WK045145</t>
  </si>
  <si>
    <t>2021BU04514500</t>
  </si>
  <si>
    <t>buurten.0b3bb2df-2c77-4f4a-b8a7-ad0180278d45</t>
  </si>
  <si>
    <t>BU04515000</t>
  </si>
  <si>
    <t>Langs de Vuurlinie</t>
  </si>
  <si>
    <t>WK045150</t>
  </si>
  <si>
    <t>2021BU04515000</t>
  </si>
  <si>
    <t>buurten.ba40954d-6187-45be-8823-a61a72330d8e</t>
  </si>
  <si>
    <t>BU04515500</t>
  </si>
  <si>
    <t>Veilinggebied</t>
  </si>
  <si>
    <t>WK045155</t>
  </si>
  <si>
    <t>2021BU04515500</t>
  </si>
  <si>
    <t>buurten.4a6146e4-6db3-4923-8756-aa471b269fef</t>
  </si>
  <si>
    <t>BU04516500</t>
  </si>
  <si>
    <t>WK045165</t>
  </si>
  <si>
    <t>2021BU04516500</t>
  </si>
  <si>
    <t>buurten.4de407c0-be41-4c88-a687-77d988a38484</t>
  </si>
  <si>
    <t>BU04517500</t>
  </si>
  <si>
    <t>WK045175</t>
  </si>
  <si>
    <t>2021BU04517500</t>
  </si>
  <si>
    <t>buurten.9d2be26e-bc91-4393-86f7-4a85deb286eb</t>
  </si>
  <si>
    <t>BU04518500</t>
  </si>
  <si>
    <t>WK045185</t>
  </si>
  <si>
    <t>2021BU04518500</t>
  </si>
  <si>
    <t>buurten.d7fb7596-72ae-4d88-9e3e-b29ea6d31412</t>
  </si>
  <si>
    <t>BU04519000</t>
  </si>
  <si>
    <t>Glastuinbouwgebied</t>
  </si>
  <si>
    <t>WK045190</t>
  </si>
  <si>
    <t>2021BU04519000</t>
  </si>
  <si>
    <t>buurten.7946d535-69cf-4468-bff4-7e976f0cec12</t>
  </si>
  <si>
    <t>BU04519500</t>
  </si>
  <si>
    <t>Veenweidegebied</t>
  </si>
  <si>
    <t>WK045195</t>
  </si>
  <si>
    <t>2021BU04519500</t>
  </si>
  <si>
    <t>buurten.cb6ba0e0-e591-4295-9a43-3202c325d965</t>
  </si>
  <si>
    <t>Transitievisie warmte, TRANSITIEVISIE WARMTE GEMEENTE NIEUWKOOP</t>
  </si>
  <si>
    <t>Cluster 1: Nieuwveen</t>
  </si>
  <si>
    <t>Zevenhoven, Woerdense Verlaat, Buitengebied</t>
  </si>
  <si>
    <t>Afhankelijk van temperatuur warmteoplossing, warmtenet meestal minimaal schillabel C/D</t>
  </si>
  <si>
    <t>Aquathermie (Amstel-Drechtskanaal), WKO, Geothermie</t>
  </si>
  <si>
    <t>BU04530000</t>
  </si>
  <si>
    <t>Velsen-Dorp</t>
  </si>
  <si>
    <t>WK045300</t>
  </si>
  <si>
    <t>2021BU04530000</t>
  </si>
  <si>
    <t>buurten.d753f221-3dcb-4a60-8798-ae2688f56129</t>
  </si>
  <si>
    <t>Overige buurten (onduidelijk welke dit zijn)</t>
  </si>
  <si>
    <t>MT warmte: geothermie en/of restwarmte en/of biosmassa en/of riothermie en/of aquathermie</t>
  </si>
  <si>
    <t>BU04530001</t>
  </si>
  <si>
    <t>Velserbeek</t>
  </si>
  <si>
    <t>2021BU04530001</t>
  </si>
  <si>
    <t>buurten.1be9f952-2e64-4da3-8db7-f9e9b3dde4a9</t>
  </si>
  <si>
    <t>BU04530002</t>
  </si>
  <si>
    <t>Velsen-Oost</t>
  </si>
  <si>
    <t>2021BU04530002</t>
  </si>
  <si>
    <t>buurten.f75b6769-fed4-4e21-a48a-8996249299e1</t>
  </si>
  <si>
    <t>BU04530003</t>
  </si>
  <si>
    <t>2021BU04530003</t>
  </si>
  <si>
    <t>buurten.6c479e21-f212-492a-9440-fe5dc7efd3af</t>
  </si>
  <si>
    <t>BU04530004</t>
  </si>
  <si>
    <t>Kriemhildebuurt</t>
  </si>
  <si>
    <t>2021BU04530004</t>
  </si>
  <si>
    <t>buurten.c212c0e5-4d23-4eaf-96a6-145cd93ce04b</t>
  </si>
  <si>
    <t>BU04530005</t>
  </si>
  <si>
    <t>Driehuis-Dorp</t>
  </si>
  <si>
    <t>2021BU04530005</t>
  </si>
  <si>
    <t>buurten.43fd6909-84ae-497a-ad9e-b634afc40c69</t>
  </si>
  <si>
    <t>BU04530100</t>
  </si>
  <si>
    <t>Lagersbuurt</t>
  </si>
  <si>
    <t>WK045301</t>
  </si>
  <si>
    <t>2021BU04530100</t>
  </si>
  <si>
    <t>buurten.18323940-e79a-4c47-8739-49efa3ccc220</t>
  </si>
  <si>
    <t>BU04530101</t>
  </si>
  <si>
    <t>Heidebuurt</t>
  </si>
  <si>
    <t>2021BU04530101</t>
  </si>
  <si>
    <t>buurten.951801fa-16cb-442e-afb6-7d7eda77e324</t>
  </si>
  <si>
    <t>BU04530102</t>
  </si>
  <si>
    <t>2021BU04530102</t>
  </si>
  <si>
    <t>buurten.6525f4db-2f80-4123-8b74-dbcec659fe12</t>
  </si>
  <si>
    <t>BU04530103</t>
  </si>
  <si>
    <t>Verzetsheldenbuurt</t>
  </si>
  <si>
    <t>2021BU04530103</t>
  </si>
  <si>
    <t>buurten.7b60e1d7-3213-4c53-b059-6e438aaa8a21</t>
  </si>
  <si>
    <t>BU04530104</t>
  </si>
  <si>
    <t>Natuurkundigenbuurt</t>
  </si>
  <si>
    <t>2021BU04530104</t>
  </si>
  <si>
    <t>buurten.1b51fcba-6cab-4892-af8a-3c7590fdefdf</t>
  </si>
  <si>
    <t>BU04530105</t>
  </si>
  <si>
    <t>Kikvorsbuurt</t>
  </si>
  <si>
    <t>2021BU04530105</t>
  </si>
  <si>
    <t>buurten.a75f51d4-ac6b-4809-bbb6-e15bde668ef2</t>
  </si>
  <si>
    <t>BU04530106</t>
  </si>
  <si>
    <t>Stadhuisbuurt</t>
  </si>
  <si>
    <t>2021BU04530106</t>
  </si>
  <si>
    <t>buurten.89c1b223-efb4-41b1-a890-df8752e6e76c</t>
  </si>
  <si>
    <t>BU04530200</t>
  </si>
  <si>
    <t>Tussenbeeksbuurt</t>
  </si>
  <si>
    <t>WK045302</t>
  </si>
  <si>
    <t>2021BU04530200</t>
  </si>
  <si>
    <t>buurten.4a40a841-e155-4b04-81a2-7b360888ca20</t>
  </si>
  <si>
    <t>BU04530201</t>
  </si>
  <si>
    <t>2021BU04530201</t>
  </si>
  <si>
    <t>buurten.08e7e99f-e3aa-4082-a906-a686c6908530</t>
  </si>
  <si>
    <t>BU04530202</t>
  </si>
  <si>
    <t>2021BU04530202</t>
  </si>
  <si>
    <t>buurten.194b7cb8-881c-4c6a-a981-806d5bda9cd9</t>
  </si>
  <si>
    <t>BU04530203</t>
  </si>
  <si>
    <t>Velseroord</t>
  </si>
  <si>
    <t>2021BU04530203</t>
  </si>
  <si>
    <t>buurten.063148b8-01f0-4411-a6a4-4114e4de202a</t>
  </si>
  <si>
    <t>BU04530204</t>
  </si>
  <si>
    <t>Paterskerkbuurt</t>
  </si>
  <si>
    <t>2021BU04530204</t>
  </si>
  <si>
    <t>buurten.59bd32c1-74f7-4ba8-b495-b47bd97d068c</t>
  </si>
  <si>
    <t>BU04530205</t>
  </si>
  <si>
    <t>2021BU04530205</t>
  </si>
  <si>
    <t>buurten.eba71ef7-0bc1-4d8f-a732-45481a56cf84</t>
  </si>
  <si>
    <t>BU04530206</t>
  </si>
  <si>
    <t>2021BU04530206</t>
  </si>
  <si>
    <t>buurten.dd187740-bb2e-4dc4-9be2-e01a3aa48a70</t>
  </si>
  <si>
    <t>BU04530300</t>
  </si>
  <si>
    <t>Moerbergbuurt</t>
  </si>
  <si>
    <t>WK045303</t>
  </si>
  <si>
    <t>2021BU04530300</t>
  </si>
  <si>
    <t>buurten.bd7bba73-0cda-4209-a239-1cd71187036e</t>
  </si>
  <si>
    <t>BU04530301</t>
  </si>
  <si>
    <t>Vissersbuurt</t>
  </si>
  <si>
    <t>2021BU04530301</t>
  </si>
  <si>
    <t>buurten.7ae31fc4-3076-42ad-bd15-ef2e364205ea</t>
  </si>
  <si>
    <t>BU04530302</t>
  </si>
  <si>
    <t>Oud-IJmuiden</t>
  </si>
  <si>
    <t>2021BU04530302</t>
  </si>
  <si>
    <t>buurten.bc54165c-11a5-4184-a1a5-f19c803d138f</t>
  </si>
  <si>
    <t>BU04530303</t>
  </si>
  <si>
    <t>Zuidzijdebuurt</t>
  </si>
  <si>
    <t>2021BU04530303</t>
  </si>
  <si>
    <t>buurten.1b94020c-ce5f-4a5a-b92b-020f921a3bff</t>
  </si>
  <si>
    <t>BU04530400</t>
  </si>
  <si>
    <t>Herculesbuurt</t>
  </si>
  <si>
    <t>WK045304</t>
  </si>
  <si>
    <t>2021BU04530400</t>
  </si>
  <si>
    <t>buurten.5eaa834a-5d44-4233-a4fc-6df2eaaf25d1</t>
  </si>
  <si>
    <t>BU04530401</t>
  </si>
  <si>
    <t>Canopusbuurt</t>
  </si>
  <si>
    <t>2021BU04530401</t>
  </si>
  <si>
    <t>buurten.1186ebb0-dc27-4dd2-9529-75d646932cf8</t>
  </si>
  <si>
    <t>BU04530402</t>
  </si>
  <si>
    <t>Saturnusbuurt</t>
  </si>
  <si>
    <t>2021BU04530402</t>
  </si>
  <si>
    <t>buurten.8eae13ba-49de-4e04-a640-ed1afc764247</t>
  </si>
  <si>
    <t>BU04530403</t>
  </si>
  <si>
    <t>Schiplaanbuurt</t>
  </si>
  <si>
    <t>2021BU04530403</t>
  </si>
  <si>
    <t>buurten.68a8bea8-cc03-44e8-9203-7581cc15e107</t>
  </si>
  <si>
    <t>BU04530404</t>
  </si>
  <si>
    <t>Bellatrixbuurt</t>
  </si>
  <si>
    <t>2021BU04530404</t>
  </si>
  <si>
    <t>buurten.f0ecb4b3-f660-49fb-a931-d107e2d81650</t>
  </si>
  <si>
    <t>BU04530405</t>
  </si>
  <si>
    <t>Kruisbergbuurt</t>
  </si>
  <si>
    <t>2021BU04530405</t>
  </si>
  <si>
    <t>buurten.e1208a74-f031-494b-81b4-c7aab92d2831</t>
  </si>
  <si>
    <t>BU04530406</t>
  </si>
  <si>
    <t>Keetbergbuurt</t>
  </si>
  <si>
    <t>2021BU04530406</t>
  </si>
  <si>
    <t>buurten.2762cfda-4020-4998-838b-4a712d8cb2d7</t>
  </si>
  <si>
    <t>BU04530500</t>
  </si>
  <si>
    <t>Gildenbuurt</t>
  </si>
  <si>
    <t>WK045305</t>
  </si>
  <si>
    <t>2021BU04530500</t>
  </si>
  <si>
    <t>buurten.e7a0596e-801f-499a-8379-faa3b49306a5</t>
  </si>
  <si>
    <t>PL0453010002</t>
  </si>
  <si>
    <t>Velsen-Noord</t>
  </si>
  <si>
    <t>BU04530501</t>
  </si>
  <si>
    <t>Westerwijkbuurt</t>
  </si>
  <si>
    <t>2021BU04530501</t>
  </si>
  <si>
    <t>buurten.a8c37746-b644-4fa7-9d1a-6caf3d5e9eaa</t>
  </si>
  <si>
    <t>BU04530502</t>
  </si>
  <si>
    <t>Van Gelderbuurt</t>
  </si>
  <si>
    <t>2021BU04530502</t>
  </si>
  <si>
    <t>buurten.aae1932f-97e4-4403-8ad5-d7f7356d3d28</t>
  </si>
  <si>
    <t>BU04530503</t>
  </si>
  <si>
    <t>Duinvlietbuurt</t>
  </si>
  <si>
    <t>2021BU04530503</t>
  </si>
  <si>
    <t>buurten.979ed80b-b2c3-4d1e-9e4a-62baabe91a02</t>
  </si>
  <si>
    <t>BU04530504</t>
  </si>
  <si>
    <t>Watervlietbuurt</t>
  </si>
  <si>
    <t>2021BU04530504</t>
  </si>
  <si>
    <t>buurten.e995b8bb-039c-4371-96b0-7ea6689e9c32</t>
  </si>
  <si>
    <t>BU04530505</t>
  </si>
  <si>
    <t>Wijkermeerbuurt</t>
  </si>
  <si>
    <t>2021BU04530505</t>
  </si>
  <si>
    <t>buurten.220b0c94-ad4f-47bb-b7cc-3ae3490d3865</t>
  </si>
  <si>
    <t>BU04530506</t>
  </si>
  <si>
    <t>Staalbuurt</t>
  </si>
  <si>
    <t>2021BU04530506</t>
  </si>
  <si>
    <t>buurten.798a0274-507d-41dd-9111-8abd532b934d</t>
  </si>
  <si>
    <t>BU04530507</t>
  </si>
  <si>
    <t>Reyndersbuurt</t>
  </si>
  <si>
    <t>2021BU04530507</t>
  </si>
  <si>
    <t>buurten.8a5b6835-7f4b-459e-a976-1d2625818cce</t>
  </si>
  <si>
    <t>BU04530600</t>
  </si>
  <si>
    <t>Kerkpadbuurt</t>
  </si>
  <si>
    <t>WK045306</t>
  </si>
  <si>
    <t>2021BU04530600</t>
  </si>
  <si>
    <t>buurten.39c5abe2-3de5-44b7-b3bc-e2af349b3924</t>
  </si>
  <si>
    <t>BU04530601</t>
  </si>
  <si>
    <t>Biezenbuurt</t>
  </si>
  <si>
    <t>2021BU04530601</t>
  </si>
  <si>
    <t>buurten.2427b08c-f8c5-42b0-b371-75b742ad5d09</t>
  </si>
  <si>
    <t>BU04530602</t>
  </si>
  <si>
    <t>West-Indische buurt</t>
  </si>
  <si>
    <t>2021BU04530602</t>
  </si>
  <si>
    <t>buurten.58edbae3-1c15-4eac-9231-46d610159e38</t>
  </si>
  <si>
    <t>BU04530603</t>
  </si>
  <si>
    <t>Santpoort-Dorp</t>
  </si>
  <si>
    <t>2021BU04530603</t>
  </si>
  <si>
    <t>buurten.b24f67d9-cd0f-497b-80d4-e6ca5d47c792</t>
  </si>
  <si>
    <t>BU04530604</t>
  </si>
  <si>
    <t>2021BU04530604</t>
  </si>
  <si>
    <t>buurten.c2192f1a-f750-4404-9259-78a68f4db58e</t>
  </si>
  <si>
    <t>BU04530605</t>
  </si>
  <si>
    <t>Kerkerinkbuurt</t>
  </si>
  <si>
    <t>2021BU04530605</t>
  </si>
  <si>
    <t>buurten.82b32155-0805-4f1f-bf66-3ff9edfac130</t>
  </si>
  <si>
    <t>BU04530606</t>
  </si>
  <si>
    <t>Spanjaardsbergbuurt</t>
  </si>
  <si>
    <t>2021BU04530606</t>
  </si>
  <si>
    <t>buurten.2fe30aa8-6be4-456a-9b0b-322b8ad1a047</t>
  </si>
  <si>
    <t>BU04530607</t>
  </si>
  <si>
    <t>Santhaesbuurt</t>
  </si>
  <si>
    <t>2021BU04530607</t>
  </si>
  <si>
    <t>buurten.1734aba5-8fc1-4b12-8275-9a92dfccdba1</t>
  </si>
  <si>
    <t>BU04530608</t>
  </si>
  <si>
    <t>Duinenbuurt</t>
  </si>
  <si>
    <t>2021BU04530608</t>
  </si>
  <si>
    <t>buurten.0a63a3b8-f919-4143-9328-efcef3a0bdb7</t>
  </si>
  <si>
    <t>BU04530700</t>
  </si>
  <si>
    <t>Neethofbuurt</t>
  </si>
  <si>
    <t>WK045307</t>
  </si>
  <si>
    <t>2021BU04530700</t>
  </si>
  <si>
    <t>buurten.b21a140d-5907-41d2-8f71-3d9e7d3c2662</t>
  </si>
  <si>
    <t>PL0377010002</t>
  </si>
  <si>
    <t>BU04530701</t>
  </si>
  <si>
    <t>Rijkersparkbuurt</t>
  </si>
  <si>
    <t>2021BU04530701</t>
  </si>
  <si>
    <t>buurten.8cf26fe2-e950-46a6-94c9-25cf1eba6118</t>
  </si>
  <si>
    <t>BU04530702</t>
  </si>
  <si>
    <t>Blekersbuurt</t>
  </si>
  <si>
    <t>2021BU04530702</t>
  </si>
  <si>
    <t>buurten.69b18963-48f3-4fcf-8d90-fdb7330af5ad</t>
  </si>
  <si>
    <t>BU04530703</t>
  </si>
  <si>
    <t>Eltabuurt</t>
  </si>
  <si>
    <t>2021BU04530703</t>
  </si>
  <si>
    <t>buurten.34b6dfe4-ce7b-458c-abc1-0cdb14322f2b</t>
  </si>
  <si>
    <t>BU04530800</t>
  </si>
  <si>
    <t>Hofgeest</t>
  </si>
  <si>
    <t>WK045308</t>
  </si>
  <si>
    <t>2021BU04530800</t>
  </si>
  <si>
    <t>buurten.293dac78-149d-4be9-a1e6-019a7294717c</t>
  </si>
  <si>
    <t>BU04530801</t>
  </si>
  <si>
    <t>Maadbuurt</t>
  </si>
  <si>
    <t>2021BU04530801</t>
  </si>
  <si>
    <t>buurten.db5d064e-d73f-4280-ac09-6f0a51c8c8b3</t>
  </si>
  <si>
    <t>BU04530802</t>
  </si>
  <si>
    <t>Weidbuurt</t>
  </si>
  <si>
    <t>2021BU04530802</t>
  </si>
  <si>
    <t>buurten.7687839e-66df-47a9-9624-6d129ceecff5</t>
  </si>
  <si>
    <t>BU04530803</t>
  </si>
  <si>
    <t>Pijlkruidbuurt</t>
  </si>
  <si>
    <t>2021BU04530803</t>
  </si>
  <si>
    <t>buurten.db26d15f-1002-4eca-af57-29b90b25cf68</t>
  </si>
  <si>
    <t>BU04530804</t>
  </si>
  <si>
    <t>Florarondebuurt</t>
  </si>
  <si>
    <t>2021BU04530804</t>
  </si>
  <si>
    <t>buurten.485ba39b-8c73-47e4-b37b-35f64b41a083</t>
  </si>
  <si>
    <t>BU04530805</t>
  </si>
  <si>
    <t>Bastionbuurt</t>
  </si>
  <si>
    <t>2021BU04530805</t>
  </si>
  <si>
    <t>buurten.ba405fcd-ab5c-4f5f-b18d-8ad7d3c9e989</t>
  </si>
  <si>
    <t>BU04530806</t>
  </si>
  <si>
    <t>Springerbuurt</t>
  </si>
  <si>
    <t>2021BU04530806</t>
  </si>
  <si>
    <t>buurten.d9f9451a-07e1-4416-bd2d-fc7808e10a09</t>
  </si>
  <si>
    <t>BU04530807</t>
  </si>
  <si>
    <t>Tjotterbuurt</t>
  </si>
  <si>
    <t>2021BU04530807</t>
  </si>
  <si>
    <t>buurten.3c8af40c-bef1-4408-9bde-0cbc776f8357</t>
  </si>
  <si>
    <t>BU04530808</t>
  </si>
  <si>
    <t>Westbroekbuurt</t>
  </si>
  <si>
    <t>2021BU04530808</t>
  </si>
  <si>
    <t>buurten.a2df7e0f-dab2-44a4-b803-33035d09f2ca</t>
  </si>
  <si>
    <t>BU04530900</t>
  </si>
  <si>
    <t>Noord-Spaarndammerpolder</t>
  </si>
  <si>
    <t>WK045309</t>
  </si>
  <si>
    <t>2021BU04530900</t>
  </si>
  <si>
    <t>buurten.78185c33-21f5-48bd-a09a-a8b7e314891c</t>
  </si>
  <si>
    <t>BU04530901</t>
  </si>
  <si>
    <t>Zuid-Spaarndammerpolder</t>
  </si>
  <si>
    <t>2021BU04530901</t>
  </si>
  <si>
    <t>buurten.193c3d88-0429-44b8-8a1f-4f9fcb84e7d8</t>
  </si>
  <si>
    <t>BU04570001</t>
  </si>
  <si>
    <t>WK045700</t>
  </si>
  <si>
    <t>GM0457</t>
  </si>
  <si>
    <t>Weesp</t>
  </si>
  <si>
    <t>2021BU04570001</t>
  </si>
  <si>
    <t>buurten.e3ab801f-8e94-4895-a581-73f239f7e4b1</t>
  </si>
  <si>
    <t>DC045701</t>
  </si>
  <si>
    <t>Keuzevrijheid is belangrijk voor Weespers, de kosten worden zorgvuldig afgewogen, inzicht geven in het handelingsperspectief, oplossingen zijn duurzaam en zoveel mogelijk in balans, oplossingen dragen bij aan comfort, aandacht voor gezamenlijke belangen</t>
  </si>
  <si>
    <t>De Transitievisie Warmte zal iedere vijf jaar worden herijkt om de nieuwste inzichten op het gebied van geleerde lessen, innovatie enwet, en regelgeving mee te nemen.</t>
  </si>
  <si>
    <t>In 2040 aardgas vrij zijn en energie neutraal. TVW wijst 4 startbuurten aan waar per direct gestart kan worden met de planvorming, in 3 van de 4 buurten starten met uitvoering voor 2030. Potentiele omvang van 3800 woningen</t>
  </si>
  <si>
    <t>https://www.weesp.nl/bestuur-organisatie/documenten_42917/itemransitievisie-warmte-weesp-261121_105744.html</t>
  </si>
  <si>
    <t>PL0457010007</t>
  </si>
  <si>
    <t>PL0457010018</t>
  </si>
  <si>
    <t>Bedrijventerrien Van Houten</t>
  </si>
  <si>
    <t>Zuid 2</t>
  </si>
  <si>
    <t>Veel maatwerk, meerdere oplossingen op een terrein</t>
  </si>
  <si>
    <t>Gestaag overstappen tussen 2021 en 2050 met een combinatie van individuele en kleinschalige collectieve warmteopties met een bedrijventerreinenaanpak</t>
  </si>
  <si>
    <t>Vanaf 2021 met isolatie, hybride en lokale gasvrije opties tot 70% gas besparen. Op termijn duurzaam gas</t>
  </si>
  <si>
    <t>BU04570002</t>
  </si>
  <si>
    <t>Herensingelkwartier</t>
  </si>
  <si>
    <t>2021BU04570002</t>
  </si>
  <si>
    <t>buurten.f3fa3f01-ff53-4209-90e1-706bf88955ff</t>
  </si>
  <si>
    <t>PL0457010003</t>
  </si>
  <si>
    <t>Hogewey Zuid</t>
  </si>
  <si>
    <t>In een Buurtuitvoeringsplan het verder uitwerken van de haalbaarheidsstudie en businesscase van de mogelijkheid voor een warmtenet, een bronnenonderzoek. Grote dichtheid aan woningen , veel gestapelde bouw, aanwezigheid corporatiewoningen van Ymere.</t>
  </si>
  <si>
    <t>Oudere buurt, gebouwen zijn lastig te isoleren en de ruimte ondergronds is beperkt hierdoor stapsgewijs gasbesparen door isolatie, hybride warmtepompen en gasvrije alternatieven.</t>
  </si>
  <si>
    <t>Gefaseerd overstappen op een warmtenet met een wijkgerichte aanpak, starten voor 2030. +-3800 woningen</t>
  </si>
  <si>
    <t>Mogelijke bronnen zijn RWZI van Waternet, restwarmte van in de industrie op bedrijventerrein van Houten en een nieuw te realiseren datacenter. Mogelijk in de toekomst ook aan te vullen met aquathermie vanuit het Amsterdam Rijnkanaal.</t>
  </si>
  <si>
    <t>aquathermie (RWZI) en/of restwarmte (industrie) en/of aquathermie (TEO)</t>
  </si>
  <si>
    <t>BU04570101</t>
  </si>
  <si>
    <t>Bedrijventerrein Van Houten</t>
  </si>
  <si>
    <t>WK045701</t>
  </si>
  <si>
    <t>2021BU04570101</t>
  </si>
  <si>
    <t>buurten.e1ac0ca4-1a6d-434e-8e7c-1aa5dca2d199</t>
  </si>
  <si>
    <t>PL0457010008</t>
  </si>
  <si>
    <t>Zuid 1</t>
  </si>
  <si>
    <t>Vanaf 2021 met isolatie en hybride gas besparen. Bij de herijking de warmteoptie opnieuw beoordelen.</t>
  </si>
  <si>
    <t>BU04570102</t>
  </si>
  <si>
    <t>Zuid I</t>
  </si>
  <si>
    <t>2021BU04570102</t>
  </si>
  <si>
    <t>buurten.98a9289b-974a-4474-89ad-090baca6a6fd</t>
  </si>
  <si>
    <t>Aetsveld Noord</t>
  </si>
  <si>
    <t>BU04570103</t>
  </si>
  <si>
    <t>Zuid II</t>
  </si>
  <si>
    <t>2021BU04570103</t>
  </si>
  <si>
    <t>buurten.d9016c72-9323-40cb-9f77-19dfdc6ae551</t>
  </si>
  <si>
    <t>PL0457010009</t>
  </si>
  <si>
    <t>PL0457010012</t>
  </si>
  <si>
    <t>Kosten verschillende warmteopties liggen dichtbij elkaar, onderzoek biedt geen eenduidige uitkomst. Extra aandacht bij de vijfjaarlijkse herijking van de TVW.</t>
  </si>
  <si>
    <t>BU04570104</t>
  </si>
  <si>
    <t>De Klomp</t>
  </si>
  <si>
    <t>2021BU04570104</t>
  </si>
  <si>
    <t>buurten.11e5f92a-70f6-4bfe-8c13-8a6af3835753</t>
  </si>
  <si>
    <t>PL0457010010</t>
  </si>
  <si>
    <t>Vanaf 2021 maatwerk met focus op gas besparen, isolatie en hybride oplossingen</t>
  </si>
  <si>
    <t>BU04570201</t>
  </si>
  <si>
    <t>WK045702</t>
  </si>
  <si>
    <t>2021BU04570201</t>
  </si>
  <si>
    <t>buurten.c4d6facb-d613-49b1-84b7-1e5ac8023d9d</t>
  </si>
  <si>
    <t>PL0457010001</t>
  </si>
  <si>
    <t>BU04570202</t>
  </si>
  <si>
    <t>2021BU04570202</t>
  </si>
  <si>
    <t>buurten.b04a049d-bbc5-43ec-99ea-11cc14afabf4</t>
  </si>
  <si>
    <t>PL0457010002</t>
  </si>
  <si>
    <t>PL0457010006</t>
  </si>
  <si>
    <t>BU04570301</t>
  </si>
  <si>
    <t>Hogewey Noord</t>
  </si>
  <si>
    <t>WK045703</t>
  </si>
  <si>
    <t>2021BU04570301</t>
  </si>
  <si>
    <t>buurten.1e0e1f81-a0c1-4604-bb2a-f29598ddec09</t>
  </si>
  <si>
    <t>PL0457010016</t>
  </si>
  <si>
    <t>Gesprek aangaan met vertegenwoordigers van het bedrijven terrein, mogelijkheden tot collectieve oplossingen verkennen met koplopers.</t>
  </si>
  <si>
    <t>Mogelijk een bronnet op basis van aquathermie ofeen warmte-koude opslag in de bodem (WKO)</t>
  </si>
  <si>
    <t>aquathermie (TEO) en/of WKO</t>
  </si>
  <si>
    <t>BU04570302</t>
  </si>
  <si>
    <t>Hogewey Midden</t>
  </si>
  <si>
    <t>2021BU04570302</t>
  </si>
  <si>
    <t>buurten.d0bdf18a-52ba-4d24-8840-4fe0bd59bd93</t>
  </si>
  <si>
    <t>BU04570303</t>
  </si>
  <si>
    <t>2021BU04570303</t>
  </si>
  <si>
    <t>buurten.15a6bd34-f9f5-42a2-884a-674f19d7b95a</t>
  </si>
  <si>
    <t>PL0457010017</t>
  </si>
  <si>
    <t>BU04570304</t>
  </si>
  <si>
    <t>2021BU04570304</t>
  </si>
  <si>
    <t>buurten.03686e9c-b9b3-4f51-b551-f514631bad62</t>
  </si>
  <si>
    <t>BU04570401</t>
  </si>
  <si>
    <t>WK045704</t>
  </si>
  <si>
    <t>2021BU04570401</t>
  </si>
  <si>
    <t>buurten.191d0090-df79-45a8-b0c6-b5fda1f7c436</t>
  </si>
  <si>
    <t>BU04570402</t>
  </si>
  <si>
    <t>Aetsveld Zuid</t>
  </si>
  <si>
    <t>2021BU04570402</t>
  </si>
  <si>
    <t>buurten.f8b37d6b-df02-4ea4-a968-a0de7eb06f4c</t>
  </si>
  <si>
    <t>PL0457010011</t>
  </si>
  <si>
    <t>BU04570701</t>
  </si>
  <si>
    <t>Aetsveldsepolder</t>
  </si>
  <si>
    <t>WK045707</t>
  </si>
  <si>
    <t>2021BU04570701</t>
  </si>
  <si>
    <t>buurten.11d91743-7d21-4432-8b3f-4d7524d69db7</t>
  </si>
  <si>
    <t>BU04570801</t>
  </si>
  <si>
    <t>Oostelijke Vechtoever</t>
  </si>
  <si>
    <t>WK045708</t>
  </si>
  <si>
    <t>2021BU04570801</t>
  </si>
  <si>
    <t>buurten.99b7c6d6-a4d4-4368-a502-01b03ef93284</t>
  </si>
  <si>
    <t>Bedrijventerrein Nijverheidslaan</t>
  </si>
  <si>
    <t>Gestaag overstappen naar all electric met een doelgroepgerichte aanpak tussen 2021 en 2040</t>
  </si>
  <si>
    <t>BU04570901</t>
  </si>
  <si>
    <t>Leeuwenveld</t>
  </si>
  <si>
    <t>WK045709</t>
  </si>
  <si>
    <t>2021BU04570901</t>
  </si>
  <si>
    <t>buurten.74f552bd-6da6-406c-975e-2fae9cfbf8da</t>
  </si>
  <si>
    <t>PL0457010015</t>
  </si>
  <si>
    <t>Woningen na 1990 kunnen eenvoudig overstappen naar een aardgasvrije optie. Natuurlijke momenten kiezen om de overstap te maken.</t>
  </si>
  <si>
    <t>Hoge isolatiegraad</t>
  </si>
  <si>
    <t>Lucht, bodem of water. Eenkleinschalige WKO behoort in sommige gevallenook tot de mogelijkheden</t>
  </si>
  <si>
    <t>bodemenergie en/of omgevingswarmte en/of WKO</t>
  </si>
  <si>
    <t>BU04570902</t>
  </si>
  <si>
    <t>2021BU04570902</t>
  </si>
  <si>
    <t>buurten.7d746c4a-06d6-4325-b280-85c123e68519</t>
  </si>
  <si>
    <t>PL0457010005</t>
  </si>
  <si>
    <t>BU04570903</t>
  </si>
  <si>
    <t>Weespersluis</t>
  </si>
  <si>
    <t>2021BU04570903</t>
  </si>
  <si>
    <t>buurten.ee8341e6-cc5f-497d-9384-0a6333bc0dfa</t>
  </si>
  <si>
    <t>BU04730101</t>
  </si>
  <si>
    <t>Boulevard Noord</t>
  </si>
  <si>
    <t>WK047301</t>
  </si>
  <si>
    <t>2021BU04730101</t>
  </si>
  <si>
    <t>buurten.679e23c3-fef7-4b93-980f-e7a4519e91c0</t>
  </si>
  <si>
    <t>PL0473010001</t>
  </si>
  <si>
    <t>Boulevard-Noord, Boulevard-Midden, Boulevard-Zuid, Kostverloren e.o., Zandvoortselaan, Brederode Gerkestraat e.o. Zuid</t>
  </si>
  <si>
    <t>Nieuw-Noord (woongebied), Oud-Noord en stationsgebied</t>
  </si>
  <si>
    <t>Bij isolatiemaatregelen moet rekening gehouden worden dat dit voor sommige gebouwen technisch complex is, omdat dit veelal vooroorlogse buurten zijn. Doordat dit oude gebouwen zijn hebben zij waarschijnlijk alle tijd tussen nu en 2050 nodig om het basisn</t>
  </si>
  <si>
    <t>Deze buurten zijn homogeen met veel woningcoorporatiebezit. Deze buurten volgen een buurt- of doelgroepgerichte aanpak waarbij de buurt, of een cluster gebouwen binnen een buurt, in een bepaald tempo aansluit op het warmtenet.</t>
  </si>
  <si>
    <t>Voor het centrum van Zandvoort en aangrenzende buurten, Zuid Duinen en het Zandvoortse deel van Bentveld is gekozen voor het transitiepad Besparen en op termijn duurzaam gas. Dat betekent dat we verwachten dat in deze buurten het gasnet voorlopig blijft</t>
  </si>
  <si>
    <t>(70C warmte) Er is in deze buurt een duurzaam bronperspectief zoals geothermie of aquathermie. In de opstartfase van een nieuw warmtenet zijn vaak nog tijdelijke transitiebronnen nodig, zoals een aardgasgestookte warmtecentrale</t>
  </si>
  <si>
    <t>MT warmte: geothermie, aquathermie</t>
  </si>
  <si>
    <t>BU04730102</t>
  </si>
  <si>
    <t>Stations omgeving</t>
  </si>
  <si>
    <t>2021BU04730102</t>
  </si>
  <si>
    <t>buurten.f416a9b0-b77f-4772-99d0-992d27ddb705</t>
  </si>
  <si>
    <t>PL0473010003</t>
  </si>
  <si>
    <t>BU04730103</t>
  </si>
  <si>
    <t>Oud Noord</t>
  </si>
  <si>
    <t>2021BU04730103</t>
  </si>
  <si>
    <t>buurten.457bf57d-f644-44a3-b217-7e98ba345eff</t>
  </si>
  <si>
    <t>PL0473010002</t>
  </si>
  <si>
    <t>Binnen deze buurten zullen all-electric en lokale bronnetten als opt-out voorkomen. Om de maatschappelijke kosten zo laag mogelijk te houden is opt-out in deze buurten niet wenselijk.</t>
  </si>
  <si>
    <t>Voor deze buurten is het nog onduidelijk welke warmteoptie het meest geschikt is, bijvoorbeeld omdat de kosten van de verschillende warmteopties erg dicht bij elkaar liggen. Zij zijn echter niet zo slecht geisoleerd dat zij aanspraak kunnen maken op duur</t>
  </si>
  <si>
    <t>BU04730104</t>
  </si>
  <si>
    <t>Nieuw Noord - bedrijven</t>
  </si>
  <si>
    <t>2021BU04730104</t>
  </si>
  <si>
    <t>buurten.ca7d74c4-5c48-44c7-a35c-7e2a01eaa24e</t>
  </si>
  <si>
    <t>BU04730105</t>
  </si>
  <si>
    <t>Nieuw Noord - wonen</t>
  </si>
  <si>
    <t>2021BU04730105</t>
  </si>
  <si>
    <t>buurten.9ccd2db6-badd-48d5-9ef6-d8b45d2d518c</t>
  </si>
  <si>
    <t>BU04730106</t>
  </si>
  <si>
    <t>Sport Circuit</t>
  </si>
  <si>
    <t>2021BU04730106</t>
  </si>
  <si>
    <t>buurten.20647d2e-d093-4e52-939e-5248db93aca7</t>
  </si>
  <si>
    <t>BU04730107</t>
  </si>
  <si>
    <t>Recreatiepark</t>
  </si>
  <si>
    <t>2021BU04730107</t>
  </si>
  <si>
    <t>buurten.a316baea-b820-4619-bc30-296f13197402</t>
  </si>
  <si>
    <t>BU04730201</t>
  </si>
  <si>
    <t>Boulevard Midden</t>
  </si>
  <si>
    <t>WK047302</t>
  </si>
  <si>
    <t>2042</t>
  </si>
  <si>
    <t>2021BU04730201</t>
  </si>
  <si>
    <t>buurten.fdfd7864-cb0d-4cfc-a0d2-7c1636fdd62b</t>
  </si>
  <si>
    <t>BU04730202</t>
  </si>
  <si>
    <t>Boulevard Zuid</t>
  </si>
  <si>
    <t>2021BU04730202</t>
  </si>
  <si>
    <t>buurten.cfbd98b3-2d40-4020-b5fe-9f1d7cfa2651</t>
  </si>
  <si>
    <t>Brederode Gerkestraat e.o. Noord, Centrum, Bentveld-Noord, Bentveld-Zuid</t>
  </si>
  <si>
    <t>BU04730203</t>
  </si>
  <si>
    <t>Brederode- Gerkestraat e.o.</t>
  </si>
  <si>
    <t>2021BU04730203</t>
  </si>
  <si>
    <t>buurten.ab278457-5c64-4200-ac04-00e1969f3bd2</t>
  </si>
  <si>
    <t>BU04730204</t>
  </si>
  <si>
    <t>Zandvoortselaan</t>
  </si>
  <si>
    <t>2021BU04730204</t>
  </si>
  <si>
    <t>buurten.c16fdbfc-e642-48eb-8d40-0c6d70c1c29e</t>
  </si>
  <si>
    <t>BU04730205</t>
  </si>
  <si>
    <t>Kostverloren e.o.</t>
  </si>
  <si>
    <t>2021BU04730205</t>
  </si>
  <si>
    <t>buurten.0301239a-b630-4fbd-b3d1-9bd4b2d78afb</t>
  </si>
  <si>
    <t>BU04730206</t>
  </si>
  <si>
    <t>2021BU04730206</t>
  </si>
  <si>
    <t>buurten.f38c9592-759d-4d9c-bbc5-236096632304</t>
  </si>
  <si>
    <t>BU04730301</t>
  </si>
  <si>
    <t>Bentveld Noord</t>
  </si>
  <si>
    <t>WK047303</t>
  </si>
  <si>
    <t>2021BU04730301</t>
  </si>
  <si>
    <t>buurten.e08d0fe5-27d6-4e6c-aa11-7e7be91b2f18</t>
  </si>
  <si>
    <t>BU04730302</t>
  </si>
  <si>
    <t>Bentveld Zuid</t>
  </si>
  <si>
    <t>2021BU04730302</t>
  </si>
  <si>
    <t>buurten.f3be3b46-9972-4390-a8a2-31c6de65cfb7</t>
  </si>
  <si>
    <t>BU04730401</t>
  </si>
  <si>
    <t>Noord strand</t>
  </si>
  <si>
    <t>WK047304</t>
  </si>
  <si>
    <t>2021BU04730401</t>
  </si>
  <si>
    <t>buurten.36dc0d53-d152-43d0-9970-4bba79bac009</t>
  </si>
  <si>
    <t>BU04730402</t>
  </si>
  <si>
    <t>Zuid strand</t>
  </si>
  <si>
    <t>2021BU04730402</t>
  </si>
  <si>
    <t>buurten.a1ac26ed-9506-4d35-967a-a22fbbf719e7</t>
  </si>
  <si>
    <t>BU04730403</t>
  </si>
  <si>
    <t>Zuid duinen</t>
  </si>
  <si>
    <t>2021BU04730403</t>
  </si>
  <si>
    <t>buurten.c5fa69ee-4173-4cc4-a07b-483d609a8ecd</t>
  </si>
  <si>
    <t>PL0377010017</t>
  </si>
  <si>
    <t>BU04730404</t>
  </si>
  <si>
    <t>Noord duinen</t>
  </si>
  <si>
    <t>2021BU04730404</t>
  </si>
  <si>
    <t>buurten.2e09aa2f-47ac-4df1-8fa7-15e45909b624</t>
  </si>
  <si>
    <t>BU04791110</t>
  </si>
  <si>
    <t>Achtersluispolder</t>
  </si>
  <si>
    <t>WK047911</t>
  </si>
  <si>
    <t>2021BU04791110</t>
  </si>
  <si>
    <t>buurten.339dfdf9-b488-4771-97c2-c3bdf4e2af58</t>
  </si>
  <si>
    <t>BU04791120</t>
  </si>
  <si>
    <t>2021BU04791120</t>
  </si>
  <si>
    <t>buurten.91575d01-c3aa-4261-8f06-4266055b7310</t>
  </si>
  <si>
    <t>BU04791130</t>
  </si>
  <si>
    <t>2021BU04791130</t>
  </si>
  <si>
    <t>buurten.29993bd3-de26-46c6-97e4-d621d6f8850a</t>
  </si>
  <si>
    <t>BU04791210</t>
  </si>
  <si>
    <t>WK047912</t>
  </si>
  <si>
    <t>2021BU04791210</t>
  </si>
  <si>
    <t>buurten.28132550-6edb-4c5d-bead-f35740bae827</t>
  </si>
  <si>
    <t>PL0479010001</t>
  </si>
  <si>
    <t>Zaandam Oost: Hoornseveld, Peldersveld, Kogerveld, Poelenburg, Rosmolenbuurt-Zuid, Oud West-Zuid (eerste fase)</t>
  </si>
  <si>
    <t>BU04791310</t>
  </si>
  <si>
    <t>Peldersveld</t>
  </si>
  <si>
    <t>WK047913</t>
  </si>
  <si>
    <t>2021BU04791310</t>
  </si>
  <si>
    <t>buurten.78d663a7-ec42-428e-9388-1265989feea8</t>
  </si>
  <si>
    <t>BU04791320</t>
  </si>
  <si>
    <t>Hoornseveld</t>
  </si>
  <si>
    <t>2021BU04791320</t>
  </si>
  <si>
    <t>buurten.477b4d37-d38c-4572-9bd0-fc416f18c14e</t>
  </si>
  <si>
    <t>BU04791410</t>
  </si>
  <si>
    <t>Rosmolenbuurt</t>
  </si>
  <si>
    <t>WK047914</t>
  </si>
  <si>
    <t>2021BU04791410</t>
  </si>
  <si>
    <t>buurten.2ef34bce-7d28-4d5b-bef0-88e95b0b52f6</t>
  </si>
  <si>
    <t>BU04791510</t>
  </si>
  <si>
    <t>Kogerveld</t>
  </si>
  <si>
    <t>WK047915</t>
  </si>
  <si>
    <t>2021BU04791510</t>
  </si>
  <si>
    <t>buurten.684ac78b-d516-47a6-80f1-7c23b8e1caa4</t>
  </si>
  <si>
    <t>BU04791520</t>
  </si>
  <si>
    <t>Boerejonkerbuurt</t>
  </si>
  <si>
    <t>2021BU04791520</t>
  </si>
  <si>
    <t>buurten.3e5b6e05-8bfc-4bee-bc35-bbdc89591008</t>
  </si>
  <si>
    <t>BU04791610</t>
  </si>
  <si>
    <t>Kalf</t>
  </si>
  <si>
    <t>WK047916</t>
  </si>
  <si>
    <t>2021BU04791610</t>
  </si>
  <si>
    <t>buurten.95e42082-ad9c-470e-ab47-035efe60a822</t>
  </si>
  <si>
    <t>BU04791620</t>
  </si>
  <si>
    <t>Zaanse Schans</t>
  </si>
  <si>
    <t>2021BU04791620</t>
  </si>
  <si>
    <t>buurten.b7980da5-4012-4632-bbc1-7ff4d37fb9cc</t>
  </si>
  <si>
    <t>BU04792110</t>
  </si>
  <si>
    <t>WK047921</t>
  </si>
  <si>
    <t>2021BU04792110</t>
  </si>
  <si>
    <t>buurten.6981c0d4-0189-442b-864e-255408de2476</t>
  </si>
  <si>
    <t>BU04792120</t>
  </si>
  <si>
    <t>2021BU04792120</t>
  </si>
  <si>
    <t>buurten.c4f56b21-ed86-41e0-a194-64562814d235</t>
  </si>
  <si>
    <t>BU04792130</t>
  </si>
  <si>
    <t>Het Eiland</t>
  </si>
  <si>
    <t>2021BU04792130</t>
  </si>
  <si>
    <t>buurten.2e8730bd-63e7-4037-bc82-f9a930ef4662</t>
  </si>
  <si>
    <t>BU04792140</t>
  </si>
  <si>
    <t>Russische buurt</t>
  </si>
  <si>
    <t>2021BU04792140</t>
  </si>
  <si>
    <t>buurten.85741360-13b5-45e6-9112-f3066aa5abf3</t>
  </si>
  <si>
    <t>BU04792210</t>
  </si>
  <si>
    <t>WK047922</t>
  </si>
  <si>
    <t>2021BU04792210</t>
  </si>
  <si>
    <t>buurten.461585d3-8d14-42e8-9f52-3ef7769b95b9</t>
  </si>
  <si>
    <t>BU04792220</t>
  </si>
  <si>
    <t>2021BU04792220</t>
  </si>
  <si>
    <t>buurten.a2f503a9-904a-4433-93c4-4bebcafd77a0</t>
  </si>
  <si>
    <t>BU04792230</t>
  </si>
  <si>
    <t>Schilders- en Waddenbuurt</t>
  </si>
  <si>
    <t>2021BU04792230</t>
  </si>
  <si>
    <t>buurten.43d2c3a9-5c2c-4f48-b1f1-3e15fb237fe4</t>
  </si>
  <si>
    <t>BU04792310</t>
  </si>
  <si>
    <t>Westerspoor</t>
  </si>
  <si>
    <t>WK047923</t>
  </si>
  <si>
    <t>2021BU04792310</t>
  </si>
  <si>
    <t>buurten.9e178cd0-fb22-4ade-9477-60e280af5667</t>
  </si>
  <si>
    <t>BU04792320</t>
  </si>
  <si>
    <t>Westerwatering</t>
  </si>
  <si>
    <t>2021BU04792320</t>
  </si>
  <si>
    <t>buurten.c9dcbed3-3a3f-4d34-a95c-8a43f17ff60a</t>
  </si>
  <si>
    <t>BU04793110</t>
  </si>
  <si>
    <t>Oud Koog</t>
  </si>
  <si>
    <t>WK047931</t>
  </si>
  <si>
    <t>2021BU04793110</t>
  </si>
  <si>
    <t>buurten.a5feb469-a533-44bf-a2e3-48a9cdeb340f</t>
  </si>
  <si>
    <t>BU04793210</t>
  </si>
  <si>
    <t>Westerkoog</t>
  </si>
  <si>
    <t>WK047932</t>
  </si>
  <si>
    <t>2021BU04793210</t>
  </si>
  <si>
    <t>buurten.dd79f5d4-771c-418b-ae66-774cddb85d36</t>
  </si>
  <si>
    <t>BU04794110</t>
  </si>
  <si>
    <t>Oud Zaandijk</t>
  </si>
  <si>
    <t>WK047941</t>
  </si>
  <si>
    <t>2021BU04794110</t>
  </si>
  <si>
    <t>buurten.fea7459b-5bab-4648-9c27-98201ff94d2e</t>
  </si>
  <si>
    <t>BU04794210</t>
  </si>
  <si>
    <t>Rooswijk</t>
  </si>
  <si>
    <t>WK047942</t>
  </si>
  <si>
    <t>2021BU04794210</t>
  </si>
  <si>
    <t>buurten.3d1e1db3-3bc6-4915-87b4-ff72ba67db4f</t>
  </si>
  <si>
    <t>BU04794220</t>
  </si>
  <si>
    <t>Rooswijk Noord</t>
  </si>
  <si>
    <t>2021BU04794220</t>
  </si>
  <si>
    <t>buurten.9e13f1a2-234b-4823-974e-d69d95ebae2f</t>
  </si>
  <si>
    <t>BU04795110</t>
  </si>
  <si>
    <t>Wormerveer Zuid</t>
  </si>
  <si>
    <t>WK047951</t>
  </si>
  <si>
    <t>2021BU04795110</t>
  </si>
  <si>
    <t>buurten.e9daed41-a9b2-4ac3-904a-ff1d3be8b0e8</t>
  </si>
  <si>
    <t>PL0479010005</t>
  </si>
  <si>
    <t>Zaanstad-Noord, Krommenie, Wormerveer: Snuiverbuurt, Rosariumbuurt, Noorderham, Zuiderham, Wormerveer Noord (tweede fase)</t>
  </si>
  <si>
    <t>kansrijk voor lokaal warmtenet. Starten met tijdelijke voorziening. Op termijn aquathermie, (ondiepe) geothermie of restwarmte, starten met all electric bij sloop/nieuwbouw</t>
  </si>
  <si>
    <t>aquathermie en/of (ondiepe) geothermie en/of restwarmte (op termijn)</t>
  </si>
  <si>
    <t>aquathermie en/of geothermie (ondiep) en/of restwarmte (op termijn)</t>
  </si>
  <si>
    <t>aquathermie, geothermie, restwarmte</t>
  </si>
  <si>
    <t>BU04795120</t>
  </si>
  <si>
    <t>Guisveld</t>
  </si>
  <si>
    <t>2021BU04795120</t>
  </si>
  <si>
    <t>buurten.6e88c9b2-295e-4f88-8fc7-2cefd2f138d1</t>
  </si>
  <si>
    <t>BU04795130</t>
  </si>
  <si>
    <t>Wormerveer Noord</t>
  </si>
  <si>
    <t>2021BU04795130</t>
  </si>
  <si>
    <t>buurten.2ddf25c8-2e3a-448f-90f1-0f9568a49277</t>
  </si>
  <si>
    <t>BU04795140</t>
  </si>
  <si>
    <t>Karnemelksepolder</t>
  </si>
  <si>
    <t>2021BU04795140</t>
  </si>
  <si>
    <t>buurten.e3596af5-a019-4e05-bb23-4fdb70d58cef</t>
  </si>
  <si>
    <t>BU04795150</t>
  </si>
  <si>
    <t>Westknollendam</t>
  </si>
  <si>
    <t>2021BU04795150</t>
  </si>
  <si>
    <t>buurten.9c22a464-661c-40ad-a01b-e5b56cca3cb8</t>
  </si>
  <si>
    <t>BU04795160</t>
  </si>
  <si>
    <t>Industriebuurt</t>
  </si>
  <si>
    <t>2021BU04795160</t>
  </si>
  <si>
    <t>buurten.5c611f7b-3228-4f92-84e8-88d600e37747</t>
  </si>
  <si>
    <t>BU04796110</t>
  </si>
  <si>
    <t>Zuiderhoofdbuurt</t>
  </si>
  <si>
    <t>WK047961</t>
  </si>
  <si>
    <t>2021BU04796110</t>
  </si>
  <si>
    <t>buurten.bac24676-4cf5-46ad-b5c1-2c52e1c2983d</t>
  </si>
  <si>
    <t>Zaanstad-Noord, Krommenie, Wormerveer: Snuiverbuurt, Rosariumbuurt, Noorderham, Zuiderham, Wormerveer Noord (eerste of tweede fase)</t>
  </si>
  <si>
    <t>BU04796120</t>
  </si>
  <si>
    <t>Noorderhoofdbuurt</t>
  </si>
  <si>
    <t>2021BU04796120</t>
  </si>
  <si>
    <t>buurten.84f5ec24-20f9-425e-9592-d8cebdb20ee2</t>
  </si>
  <si>
    <t>BU04796130</t>
  </si>
  <si>
    <t>Snuiverbuurt</t>
  </si>
  <si>
    <t>2021BU04796130</t>
  </si>
  <si>
    <t>buurten.b227b302-3f35-4c85-b4c0-9e26f302281b</t>
  </si>
  <si>
    <t>PL0479010002</t>
  </si>
  <si>
    <t>Zaanstad-Noord, Krommenie, Wormerveer: Snuiverbuurt, Rosariumbuurt, Noorderham, Zuiderham, Wormerveer Noord (eerste fase)</t>
  </si>
  <si>
    <t>BU04796140</t>
  </si>
  <si>
    <t>Rosariumbuurt</t>
  </si>
  <si>
    <t>2021BU04796140</t>
  </si>
  <si>
    <t>buurten.c8dde2fe-ffc5-4c76-b3f6-df99e3dbb5a7</t>
  </si>
  <si>
    <t>BU04796210</t>
  </si>
  <si>
    <t>Zuiderham</t>
  </si>
  <si>
    <t>WK047962</t>
  </si>
  <si>
    <t>2021BU04796210</t>
  </si>
  <si>
    <t>buurten.d23b9872-b618-4ab6-8f85-3bcfabfc86f0</t>
  </si>
  <si>
    <t>BU04796220</t>
  </si>
  <si>
    <t>Noorderham</t>
  </si>
  <si>
    <t>2021BU04796220</t>
  </si>
  <si>
    <t>buurten.fc2dee46-f329-4f63-9dde-327a6364a4b5</t>
  </si>
  <si>
    <t>BU04796230</t>
  </si>
  <si>
    <t>Krommeniedijk</t>
  </si>
  <si>
    <t>2021BU04796230</t>
  </si>
  <si>
    <t>buurten.5a546f24-2951-4933-8ac0-27e55862cbb2</t>
  </si>
  <si>
    <t>BU04796240</t>
  </si>
  <si>
    <t>Willis</t>
  </si>
  <si>
    <t>2021BU04796240</t>
  </si>
  <si>
    <t>buurten.4132d04e-23b3-41c1-b062-9d5beec26fa6</t>
  </si>
  <si>
    <t>BU04797110</t>
  </si>
  <si>
    <t>WK047971</t>
  </si>
  <si>
    <t>2021BU04797110</t>
  </si>
  <si>
    <t>buurten.865c5ea8-a9cb-4375-affc-2f63e4f686c4</t>
  </si>
  <si>
    <t>BU04797120</t>
  </si>
  <si>
    <t>2021BU04797120</t>
  </si>
  <si>
    <t>buurten.91641041-9fc3-4499-920f-14df00518f77</t>
  </si>
  <si>
    <t>BU04797130</t>
  </si>
  <si>
    <t>Westerpolder</t>
  </si>
  <si>
    <t>2021BU04797130</t>
  </si>
  <si>
    <t>buurten.3c3a4790-e4e6-444a-ab09-57612259a1dc</t>
  </si>
  <si>
    <t>BU04797210</t>
  </si>
  <si>
    <t>Waterrijk</t>
  </si>
  <si>
    <t>WK047972</t>
  </si>
  <si>
    <t>2021BU04797210</t>
  </si>
  <si>
    <t>buurten.67ffa89d-44ab-48bd-93a4-e82d87a36fe4</t>
  </si>
  <si>
    <t>BU04797220</t>
  </si>
  <si>
    <t>Langeheit</t>
  </si>
  <si>
    <t>2021BU04797220</t>
  </si>
  <si>
    <t>buurten.f8ee66b1-05ab-4aac-83cd-e7f77cbff806</t>
  </si>
  <si>
    <t>BU04797230</t>
  </si>
  <si>
    <t>Parkrijk</t>
  </si>
  <si>
    <t>2021BU04797230</t>
  </si>
  <si>
    <t>buurten.abb34e9b-8128-4b3b-9d20-e3eea4e896b8</t>
  </si>
  <si>
    <t>BU04798110</t>
  </si>
  <si>
    <t>Westzanerpolder</t>
  </si>
  <si>
    <t>WK047981</t>
  </si>
  <si>
    <t>2021BU04798110</t>
  </si>
  <si>
    <t>buurten.99ddeef7-4423-4e83-8ff6-7ea51e079c01</t>
  </si>
  <si>
    <t>BU04798120</t>
  </si>
  <si>
    <t>Westzaan Zuid</t>
  </si>
  <si>
    <t>2021BU04798120</t>
  </si>
  <si>
    <t>buurten.9e06d4b4-9e1c-497d-98f8-e0bad316e026</t>
  </si>
  <si>
    <t>BU04798130</t>
  </si>
  <si>
    <t>J.J. Allanbuurt</t>
  </si>
  <si>
    <t>2021BU04798130</t>
  </si>
  <si>
    <t>buurten.13d6f45d-ed31-49d5-baaf-93bff75254b8</t>
  </si>
  <si>
    <t>BU04798140</t>
  </si>
  <si>
    <t>Westzaan Noord</t>
  </si>
  <si>
    <t>2021BU04798140</t>
  </si>
  <si>
    <t>buurten.563c5b6c-ce5e-44e9-b3f4-f106620ac0ef</t>
  </si>
  <si>
    <t>BU04798150</t>
  </si>
  <si>
    <t>Middel</t>
  </si>
  <si>
    <t>2021BU04798150</t>
  </si>
  <si>
    <t>buurten.2411934d-6691-4e6c-a45d-dacb331e5c85</t>
  </si>
  <si>
    <t>BU04820101</t>
  </si>
  <si>
    <t>Cortgene</t>
  </si>
  <si>
    <t>WK048201</t>
  </si>
  <si>
    <t>GM0482</t>
  </si>
  <si>
    <t>Alblasserdam</t>
  </si>
  <si>
    <t>2021BU04820101</t>
  </si>
  <si>
    <t>buurten.c0d7f6f1-fced-4bea-a2aa-11eda083c97b</t>
  </si>
  <si>
    <t>GM0531</t>
  </si>
  <si>
    <t>Hendrik-Ido-Ambacht</t>
  </si>
  <si>
    <t>energieneutraal voor 2050</t>
  </si>
  <si>
    <t>DC048201</t>
  </si>
  <si>
    <t>DC053101</t>
  </si>
  <si>
    <t>Transitievisie Warmte 2021 Hendrik-Ido-Ambacht</t>
  </si>
  <si>
    <t>Transitievisie Warmte Alblasserdam 2021</t>
  </si>
  <si>
    <t>2021-07-05</t>
  </si>
  <si>
    <t>Wet Collectieve Warmte is nodig, 2-3FTE nodig voor uitvoeringscapaciteit</t>
  </si>
  <si>
    <t>stap voor stap, haalbaar en betaalbaar</t>
  </si>
  <si>
    <t>handelingsperspectief voor alle partijen</t>
  </si>
  <si>
    <t>in 2050 aardgasvrij, in 2030 20% aardgasvrij.</t>
  </si>
  <si>
    <t>https://hendrikidoambacht.raadsinformatie.nl/vergadering/813278</t>
  </si>
  <si>
    <t>https://raad.alblasserdam.nl/Documenten/Transitievisie-Warmte-Alblasserdam-2021-1.pdf</t>
  </si>
  <si>
    <t>PL0482010001</t>
  </si>
  <si>
    <t>PL0531010005</t>
  </si>
  <si>
    <t>Bedrijventerrein Antoniapolder</t>
  </si>
  <si>
    <t>warmtenet op lange termijn</t>
  </si>
  <si>
    <t>perspectiefschets</t>
  </si>
  <si>
    <t>tussenoplossing</t>
  </si>
  <si>
    <t>lokale validatie onderzoeksbeeld, later opnieuw beoordelen</t>
  </si>
  <si>
    <t>70% gas besparen</t>
  </si>
  <si>
    <t>BU04820102</t>
  </si>
  <si>
    <t>Redersbuurt</t>
  </si>
  <si>
    <t>2021BU04820102</t>
  </si>
  <si>
    <t>buurten.095f5ad3-89c6-4993-bcf1-85cbbd781faf</t>
  </si>
  <si>
    <t>PL0482010008</t>
  </si>
  <si>
    <t>nieuwe wijken all electric</t>
  </si>
  <si>
    <t>lokale validatie onderzoeksbeeld, voldoende deelname en beschikbaarheid bronnen</t>
  </si>
  <si>
    <t>lokale validatie onderzoeksbeeld,niet benoemd</t>
  </si>
  <si>
    <t>BU04820103</t>
  </si>
  <si>
    <t>kerkbuurt</t>
  </si>
  <si>
    <t>2021BU04820103</t>
  </si>
  <si>
    <t>buurten.547222ee-fb83-4d5d-ae20-359d3ce77396</t>
  </si>
  <si>
    <t>besparingsbuurten midden</t>
  </si>
  <si>
    <t>BU04820104</t>
  </si>
  <si>
    <t>Polderbuurt</t>
  </si>
  <si>
    <t>2021BU04820104</t>
  </si>
  <si>
    <t>buurten.dea31723-b7d6-455f-a456-e59df830c477</t>
  </si>
  <si>
    <t>PL0482010002</t>
  </si>
  <si>
    <t>bedrijventerreinen</t>
  </si>
  <si>
    <t>transformatiegebieden</t>
  </si>
  <si>
    <t>lokale validatie onderzoeksbeeld</t>
  </si>
  <si>
    <t>BU04820105</t>
  </si>
  <si>
    <t>2021BU04820105</t>
  </si>
  <si>
    <t>buurten.7e47fb17-ef34-464d-9a8d-fbee0fe7c69f</t>
  </si>
  <si>
    <t>BU04820201</t>
  </si>
  <si>
    <t>Dijk</t>
  </si>
  <si>
    <t>WK048202</t>
  </si>
  <si>
    <t>2021BU04820201</t>
  </si>
  <si>
    <t>buurten.ba4867d6-c4b3-4650-a671-ca1c8c5a3d03</t>
  </si>
  <si>
    <t>GM0597</t>
  </si>
  <si>
    <t>Ridderkerk</t>
  </si>
  <si>
    <t>DC059701</t>
  </si>
  <si>
    <t>Wonen in Ridderkerk zonder aardgas. Warmtevisie: de route naar 2050</t>
  </si>
  <si>
    <t>2020-06-01</t>
  </si>
  <si>
    <t>richting geven voor de middellange (tot 2030) en de lange termijn (tot 2050).</t>
  </si>
  <si>
    <t>https://www.ridderkerk.nl/warmtevisie-de-route-naar-2050</t>
  </si>
  <si>
    <t>PL0597010003</t>
  </si>
  <si>
    <t>warmtenet middellange termijn</t>
  </si>
  <si>
    <t>Bronnet + Koudenet</t>
  </si>
  <si>
    <t>BU04820202</t>
  </si>
  <si>
    <t>2021BU04820202</t>
  </si>
  <si>
    <t>buurten.6c51c9ee-fe1a-4402-b6c3-588a107d370b</t>
  </si>
  <si>
    <t>PL0482010004</t>
  </si>
  <si>
    <t>PL0482010007</t>
  </si>
  <si>
    <t>besparingsbuurten west</t>
  </si>
  <si>
    <t>perspectief</t>
  </si>
  <si>
    <t>TEO en/of middeldiepe geothermie</t>
  </si>
  <si>
    <t>aquathermie (TEO) en/of geothermie</t>
  </si>
  <si>
    <t>BU04820203</t>
  </si>
  <si>
    <t>2021BU04820203</t>
  </si>
  <si>
    <t>buurten.d1f303ca-4ed8-4315-b22b-0aee1deeaf0c</t>
  </si>
  <si>
    <t>PL0482010005</t>
  </si>
  <si>
    <t>BU04820204</t>
  </si>
  <si>
    <t>Groene Long</t>
  </si>
  <si>
    <t>2021BU04820204</t>
  </si>
  <si>
    <t>buurten.ec1404bb-d6b9-413c-aad9-a85de354fd33</t>
  </si>
  <si>
    <t>BU04820205</t>
  </si>
  <si>
    <t>2021BU04820205</t>
  </si>
  <si>
    <t>buurten.2218bc68-9f02-4ee8-a1c5-56056618810b</t>
  </si>
  <si>
    <t>BU04820206</t>
  </si>
  <si>
    <t>Nieuw Kinderdijk</t>
  </si>
  <si>
    <t>2021BU04820206</t>
  </si>
  <si>
    <t>buurten.bd896fa7-628f-4e13-af5b-5d97f5585d5f</t>
  </si>
  <si>
    <t>BU04820301</t>
  </si>
  <si>
    <t>Zeelt</t>
  </si>
  <si>
    <t>WK048203</t>
  </si>
  <si>
    <t>2021BU04820301</t>
  </si>
  <si>
    <t>buurten.c6dc2149-a811-4540-bb3c-49e17cab11b2</t>
  </si>
  <si>
    <t>BU04820302</t>
  </si>
  <si>
    <t>Middelland</t>
  </si>
  <si>
    <t>2021BU04820302</t>
  </si>
  <si>
    <t>buurten.41e97fc2-e70c-428d-af8e-a8699f723cde</t>
  </si>
  <si>
    <t>BU04820303</t>
  </si>
  <si>
    <t>Blokweer Noord</t>
  </si>
  <si>
    <t>2021BU04820303</t>
  </si>
  <si>
    <t>buurten.c6659b30-c804-4bb4-a75d-87d33f6d6916</t>
  </si>
  <si>
    <t>BU04820304</t>
  </si>
  <si>
    <t>Blokweer Zuid</t>
  </si>
  <si>
    <t>2021BU04820304</t>
  </si>
  <si>
    <t>buurten.3811ac3c-3f94-4cc5-99b5-7630b6b9bdc5</t>
  </si>
  <si>
    <t>BU04820305</t>
  </si>
  <si>
    <t>Drentsebuurt</t>
  </si>
  <si>
    <t>2021BU04820305</t>
  </si>
  <si>
    <t>buurten.c708708c-1eab-40ce-971a-cded55aa8824</t>
  </si>
  <si>
    <t>BU04820306</t>
  </si>
  <si>
    <t>2021BU04820306</t>
  </si>
  <si>
    <t>buurten.42c04e6a-9b42-47b5-a01a-2a663edb3f69</t>
  </si>
  <si>
    <t>BU04820307</t>
  </si>
  <si>
    <t>2021BU04820307</t>
  </si>
  <si>
    <t>buurten.adf18419-04aa-4608-8665-ec942736e1d5</t>
  </si>
  <si>
    <t>BU04820401</t>
  </si>
  <si>
    <t>WK048204</t>
  </si>
  <si>
    <t>2021BU04820401</t>
  </si>
  <si>
    <t>buurten.57d8e371-b489-44a7-b8b0-dca15fbf5603</t>
  </si>
  <si>
    <t>oude wijken all electric</t>
  </si>
  <si>
    <t>BU04820402</t>
  </si>
  <si>
    <t>2021BU04820402</t>
  </si>
  <si>
    <t>buurten.e72becf4-35f6-472a-91c1-186fd7cca989</t>
  </si>
  <si>
    <t>BU04820403</t>
  </si>
  <si>
    <t>Klein Alblas</t>
  </si>
  <si>
    <t>2021BU04820403</t>
  </si>
  <si>
    <t>buurten.42e91e4a-9823-49f7-8e2d-480059b7cede</t>
  </si>
  <si>
    <t>BU04820404</t>
  </si>
  <si>
    <t>2021BU04820404</t>
  </si>
  <si>
    <t>buurten.7c87a49c-63c6-44f4-9081-277b91eefee6</t>
  </si>
  <si>
    <t>BU04820501</t>
  </si>
  <si>
    <t>Vinkenwaard</t>
  </si>
  <si>
    <t>WK048205</t>
  </si>
  <si>
    <t>2021BU04820501</t>
  </si>
  <si>
    <t>buurten.27db4cd4-c113-476d-bc51-300283f9bac5</t>
  </si>
  <si>
    <t>GM0590</t>
  </si>
  <si>
    <t>Papendrecht</t>
  </si>
  <si>
    <t>DC059001</t>
  </si>
  <si>
    <t>Transitievisie Warmte 2021</t>
  </si>
  <si>
    <t>op grote schaal haalbaar en betaalbaar. Landelijk moet financiele kaders in orde worden gemaakt en wetgeving (met name de WCW)</t>
  </si>
  <si>
    <t>perspectief bieden en criteria uitstippelen om samen de warmtetransitie vorm te geven</t>
  </si>
  <si>
    <t>Aardgasvrij in 2050. + In RES verband in regio Drechtsteden 25000 WEQ aardgasvrij in 2030 (20%)</t>
  </si>
  <si>
    <t>https://papendrecht.nl/Inwoners/Overzicht_Inwoners/Duurzaam_Papendrecht/Documenten_Transitievisie_Warmte</t>
  </si>
  <si>
    <t>PL0590010004</t>
  </si>
  <si>
    <t>BU04820502</t>
  </si>
  <si>
    <t>Hoogendijk</t>
  </si>
  <si>
    <t>2021BU04820502</t>
  </si>
  <si>
    <t>buurten.d5d1f9f0-c9b1-4850-a953-327af9df408e</t>
  </si>
  <si>
    <t>PL0482010003</t>
  </si>
  <si>
    <t>PL0482010006</t>
  </si>
  <si>
    <t>lokale validatie onderzoeksbeeld,aansluiten bij tempogebiedsontwikkeling</t>
  </si>
  <si>
    <t>BU04820503</t>
  </si>
  <si>
    <t>2021BU04820503</t>
  </si>
  <si>
    <t>buurten.a9d68ee1-b799-4981-a24b-fdf3832532a6</t>
  </si>
  <si>
    <t>PL0590010005</t>
  </si>
  <si>
    <t>lokale omstandigheden van individuele bedrijven</t>
  </si>
  <si>
    <t>WKO en/of geothermie en/of aquathermie (TEO)</t>
  </si>
  <si>
    <t>aquathermie, WKO, geothermie</t>
  </si>
  <si>
    <t>18</t>
  </si>
  <si>
    <t>BU04820601</t>
  </si>
  <si>
    <t>Polder Blokweer</t>
  </si>
  <si>
    <t>WK048206</t>
  </si>
  <si>
    <t>2021BU04820601</t>
  </si>
  <si>
    <t>buurten.41c5df93-ee27-4744-8c28-db2815011a2e</t>
  </si>
  <si>
    <t>BU04820602</t>
  </si>
  <si>
    <t>Polder Kortland</t>
  </si>
  <si>
    <t>2021BU04820602</t>
  </si>
  <si>
    <t>buurten.dcec957b-3df9-454a-a24a-c94be9e6000d</t>
  </si>
  <si>
    <t>BU04820603</t>
  </si>
  <si>
    <t>Polder Souburgh</t>
  </si>
  <si>
    <t>2021BU04820603</t>
  </si>
  <si>
    <t>buurten.d3899de9-9f15-487f-b8e2-6aee6dfd5cbd</t>
  </si>
  <si>
    <t>BU04820604</t>
  </si>
  <si>
    <t>Polder Vinkenwaard</t>
  </si>
  <si>
    <t>2021BU04820604</t>
  </si>
  <si>
    <t>buurten.2704abc5-5dfc-4e47-938c-55a151ae4aec</t>
  </si>
  <si>
    <t>BU04840101</t>
  </si>
  <si>
    <t>Gnephoek</t>
  </si>
  <si>
    <t>WK048401</t>
  </si>
  <si>
    <t>GM0484</t>
  </si>
  <si>
    <t>Alphen aan den Rijn</t>
  </si>
  <si>
    <t>2021BU04840101</t>
  </si>
  <si>
    <t>buurten.157e5dc8-4000-4f5d-8d3f-2a3bf824e31e</t>
  </si>
  <si>
    <t>CO2-neutraal en aardgasvrij in 2050</t>
  </si>
  <si>
    <t>DC048401</t>
  </si>
  <si>
    <t>Transitievisie WarmteGemeente Alphen aan den Rijn</t>
  </si>
  <si>
    <t>2022-04-01</t>
  </si>
  <si>
    <t>Procesmatige uitgangspuntenVerantwoord tempo voor verduurzamingDe gemeente wil geen verwachtingen wekken die zij niet waar kan makenGemeente als procesregisseurGemeente (en netbeheerder) als (voor) mede-investeerder. Belangen bewoners en bedrijvenBetaalb</t>
  </si>
  <si>
    <t>Vanaf 2022 wordt er gestart met een duidelijk traject, waarin de gemeente samen met haar stakeholders aan de slag gaat met het opstellen van uitvoeringsplannen. Deze wijkuitvoeringsplannen zijn gericht op aardgasvrij, maar ook tussenstappen en (tijdelijk</t>
  </si>
  <si>
    <t>Inzet op energiebesparing, geen spijtprincipe. De ambitie voor 2030 is dat 20% van de Alphense woningvoorraad verduurzaamd en aardgasvrij (ready) gemaakt wordt. Dat komt neerop ongeveer 9.500 woningen. Doelen voor 2030: Energiebesparing van 1,5 procent p</t>
  </si>
  <si>
    <t>https://www.alphenaandenrijn.nl/Onderwerpen/duurzaamheid/Aardgasvrij/Gemeente_Alphen_aan_den_Rijn_aardgasvrijransitievisie_warmteransitievisie_warmte</t>
  </si>
  <si>
    <t>PL0484010006</t>
  </si>
  <si>
    <t>In concept (afwachtend). De gemeente wil inwoners en ondernemers zo lang mogelijk de tijd geven om warmteoplossingen te implementeren en kiest daarom voor een natuurlijk tempo: niet de hele buurt tegelijk, maar elk gebouw op een enatuurlijk moment, bijvo</t>
  </si>
  <si>
    <t>verkennend. Als er zich in naastgelegen wijken ontwikkelingen voordoen, zal de gemeente overwegen om ook deze nabijgelegen bedrijventerreinen te betrekken.</t>
  </si>
  <si>
    <t>Voorkeursoptie. Warmtenet op midden- of lage temperatuur met als warmtebron aquathermie (Oude Rijn) en/of zonthermie.</t>
  </si>
  <si>
    <t>voorsorterend. Voor deze buurten liggen individuele warmteoplossingen per gebouw voor de hand; een buurtaanpak biedt amper voordelen.</t>
  </si>
  <si>
    <t>Aandachtspunt is het lage corporatiebezit in deze buurt: 17%. De buurtinitiatieven en de gemeente zullen cruciale rollen spelen in de ontwikkeling van een buurtoplossing. Verder is het rijtje woningen in het Zuiden van Ridderveld-West, direct aan de Oude</t>
  </si>
  <si>
    <t>Aardgasvrij in 2050 (op natuurlijk tempo)</t>
  </si>
  <si>
    <t>Elektra en omgevingswarmte of aquathermie, RWZI, restwarmte</t>
  </si>
  <si>
    <t>omgevingswarmte en/of gas en/of aquathermie (RWZI) en/of bodemenergie</t>
  </si>
  <si>
    <t>BU04840102</t>
  </si>
  <si>
    <t>Woubrugseweg</t>
  </si>
  <si>
    <t>2021BU04840102</t>
  </si>
  <si>
    <t>buurten.77f344be-bb02-4d28-ba76-f95f2a1ec41e</t>
  </si>
  <si>
    <t>omgevingswarmte en/of aquathermie (RWZI) en/of restwarmte</t>
  </si>
  <si>
    <t>BU04840103</t>
  </si>
  <si>
    <t>Heuvelweg</t>
  </si>
  <si>
    <t>2021BU04840103</t>
  </si>
  <si>
    <t>buurten.56960ae8-4f37-4b84-8174-a4f08335c77a</t>
  </si>
  <si>
    <t>Ridderveld West</t>
  </si>
  <si>
    <t>In concept (onderzoekend). Dit zijn buurten die waarschijnlijk op korte termijn aardgasvrij zouden kunnen worden. Voor deze buurten wordt vanaf 2021 met haalbaarheidsonderzoeken gestart. Het is belangrijk om te benadrukken dat weliswaar in deze buurten g</t>
  </si>
  <si>
    <t>BU04840104</t>
  </si>
  <si>
    <t>Weteringpark</t>
  </si>
  <si>
    <t>2021BU04840104</t>
  </si>
  <si>
    <t>buurten.e0e69902-89b8-49d3-a590-3ff71b863614</t>
  </si>
  <si>
    <t>PL0484010026</t>
  </si>
  <si>
    <t>Het centrale uitgangspunt is de transformatie naar een energiesysteem dat duurzaam, betrouwbaar, haalbaar en betaalbaar is.</t>
  </si>
  <si>
    <t>BU04840105</t>
  </si>
  <si>
    <t>Ambachtenbuurt-West</t>
  </si>
  <si>
    <t>2021BU04840105</t>
  </si>
  <si>
    <t>buurten.641ed4c1-633a-4548-b4e5-1a97fd1528d6</t>
  </si>
  <si>
    <t>PL0484010025</t>
  </si>
  <si>
    <t>Ridderveld bedrijventerrein</t>
  </si>
  <si>
    <t>Als er zich in naastgelegen wijken ontwikkelingen voordoen, zal de gemeenteoverwegen om ook deze nabijgelegen bedrijventerreinen te betrekken.Daarnaast wil de gemeente zoveel mogelijk aansluiten op ambities van ondernemersen herontwikkeling van bedrijven</t>
  </si>
  <si>
    <t>Elektra en omgevingswarmte, gas of aquathermie, RWZI, restwarmte, bodem energie, aquathermie, lucht warmtepompen</t>
  </si>
  <si>
    <t>BU04840106</t>
  </si>
  <si>
    <t>Ambachtenbuurt-Oost</t>
  </si>
  <si>
    <t>2021BU04840106</t>
  </si>
  <si>
    <t>buurten.b2e1e2ba-35a3-421b-a2b4-d41ef11b6504</t>
  </si>
  <si>
    <t>PL0484010008</t>
  </si>
  <si>
    <t>Ridderveld Oost</t>
  </si>
  <si>
    <t>In concept (afwachtend). Hier doen zich kansen of ontwikkelingen voor waar de gemeente, samen met belanghebbenden, tijdig op wil inspelen. Maar niet a la minute. Het kan gaan om onderhoud aan aardgasleidingen, renovaties door woningbouwcorporaties, ander</t>
  </si>
  <si>
    <t>Voorkeursoptie. Mogelijke uitbreiding van een warmtenet, nadat dit in omliggende buurten is aangelegd.</t>
  </si>
  <si>
    <t>BU04840107</t>
  </si>
  <si>
    <t>Bedrijventerrein Heimanswetering</t>
  </si>
  <si>
    <t>2021BU04840107</t>
  </si>
  <si>
    <t>buurten.e6e06dda-37c6-4975-ad07-e68adbf90c2b</t>
  </si>
  <si>
    <t>BU04840108</t>
  </si>
  <si>
    <t>Stromenbuurt</t>
  </si>
  <si>
    <t>2021BU04840108</t>
  </si>
  <si>
    <t>buurten.de2af42b-5249-4cc5-8bf1-6e87891bf782</t>
  </si>
  <si>
    <t>Planetenbuurt deelgebied 1</t>
  </si>
  <si>
    <t>Voorkeursoptie. Hoewel de gemeente de keuze voor het type warmtesysteem bij het warmtebedrijf neerlegt, wordt een oplossing voorzien op basis van een midden of lage temperatuur warmtenet met als warmtebron aquathermie en/of restwarmte uit afvalwater en/o</t>
  </si>
  <si>
    <t>Midden of lage temperatuur warmtenet met als warmtebron aquathermie en/of restwarmte uit afvalwater en/of restwarmte uit de WKO van het ziekenhuis. Het centrale uitgangspunt is de transformatie naar een energiesysteem dat duurzaam, betrouwbaar, haalbaar</t>
  </si>
  <si>
    <t>Samen met de grote gebouweigenaren zoeken ze naar een betrouwbaar, betaalbaar en duurzaam alternatief voor aardgas voor de buurt</t>
  </si>
  <si>
    <t>Aquathermie, RWZI, restwarmte,</t>
  </si>
  <si>
    <t>aquathermie (RWZI) en/of restwarmte</t>
  </si>
  <si>
    <t>BU04840109</t>
  </si>
  <si>
    <t>Nuovaweg</t>
  </si>
  <si>
    <t>2021BU04840109</t>
  </si>
  <si>
    <t>buurten.b61e219c-ce8e-460b-afcc-a7374c09d00b</t>
  </si>
  <si>
    <t>BU04840110</t>
  </si>
  <si>
    <t>Groenoord</t>
  </si>
  <si>
    <t>2021BU04840110</t>
  </si>
  <si>
    <t>buurten.bf9185ef-8f12-4cea-b600-18757bcee06d</t>
  </si>
  <si>
    <t>BU04840111</t>
  </si>
  <si>
    <t>2021BU04840111</t>
  </si>
  <si>
    <t>buurten.63f88e82-b480-4f2f-92ff-c11027a5100b</t>
  </si>
  <si>
    <t>PL0484010005</t>
  </si>
  <si>
    <t>Planetenbuurt deelgebied 2</t>
  </si>
  <si>
    <t>In concept (verkennend). Deze buurten zijn lastiger om aardgasvrij te maken op de korte termijn. Bijvoorbeeld omdat er veel oude gebouwen in deze buurten staan. In dezebuurten wordt in de komende jaren wel op een aardgasvrije warmtevoorziening voorgesort</t>
  </si>
  <si>
    <t>Samen met de grote gebouweigenaren zoeken ze naar een betrouwbaar, betaalbaar en duurzaam alternatief voor aardgas voor de buurt.</t>
  </si>
  <si>
    <t>Aquathermie, RWZI, restwarmte</t>
  </si>
  <si>
    <t>BU04840201</t>
  </si>
  <si>
    <t>Ridderbuurt</t>
  </si>
  <si>
    <t>WK048402</t>
  </si>
  <si>
    <t>2021BU04840201</t>
  </si>
  <si>
    <t>buurten.e720af9b-1016-47a0-ba86-f73febfd3080</t>
  </si>
  <si>
    <t>Nieuwkoop</t>
  </si>
  <si>
    <t>2021-12-08</t>
  </si>
  <si>
    <t>De voorbereidingen om buurten, wijken, dorpen gereed te maken van het aardgas af te gaan. Iedere vijf jaar kijken waar we staan en actualiseren van de visie. Voor nu: twee speerpunten: Wijkgerichte inzet energiebesparing, Onderzoek naar warmtenetten en i</t>
  </si>
  <si>
    <t>BU04840202</t>
  </si>
  <si>
    <t>Herenweg</t>
  </si>
  <si>
    <t>2021BU04840202</t>
  </si>
  <si>
    <t>buurten.34f80caa-bf71-46df-bff2-fcaaefc40d55</t>
  </si>
  <si>
    <t>BU04840203</t>
  </si>
  <si>
    <t>Horstenbuurt-Noord</t>
  </si>
  <si>
    <t>2021BU04840203</t>
  </si>
  <si>
    <t>buurten.b5fe7c36-9463-4f8c-b8fd-26903344fcac</t>
  </si>
  <si>
    <t>BU04840204</t>
  </si>
  <si>
    <t>Horstenbuurt-Zuid</t>
  </si>
  <si>
    <t>2021BU04840204</t>
  </si>
  <si>
    <t>buurten.0a31d0f9-62e5-4124-b11b-450be4ffdb6c</t>
  </si>
  <si>
    <t>BU04840205</t>
  </si>
  <si>
    <t>Burgtenbuurt</t>
  </si>
  <si>
    <t>2021BU04840205</t>
  </si>
  <si>
    <t>buurten.1bd45891-5836-4cb7-a258-d3e54086a186</t>
  </si>
  <si>
    <t>BU04840206</t>
  </si>
  <si>
    <t>Preludeweg</t>
  </si>
  <si>
    <t>2021BU04840206</t>
  </si>
  <si>
    <t>buurten.14981298-3a05-4df2-93f5-8a9ebff7ae1c</t>
  </si>
  <si>
    <t>PL0484010023</t>
  </si>
  <si>
    <t>BU04840207</t>
  </si>
  <si>
    <t>2021BU04840207</t>
  </si>
  <si>
    <t>buurten.711cfe26-d3ff-4492-b8b6-2a77d2499718</t>
  </si>
  <si>
    <t>BU04840208</t>
  </si>
  <si>
    <t>2021BU04840208</t>
  </si>
  <si>
    <t>buurten.0f86f88f-b677-4e4a-9d88-cd048eb7fd02</t>
  </si>
  <si>
    <t>BU04840209</t>
  </si>
  <si>
    <t>Rijnoord</t>
  </si>
  <si>
    <t>2021BU04840209</t>
  </si>
  <si>
    <t>buurten.1c7a8d14-e526-4909-ad93-d6bd30d3c362</t>
  </si>
  <si>
    <t>BU04840210</t>
  </si>
  <si>
    <t>Planetenbuurt-Noord</t>
  </si>
  <si>
    <t>2021BU04840210</t>
  </si>
  <si>
    <t>buurten.8702ab1e-1197-4336-ae89-9456cb33cac1</t>
  </si>
  <si>
    <t>BU04840211</t>
  </si>
  <si>
    <t>Planetenbuurt-Zuid</t>
  </si>
  <si>
    <t>2021BU04840211</t>
  </si>
  <si>
    <t>buurten.e359c20b-1966-4ce5-8489-3fa55952381e</t>
  </si>
  <si>
    <t>BU04840301</t>
  </si>
  <si>
    <t>Steinenbuurt</t>
  </si>
  <si>
    <t>WK048403</t>
  </si>
  <si>
    <t>2021BU04840301</t>
  </si>
  <si>
    <t>buurten.6513e177-65e1-401c-aa41-0362ca805287</t>
  </si>
  <si>
    <t>BU04840302</t>
  </si>
  <si>
    <t>Paddestoelenbuurt</t>
  </si>
  <si>
    <t>2021BU04840302</t>
  </si>
  <si>
    <t>buurten.42181c1b-cd3e-4f00-a0f8-09ec137e579e</t>
  </si>
  <si>
    <t>BU04840303</t>
  </si>
  <si>
    <t>Ericapark</t>
  </si>
  <si>
    <t>2021BU04840303</t>
  </si>
  <si>
    <t>buurten.dca349be-79d4-4729-b7f2-f9ea3e7fde4a</t>
  </si>
  <si>
    <t>BU04840304</t>
  </si>
  <si>
    <t>Weidebloemenbuurt-Noord</t>
  </si>
  <si>
    <t>2021BU04840304</t>
  </si>
  <si>
    <t>buurten.3f243396-d20f-4a27-ad3c-4b8d95d29737</t>
  </si>
  <si>
    <t>BU04840305</t>
  </si>
  <si>
    <t>Weidebloemenbuurt-Zuid</t>
  </si>
  <si>
    <t>2021BU04840305</t>
  </si>
  <si>
    <t>buurten.64c1709e-427e-4b79-9ee2-08d6112112e2</t>
  </si>
  <si>
    <t>BU04840306</t>
  </si>
  <si>
    <t>Edelstenenbuurt</t>
  </si>
  <si>
    <t>2021BU04840306</t>
  </si>
  <si>
    <t>buurten.55913bd5-26aa-4f2e-a47b-b7b7b716473e</t>
  </si>
  <si>
    <t>BU04840307</t>
  </si>
  <si>
    <t>Kromme Aar</t>
  </si>
  <si>
    <t>2021BU04840307</t>
  </si>
  <si>
    <t>buurten.de03e6de-5331-4b64-8a51-f3e3d4565a51</t>
  </si>
  <si>
    <t>GM0569</t>
  </si>
  <si>
    <t>DC056901</t>
  </si>
  <si>
    <t>Samenwerken op basis van gelijkwaardigheid, lokaal en gebiedsgericht, betaalbaar en betrouwbaar, realistisch en planbaar, flexibel en lerend</t>
  </si>
  <si>
    <t>Richting 2030 leggen wij de focus op aardgasvrij-gereed, waarbij woningisolatie en energiebesparing de hoogste prioriteit heeft. Het volledig aardgasvrij worden van buurten en dorpen komt in een later stadium.</t>
  </si>
  <si>
    <t>https://nieuwkoop.bestuurlijkeinformatie.nl/Agenda/Index/14db88eb-38e4-4907-aed2-fc01c4bc2ddb#ca16e503-f8b1-4a62-a824-24ce66feb932</t>
  </si>
  <si>
    <t>PL0569010008</t>
  </si>
  <si>
    <t>BU04840401</t>
  </si>
  <si>
    <t>Bedrijventerrein Rijnhaven-West</t>
  </si>
  <si>
    <t>WK048404</t>
  </si>
  <si>
    <t>2021BU04840401</t>
  </si>
  <si>
    <t>buurten.2bd17001-9c8f-4fcd-8544-f5e187496fee</t>
  </si>
  <si>
    <t>PL0484010019</t>
  </si>
  <si>
    <t>Rijnhaven</t>
  </si>
  <si>
    <t>In concept (verkennend). Bedrijventerrein Rijnhaven ligt naast de stadkern Alphen aan den Rijn. Dit biedt mogelijkheden om bedrijven en woningen gezamenlijk aan te pakkenin een collectieve oplossing (warmte-koude-distributiesysteem). Bovendien is dit bed</t>
  </si>
  <si>
    <t>Aquathermie, RWZI, restwarmte, bodem energie, aquathermie, lucht warmtepompen</t>
  </si>
  <si>
    <t>aquathermie (RWZI) en/of restwarmte en/of bodemenergie en/of omgevingswarmte</t>
  </si>
  <si>
    <t>BU04840402</t>
  </si>
  <si>
    <t>Bedrijventerrein Rijnhaven-Oost</t>
  </si>
  <si>
    <t>2021BU04840402</t>
  </si>
  <si>
    <t>buurten.72f59275-f79a-4af8-83f9-4c63e4cf1707</t>
  </si>
  <si>
    <t>PL0484010004</t>
  </si>
  <si>
    <t>In concept (voorbereidend). In Rijnhaven-Oost zal op korte termijn een duurzame warmtevoorziening worden aangelegd. Dat is geen verkenningsgebied maar een transformatieproject met nieuwbouw.</t>
  </si>
  <si>
    <t>De betaalbaarheid van de warmte oplossing is een extra aandachtspunt in dit verkenningsgebied. Dit kan betekenen dat inwoners niet sterk met het thema duurzaamheid en aardgasvrij bezig zijn. Hierdoor is een wijkaanpak lastig te organiseren. Een wijkaanpa</t>
  </si>
  <si>
    <t>omgevingswarmte en/of biogas en/of aquathermie (RWZI) en/of bodemenergie</t>
  </si>
  <si>
    <t>BU04840403</t>
  </si>
  <si>
    <t>2021BU04840403</t>
  </si>
  <si>
    <t>buurten.445188c6-4059-4e5f-965c-4c979079bfec</t>
  </si>
  <si>
    <t>Vanaf 2025 wordt voor elke buurt op middellange termijn een wijkuitvoeringsplangemaakt.</t>
  </si>
  <si>
    <t>BU04840404</t>
  </si>
  <si>
    <t>2021BU04840404</t>
  </si>
  <si>
    <t>buurten.911e150f-16b8-48cd-9ab3-1a56a67b94ee</t>
  </si>
  <si>
    <t>Rijnhaven Oost</t>
  </si>
  <si>
    <t>geen keuze gemaakt. Het centrum van de stad Alphen aan de Rijn is erg gemengd. Er staan vrij veel oude gebouwen en monumenten die lastig te verduurzamen zijn. Dit alles maakt het lastig om te bepalen wat de beste duurzame techniek is. De gemeente wacht d</t>
  </si>
  <si>
    <t>Elektra en omgevingswarmte, gas of aquathermie, RWZI, restwarmte, bodem energie, aquathermie, lucht warmtepompen, biogas</t>
  </si>
  <si>
    <t>BU04840405</t>
  </si>
  <si>
    <t>Bospark</t>
  </si>
  <si>
    <t>2021BU04840405</t>
  </si>
  <si>
    <t>buurten.e1531bb8-08fc-42ff-baad-bc99096385ed</t>
  </si>
  <si>
    <t>BU04840501</t>
  </si>
  <si>
    <t>Emmalaan</t>
  </si>
  <si>
    <t>WK048405</t>
  </si>
  <si>
    <t>2021BU04840501</t>
  </si>
  <si>
    <t>buurten.c3ece5fc-69d9-4bb0-a11a-c6154af0c120</t>
  </si>
  <si>
    <t>BU04840502</t>
  </si>
  <si>
    <t>Burgemeester Visserpark</t>
  </si>
  <si>
    <t>2021BU04840502</t>
  </si>
  <si>
    <t>buurten.87907c14-6d89-488e-b3c5-b50430d2ef21</t>
  </si>
  <si>
    <t>PL0484010011</t>
  </si>
  <si>
    <t>PL0484010021</t>
  </si>
  <si>
    <t>Voorsorterend. Mogelijke uitbreiding van een warmtenet, nadat dit in omliggende buurten is aangelegd.</t>
  </si>
  <si>
    <t>geen keuze gemaakt. Mogelijk is groen gas (waterstof of biogas) hier een geschikte oplossing, maar het is op dit moment niet te zeggen of daar op termijn in Nederland voldoende van beschikbaar komt. Pas als daar meer duidelijkheid over is, start de gemee</t>
  </si>
  <si>
    <t>BU04840503</t>
  </si>
  <si>
    <t>Paradijslaan</t>
  </si>
  <si>
    <t>2021BU04840503</t>
  </si>
  <si>
    <t>buurten.7caaf97d-85cc-42e4-be66-e5fae6c5d0f8</t>
  </si>
  <si>
    <t>Kerk en Zanen Oost</t>
  </si>
  <si>
    <t>BU04840504</t>
  </si>
  <si>
    <t>Hazeveld</t>
  </si>
  <si>
    <t>2021BU04840504</t>
  </si>
  <si>
    <t>buurten.71a49f50-07d7-498a-a6b2-8c1a31fa8632</t>
  </si>
  <si>
    <t>PL0484010018</t>
  </si>
  <si>
    <t>BU04840505</t>
  </si>
  <si>
    <t>Gouwsluis</t>
  </si>
  <si>
    <t>2021BU04840505</t>
  </si>
  <si>
    <t>buurten.f92324b3-bc66-4d6d-aae6-faafbbd97ea9</t>
  </si>
  <si>
    <t>BU04840506</t>
  </si>
  <si>
    <t>Bedrijventerrein De Schans I</t>
  </si>
  <si>
    <t>2021BU04840506</t>
  </si>
  <si>
    <t>buurten.b13ae702-b170-40d1-b787-fb5d77868e66</t>
  </si>
  <si>
    <t>BU04840601</t>
  </si>
  <si>
    <t>Nieuwe Sloot</t>
  </si>
  <si>
    <t>WK048406</t>
  </si>
  <si>
    <t>2021BU04840601</t>
  </si>
  <si>
    <t>buurten.3c65f962-d603-4fb8-9912-f83fbe5bccdf</t>
  </si>
  <si>
    <t>BU04840602</t>
  </si>
  <si>
    <t>Lijsterlaan</t>
  </si>
  <si>
    <t>2021BU04840602</t>
  </si>
  <si>
    <t>buurten.ac347b8b-1cba-4a7b-9227-d26c573894f6</t>
  </si>
  <si>
    <t>BU04840603</t>
  </si>
  <si>
    <t>Van Boetzelaerstraat</t>
  </si>
  <si>
    <t>2021BU04840603</t>
  </si>
  <si>
    <t>buurten.86d279b5-8a9d-4139-826d-116bf12efa84</t>
  </si>
  <si>
    <t>BU04840604</t>
  </si>
  <si>
    <t>Beerendrecht</t>
  </si>
  <si>
    <t>2021BU04840604</t>
  </si>
  <si>
    <t>buurten.a78d6e0f-7cdf-405e-90e2-5a3b73047c61</t>
  </si>
  <si>
    <t>BU04840605</t>
  </si>
  <si>
    <t>De Bijlen</t>
  </si>
  <si>
    <t>2021BU04840605</t>
  </si>
  <si>
    <t>buurten.a9a513c3-f9b4-46a9-8eed-3f72f431e7d7</t>
  </si>
  <si>
    <t>BU04840701</t>
  </si>
  <si>
    <t>Steekterbuurt</t>
  </si>
  <si>
    <t>WK048407</t>
  </si>
  <si>
    <t>2021BU04840701</t>
  </si>
  <si>
    <t>buurten.a2097233-e4a3-4fad-876b-d021effe9efe</t>
  </si>
  <si>
    <t>PL0484010013</t>
  </si>
  <si>
    <t>Zwammerdam</t>
  </si>
  <si>
    <t>BU04840702</t>
  </si>
  <si>
    <t>Hoogendoornlaan</t>
  </si>
  <si>
    <t>2021BU04840702</t>
  </si>
  <si>
    <t>buurten.75bab9dc-1b7b-45a7-8e9e-cd82f7bd8a52</t>
  </si>
  <si>
    <t>BU04840801</t>
  </si>
  <si>
    <t>Bedrijventerrein Molenwetering</t>
  </si>
  <si>
    <t>WK048408</t>
  </si>
  <si>
    <t>2021BU04840801</t>
  </si>
  <si>
    <t>buurten.f1db1e42-cf74-4e46-a425-a607c18e9ffe</t>
  </si>
  <si>
    <t>BU04840802</t>
  </si>
  <si>
    <t>Europaplein</t>
  </si>
  <si>
    <t>2021BU04840802</t>
  </si>
  <si>
    <t>buurten.783015ad-420f-433e-8306-65e3981d488f</t>
  </si>
  <si>
    <t>BU04840803</t>
  </si>
  <si>
    <t>Evenaar-West</t>
  </si>
  <si>
    <t>2021BU04840803</t>
  </si>
  <si>
    <t>buurten.d77d68da-208d-427a-91a2-6a0dfb6f675c</t>
  </si>
  <si>
    <t>PL0484010010</t>
  </si>
  <si>
    <t>Voorkeursoptie. Dit betreft een homogeen gebied waar een warmtenet oplossing voor de hand ligt. Er moet later worden onderzocht of een koppeling met de naastliggende bedrijventerreinen kans biedt voor een warmteoplossing, bijvoorbeeld op basis van restwa</t>
  </si>
  <si>
    <t>BU04840804</t>
  </si>
  <si>
    <t>De Oude Wereld-West</t>
  </si>
  <si>
    <t>2021BU04840804</t>
  </si>
  <si>
    <t>buurten.2034e05c-a52c-45e7-803a-73aedd1bd502</t>
  </si>
  <si>
    <t>PL0484010001</t>
  </si>
  <si>
    <t>Boven Burggooi</t>
  </si>
  <si>
    <t>Bij individuele all-electric systemen is het van belang dat de capaciteit van het elektriciteitsnet in de straat / buurt voldoende is ten aanzien van het vermogen van de warmtepompen.  Het is zaak om te kijken wat de beschikbare capaciteit betekent voor</t>
  </si>
  <si>
    <t>Voor  2035 (deels) aardgasvrij</t>
  </si>
  <si>
    <t>restwarmte en/of omgevingswarmte</t>
  </si>
  <si>
    <t>BU04840805</t>
  </si>
  <si>
    <t>De Oude Wereld-Oost</t>
  </si>
  <si>
    <t>2021BU04840805</t>
  </si>
  <si>
    <t>buurten.1abcff83-b213-45fa-9812-c3782d6690c6</t>
  </si>
  <si>
    <t>BU04840806</t>
  </si>
  <si>
    <t>Evenaar-Oost</t>
  </si>
  <si>
    <t>2021BU04840806</t>
  </si>
  <si>
    <t>buurten.61b79a29-e85b-4334-8ea3-2bb62e22377e</t>
  </si>
  <si>
    <t>BU04840807</t>
  </si>
  <si>
    <t>Zefierzijde</t>
  </si>
  <si>
    <t>2021BU04840807</t>
  </si>
  <si>
    <t>buurten.eeca3c49-5cc8-4e20-b4e6-f4e66682be40</t>
  </si>
  <si>
    <t>BU04840808</t>
  </si>
  <si>
    <t>Vroonhoevebuurt</t>
  </si>
  <si>
    <t>2021BU04840808</t>
  </si>
  <si>
    <t>buurten.fe3aec34-c6b9-4ca2-8ed8-176f71b4cb0c</t>
  </si>
  <si>
    <t>Burggooi</t>
  </si>
  <si>
    <t>voorkeursoptie. Verkenningsgebied omgeving Archeon is zeer geschikt voor een all-electric individuele- of kleine collectieve oplossing. Het meest duurzaam is om hiervooreen elektrisch aangedreven warmtepomp te gebruiken. In de noordelijke strook liggen g</t>
  </si>
  <si>
    <t>Elektra en omgevingswarmte of restwarmte</t>
  </si>
  <si>
    <t>BU04840809</t>
  </si>
  <si>
    <t>Archeon</t>
  </si>
  <si>
    <t>2021BU04840809</t>
  </si>
  <si>
    <t>buurten.a1085cf2-d45b-4aa3-8c40-006b78506290</t>
  </si>
  <si>
    <t>Onder Burggooi</t>
  </si>
  <si>
    <t>Elektra en omgevingsenergie</t>
  </si>
  <si>
    <t>BU04840810</t>
  </si>
  <si>
    <t>Polderpeil-West</t>
  </si>
  <si>
    <t>2021BU04840810</t>
  </si>
  <si>
    <t>buurten.ddf80e04-dc5b-4ef7-aa6c-2f815a44fd14</t>
  </si>
  <si>
    <t>BU04840811</t>
  </si>
  <si>
    <t>Polderpeil-Oost</t>
  </si>
  <si>
    <t>2021BU04840811</t>
  </si>
  <si>
    <t>buurten.9285609d-09d0-4595-bf23-41a198cc1b4e</t>
  </si>
  <si>
    <t>BU04840812</t>
  </si>
  <si>
    <t>Bedrijventerrein De Schans II</t>
  </si>
  <si>
    <t>2021BU04840812</t>
  </si>
  <si>
    <t>buurten.2e358919-8844-4ae8-bd49-ca7cef6697f4</t>
  </si>
  <si>
    <t>BU04840813</t>
  </si>
  <si>
    <t>Wagenburg</t>
  </si>
  <si>
    <t>2021BU04840813</t>
  </si>
  <si>
    <t>buurten.a083252d-aff9-4d2a-9f24-cd4352fd94c3</t>
  </si>
  <si>
    <t>BU04840901</t>
  </si>
  <si>
    <t>Rietveldsepad</t>
  </si>
  <si>
    <t>WK048409</t>
  </si>
  <si>
    <t>2021BU04840901</t>
  </si>
  <si>
    <t>buurten.e3832a72-13d1-41e9-afbc-4b91f800b514</t>
  </si>
  <si>
    <t>BU04843101</t>
  </si>
  <si>
    <t>Noordpolder</t>
  </si>
  <si>
    <t>WK048431</t>
  </si>
  <si>
    <t>2021BU04843101</t>
  </si>
  <si>
    <t>buurten.30fdd5cf-9135-4cc7-9d7d-92d3039eefb3</t>
  </si>
  <si>
    <t>GM0638</t>
  </si>
  <si>
    <t>Zoeterwoude</t>
  </si>
  <si>
    <t>energieneutrale regio in 2050</t>
  </si>
  <si>
    <t>DC063801</t>
  </si>
  <si>
    <t>Transitievisie Warmte gemeente Zoeterwoude</t>
  </si>
  <si>
    <t>duurzaam, Betaalbaar, Betrouwbaar, Draagvlak. Rijk moet wetgeving in orde maken</t>
  </si>
  <si>
    <t>de transitievisie warmte dient ervoor om duidelijkheid te verschaffen aan alle betrokken stakeholders over gemaakte keuzes ten aanzien van de techniekopties, benodigde infrastructuur, en het tijdspad van de warmtetransitie. De</t>
  </si>
  <si>
    <t>https://www.zoeterwoude.nl/fileadmin/Zoeterwoude_bestanden/Actueel/Projecten/Visies/Transitievisie_Warmte/190620_Transitievisie_Warmte_Gemeente__vastgesteld_.pdf</t>
  </si>
  <si>
    <t>PL0484010015</t>
  </si>
  <si>
    <t>PL0638010003</t>
  </si>
  <si>
    <t>Benthuizen</t>
  </si>
  <si>
    <t>Gelderswoude, Westeinde, Weipoort en Lint Zuidbuurtseweg</t>
  </si>
  <si>
    <t>advies</t>
  </si>
  <si>
    <t>Voorkeursoptie. In de buurt Oosterheem-Noordoost van deze gemeente, is al een warmtenet in bedrijf. De uitbreidingdaarvan zou een duurzaam warmtealternatief in omliggende buurten in Zoetermeer maar ook in Benthuizen kunnen bieden.</t>
  </si>
  <si>
    <t>BU04843102</t>
  </si>
  <si>
    <t>Benthuizen Dorp-West</t>
  </si>
  <si>
    <t>2021BU04843102</t>
  </si>
  <si>
    <t>buurten.3ffac760-5ec3-4a40-bbdd-06ba48bcbb5b</t>
  </si>
  <si>
    <t>BU04843103</t>
  </si>
  <si>
    <t>Benthuizen Dorp-Oost</t>
  </si>
  <si>
    <t>2021BU04843103</t>
  </si>
  <si>
    <t>buurten.969d65a1-3fa9-4a05-bc26-b0cd4194ceff</t>
  </si>
  <si>
    <t>BU04843104</t>
  </si>
  <si>
    <t>Bentwoud</t>
  </si>
  <si>
    <t>2021BU04843104</t>
  </si>
  <si>
    <t>buurten.9811ce61-4347-4539-b433-b11d0f7ad81c</t>
  </si>
  <si>
    <t>GM1892</t>
  </si>
  <si>
    <t>Zuidplas</t>
  </si>
  <si>
    <t>DC189201</t>
  </si>
  <si>
    <t>Transitievisie Warmte Lansingerland gebouwde omgeving</t>
  </si>
  <si>
    <t>2019-09-26</t>
  </si>
  <si>
    <t>1. Haalbaar en betaalbaar, 2. Verantwoord en toekomstgericht, 3. Zorgvoldig proces, 4. Transparante communicatie, 5. Betrekken van inwoners, 6. Handelingsperspectief, 7. Aansluiten bij bestaande initiatieven</t>
  </si>
  <si>
    <t>caaciteit en middelen bij gemeente, stakeholders en uitvoerende partijen. Pasende energie-infrastructuur en mogelijkheden om energie op te slaan</t>
  </si>
  <si>
    <t>Om aan de klimaatdoelstellingen te voldoen, is energie besparen een belangrijke eerste stap. Veel duurzame warmtebronnen zijn schaars. Het is daarom goed om eerst het energiegebruik te verminderen, voordat op een duurzame warmtebron wordt overgestapt.</t>
  </si>
  <si>
    <t>om inzicht te geven in de totale opgave, kansrijke oplossingen en een logische fasering voor het aardgasvrij maken van Lansingerland</t>
  </si>
  <si>
    <t>tegen 2030 ongeveer 4.500 woningen aardgasvrij</t>
  </si>
  <si>
    <t>https://openpdc.lansingerland.nl/wp-content/uploads/2020/02/Transitievisie-Warmte-Lansingerland.pdf</t>
  </si>
  <si>
    <t>https://www.waddinxveen.nlransitievisie-warmte-waddinxveen</t>
  </si>
  <si>
    <t>PL1892010001</t>
  </si>
  <si>
    <t>voorbereidend: stimuleren individuele actie</t>
  </si>
  <si>
    <t>bewustwording, inzicht, samenwerken</t>
  </si>
  <si>
    <t>Aardgasvrij ready</t>
  </si>
  <si>
    <t>BU04844501</t>
  </si>
  <si>
    <t>WK048445</t>
  </si>
  <si>
    <t>2021BU04844501</t>
  </si>
  <si>
    <t>buurten.f2a9d2cb-c76a-4711-b744-5bd3d9a4b568</t>
  </si>
  <si>
    <t>PL0484010014</t>
  </si>
  <si>
    <t>Aarlanderveen</t>
  </si>
  <si>
    <t>BU04844502</t>
  </si>
  <si>
    <t>2021BU04844502</t>
  </si>
  <si>
    <t>buurten.4a9173f9-3ae9-4f5f-9aae-614a0c4c3110</t>
  </si>
  <si>
    <t>PL0569010009</t>
  </si>
  <si>
    <t>een passende bronnenstrategie, maximale capaciteitsgrens en de warmtevraag</t>
  </si>
  <si>
    <t>Wijkgerichte inzet energiebesparing dorpskern Nieuwkoop. 400 woningen verduurzamen naar label A</t>
  </si>
  <si>
    <t>Label A: Isolatie, HR++ glas, ventilatie</t>
  </si>
  <si>
    <t>HT warmte: aquathermie (TEO) en/of zonnewarmte en/of WKO</t>
  </si>
  <si>
    <t>BU04844503</t>
  </si>
  <si>
    <t>Aarlanderveen Dorp</t>
  </si>
  <si>
    <t>2021BU04844503</t>
  </si>
  <si>
    <t>buurten.42c9c2ac-fa5b-40c6-8030-c4322bc92099</t>
  </si>
  <si>
    <t>BU04844504</t>
  </si>
  <si>
    <t>2021BU04844504</t>
  </si>
  <si>
    <t>buurten.d223f766-3563-45b1-864e-92bdcb83e4df</t>
  </si>
  <si>
    <t>BU04847001</t>
  </si>
  <si>
    <t>Nesse</t>
  </si>
  <si>
    <t>WK048470</t>
  </si>
  <si>
    <t>2021BU04847001</t>
  </si>
  <si>
    <t>buurten.ffc8dfa8-2785-402d-9a69-94ad0b04339a</t>
  </si>
  <si>
    <t>BU04847002</t>
  </si>
  <si>
    <t>Rijneveld-Noord</t>
  </si>
  <si>
    <t>2021BU04847002</t>
  </si>
  <si>
    <t>buurten.ad85daa4-a214-49e4-bce8-ef2567bcc8c4</t>
  </si>
  <si>
    <t>BU04847003</t>
  </si>
  <si>
    <t>Rijneveld-Zuid</t>
  </si>
  <si>
    <t>2021BU04847003</t>
  </si>
  <si>
    <t>buurten.f698eb0c-e34a-47f7-88dc-7dbabe2d649e</t>
  </si>
  <si>
    <t>PL0484010002</t>
  </si>
  <si>
    <t>Boskoop buitengebied</t>
  </si>
  <si>
    <t>Het centrale uitgangspunt is de transformatie naar een energiesysteem datduurzaam, betrouwbaar, haalbaar en betaalbaar is.</t>
  </si>
  <si>
    <t>BU04847004</t>
  </si>
  <si>
    <t>Laag Boskoop</t>
  </si>
  <si>
    <t>2021BU04847004</t>
  </si>
  <si>
    <t>buurten.4def969e-2bb2-4663-abe8-df54b367c3cd</t>
  </si>
  <si>
    <t>Boskoop Oost</t>
  </si>
  <si>
    <t>Voorsorterend. Na het verkenningsgebied Boskoop-West kunnen we ookaan de slag met de rest van Boskoop (excl. Boskoop buitengebied)</t>
  </si>
  <si>
    <t>BU04847005</t>
  </si>
  <si>
    <t>Draaistok</t>
  </si>
  <si>
    <t>2021BU04847005</t>
  </si>
  <si>
    <t>buurten.763dd176-5a20-4860-b861-4fef5e5162d5</t>
  </si>
  <si>
    <t>BU04847006</t>
  </si>
  <si>
    <t>Biezen-West</t>
  </si>
  <si>
    <t>2021BU04847006</t>
  </si>
  <si>
    <t>buurten.8d0299aa-a868-4de0-a759-8039a12d4074</t>
  </si>
  <si>
    <t>BU04847007</t>
  </si>
  <si>
    <t>Biezen-Oost</t>
  </si>
  <si>
    <t>2021BU04847007</t>
  </si>
  <si>
    <t>buurten.7d4da591-5434-4fe9-aee6-9df7bda1bea3</t>
  </si>
  <si>
    <t>BU04847008</t>
  </si>
  <si>
    <t>Zonnedauw</t>
  </si>
  <si>
    <t>2021BU04847008</t>
  </si>
  <si>
    <t>buurten.22747dd0-8aa8-4be7-a571-d01f801d6ef3</t>
  </si>
  <si>
    <t>GM0627</t>
  </si>
  <si>
    <t>Waddinxveen</t>
  </si>
  <si>
    <t>DC062701</t>
  </si>
  <si>
    <t>Transitievisie Warmte Waddinxveen</t>
  </si>
  <si>
    <t>Woonlastenneutraliteit voor inwoners; Lokaal eigendom van collectieve systemen; Inwoners en ondernemers ontzorgen en overlast beperken; Keuzevrijheid voor inwoners en bedrijven; Inzetten op besparing en isolatie; Zorgvuldig en transparant proces; Kiezen</t>
  </si>
  <si>
    <t>Uit onderzoek (bouwjaren, energielabels, e.d.) lijkt een beperking van de warmtevraag van 22% voor bestaande woningen en 30% voor overige bestaande gebouwen realistisch te zijn tegen 2050.</t>
  </si>
  <si>
    <t>PL0484010003</t>
  </si>
  <si>
    <t>PL0627010001</t>
  </si>
  <si>
    <t>Voorsorterend. De oplossingsrichting is onzeker voor deze buurt. De eindgebruikerskosten en Totale Nationale Kosten blijken - uit de Startanalyse PBL en uit de technische-economisch analyse van Fakton van de verschillende warmtesystemen - dicht bij elkaa</t>
  </si>
  <si>
    <t>Deze buurt is aangewezen als congestiegebied voor het elektranet door Liander. Dat wil zeggen dat er op korte termijn geen extra elektriciteit beschikbaar is en er een tekort dreigt aan transportcapaciteit in het elektriciteitsnet.Pas na 2025 kan de uitv</t>
  </si>
  <si>
    <t>BU04847009</t>
  </si>
  <si>
    <t>Snijdelwijk</t>
  </si>
  <si>
    <t>2021BU04847009</t>
  </si>
  <si>
    <t>buurten.7a150eb5-62a2-4b35-83b7-90e1c986017e</t>
  </si>
  <si>
    <t>BU04847010</t>
  </si>
  <si>
    <t>2021BU04847010</t>
  </si>
  <si>
    <t>buurten.f9be9a8f-1e93-4dd7-8751-9f10e5f8d425</t>
  </si>
  <si>
    <t>Boskoop West</t>
  </si>
  <si>
    <t>BU04847011</t>
  </si>
  <si>
    <t>Voorofschebuurt</t>
  </si>
  <si>
    <t>2021BU04847011</t>
  </si>
  <si>
    <t>buurten.a0f93ee7-3e6a-44cf-bd07-7d9cd9e6e5d9</t>
  </si>
  <si>
    <t>PL0484010016</t>
  </si>
  <si>
    <t>BU04847012</t>
  </si>
  <si>
    <t>Appelbuurt</t>
  </si>
  <si>
    <t>2021BU04847012</t>
  </si>
  <si>
    <t>buurten.b18fd9ff-5c7c-455a-b8e5-d114d687f855</t>
  </si>
  <si>
    <t>BU04847013</t>
  </si>
  <si>
    <t>Botanicusbuurt</t>
  </si>
  <si>
    <t>2021BU04847013</t>
  </si>
  <si>
    <t>buurten.48481acd-1666-409c-9a5d-0f6a2ec00d4f</t>
  </si>
  <si>
    <t>BU04847014</t>
  </si>
  <si>
    <t>Zuidwijk</t>
  </si>
  <si>
    <t>2021BU04847014</t>
  </si>
  <si>
    <t>buurten.f6a663c6-b6d3-40b9-8bd2-147be8070801</t>
  </si>
  <si>
    <t>BU04847015</t>
  </si>
  <si>
    <t>Spoelwijk</t>
  </si>
  <si>
    <t>2021BU04847015</t>
  </si>
  <si>
    <t>buurten.55e8333f-e38c-4271-9410-664ca97590e2</t>
  </si>
  <si>
    <t>BU04847101</t>
  </si>
  <si>
    <t>Zwammerdam Dorp</t>
  </si>
  <si>
    <t>WK048471</t>
  </si>
  <si>
    <t>2021BU04847101</t>
  </si>
  <si>
    <t>buurten.ffec7078-afae-4ed6-b8a1-81ba7d839d13</t>
  </si>
  <si>
    <t>BU04847102</t>
  </si>
  <si>
    <t>Hooge Burch</t>
  </si>
  <si>
    <t>2021BU04847102</t>
  </si>
  <si>
    <t>buurten.77fc1785-1779-4aff-9ed3-dcf050ad70e3</t>
  </si>
  <si>
    <t>BU04847103</t>
  </si>
  <si>
    <t>2021BU04847103</t>
  </si>
  <si>
    <t>buurten.c485e88e-98f0-4a81-865f-2b5949a2eade</t>
  </si>
  <si>
    <t>BU04849101</t>
  </si>
  <si>
    <t>Buitengebied Hazerswoude-Dorp</t>
  </si>
  <si>
    <t>WK048491</t>
  </si>
  <si>
    <t>2021BU04849101</t>
  </si>
  <si>
    <t>buurten.7792b353-1c6e-4a4b-8cc2-aa35b7a7ca0e</t>
  </si>
  <si>
    <t>PL0484010020</t>
  </si>
  <si>
    <t>Koudekerk</t>
  </si>
  <si>
    <t>BU04849102</t>
  </si>
  <si>
    <t>Rietveldse polder</t>
  </si>
  <si>
    <t>2021BU04849102</t>
  </si>
  <si>
    <t>buurten.a0358bba-ec72-4882-bb5c-ae9c82f294c1</t>
  </si>
  <si>
    <t>PL0484010022</t>
  </si>
  <si>
    <t>Hazerswoude Dorp</t>
  </si>
  <si>
    <t>In concept (afwachtend). Met het oog op stedelijke ontwikkeling rond een nieuw ov-station, en de ontwikkeling rondom het Warmte Transport Systeem, wordt er hier gekozen om te wachten.</t>
  </si>
  <si>
    <t>BU04849103</t>
  </si>
  <si>
    <t>Hazerswoude-Dorp-West</t>
  </si>
  <si>
    <t>2021BU04849103</t>
  </si>
  <si>
    <t>buurten.c7e393fa-5628-48aa-8221-ebc2c6f1e8f5</t>
  </si>
  <si>
    <t>BU04849104</t>
  </si>
  <si>
    <t>Hazerswoude-Dorp-Oost</t>
  </si>
  <si>
    <t>2021BU04849104</t>
  </si>
  <si>
    <t>buurten.daa89daa-fa15-41cb-b6f5-42f49effae92</t>
  </si>
  <si>
    <t>BU04849105</t>
  </si>
  <si>
    <t>Voorweg</t>
  </si>
  <si>
    <t>2021BU04849105</t>
  </si>
  <si>
    <t>buurten.70f73371-8dd4-4fb7-890d-d07ddacfa237</t>
  </si>
  <si>
    <t>In concept (afwachtend). Voor deze buurten liggen individuele warmteoplossingen per gebouw voor de hand. Er is sprake van een gemeentebrede aanpak. In principe gaat in deze buurten niet de hele buurt tegelijk, maar elk gebouw individueel op een logisch m</t>
  </si>
  <si>
    <t>BU04849401</t>
  </si>
  <si>
    <t>Rijndijk</t>
  </si>
  <si>
    <t>WK048494</t>
  </si>
  <si>
    <t>2021BU04849401</t>
  </si>
  <si>
    <t>buurten.14419dfa-09bb-4020-b25c-5e148eff5bc6</t>
  </si>
  <si>
    <t>PL0638010001</t>
  </si>
  <si>
    <t>Zoeterwoude-Rijndijk</t>
  </si>
  <si>
    <t>HT restwarmte of geothermie (lokaal)</t>
  </si>
  <si>
    <t>HT warmte: restwarmte en/of geothermie</t>
  </si>
  <si>
    <t>BU04849402</t>
  </si>
  <si>
    <t>Rhynenburch</t>
  </si>
  <si>
    <t>2021BU04849402</t>
  </si>
  <si>
    <t>buurten.3bdd352b-8b62-4505-a766-e456add88443</t>
  </si>
  <si>
    <t>geen keuze gemaakt. Voor het vervangen van een deel van het aardgasnet op korte termijn is het niet wenselijk om nu hier te beginnen. Op middellang termijn is er echter een kans aan te haken aan het Warmte Transport Systeem Zuid-Holland vanuit de Leidse</t>
  </si>
  <si>
    <t>BU04849403</t>
  </si>
  <si>
    <t>Zonneveld</t>
  </si>
  <si>
    <t>2021BU04849403</t>
  </si>
  <si>
    <t>buurten.56d4cc3a-6c0e-4924-9c9e-ce2642588d44</t>
  </si>
  <si>
    <t>BU04849404</t>
  </si>
  <si>
    <t>Buitengebied Hazerswoude-Rijndijk</t>
  </si>
  <si>
    <t>2021BU04849404</t>
  </si>
  <si>
    <t>buurten.c0f72b1d-c527-46eb-9fbc-e0eeaa8e5c67</t>
  </si>
  <si>
    <t>BU04849601</t>
  </si>
  <si>
    <t>Buitengebied Koudekerk aan den Rijn</t>
  </si>
  <si>
    <t>WK048496</t>
  </si>
  <si>
    <t>2021BU04849601</t>
  </si>
  <si>
    <t>buurten.b71bc5db-7af9-4358-b6dc-6c15cd249f2a</t>
  </si>
  <si>
    <t>BU04849602</t>
  </si>
  <si>
    <t>Koudekerk aan den Rijn-Noord</t>
  </si>
  <si>
    <t>2021BU04849602</t>
  </si>
  <si>
    <t>buurten.5c166e8b-a0f3-4544-828b-da54e04366a1</t>
  </si>
  <si>
    <t>Koudekerk centrum</t>
  </si>
  <si>
    <t>Vanaf 2025 wordt voor elke buurt op middellange termijn een wijkuitvoeringsplangemaakt. Het centrale uitgangspunt is de transformatie naar een energiesysteem dat duurzaam, betrouwbaar, haalbaar en betaalbaar is.</t>
  </si>
  <si>
    <t>Elektra en omgevingswarmte of aquathermie, RWZI, restwarmte, bodem energie, aquathermie, lucht warmtepompen</t>
  </si>
  <si>
    <t>BU04849603</t>
  </si>
  <si>
    <t>Koudekerk aan den Rijn-Zuid</t>
  </si>
  <si>
    <t>2021BU04849603</t>
  </si>
  <si>
    <t>buurten.d892120a-ad2c-4967-823b-a7092eff5859</t>
  </si>
  <si>
    <t>BU04849604</t>
  </si>
  <si>
    <t>Bedrijventerrein Hoogewaard</t>
  </si>
  <si>
    <t>2021BU04849604</t>
  </si>
  <si>
    <t>buurten.ef06c7cf-88b1-4b91-a957-4a5408dd5da7</t>
  </si>
  <si>
    <t>BU04890101</t>
  </si>
  <si>
    <t>WK048901</t>
  </si>
  <si>
    <t>GM0489</t>
  </si>
  <si>
    <t>Barendrecht</t>
  </si>
  <si>
    <t>2021BU04890101</t>
  </si>
  <si>
    <t>buurten.8f40258f-4dfa-4370-a8d7-e58ba58ec5fc</t>
  </si>
  <si>
    <t>DC048901</t>
  </si>
  <si>
    <t>Wonen in Barendrecht zonder aardgas. Warmtevisie: de route naar 2050</t>
  </si>
  <si>
    <t>betaalbaarheid en investeringszekerheid voor vastgoedeigenaren en eindgebruikers. Betaalbaarheid en eerlijke verdeling kosten (wetgeving). Uitvoeringscapaciteit en middelen bij gemeente en stakeholders.</t>
  </si>
  <si>
    <t>20000 woningen aardgasvrij</t>
  </si>
  <si>
    <t>https://barendrecht.raadsinformatie.nl/vergadering/809910/gemeenteraad%20%28digitaal%29%2015-12-2020</t>
  </si>
  <si>
    <t>PL0489010001</t>
  </si>
  <si>
    <t>PL0489010004</t>
  </si>
  <si>
    <t>Isolatieaanpak</t>
  </si>
  <si>
    <t>Noord, Paddewei en Centrum</t>
  </si>
  <si>
    <t>voorlopig plan</t>
  </si>
  <si>
    <t>deelname van corporaties (gemeentelijke bronnenstrategie)</t>
  </si>
  <si>
    <t>individuele actie door bewoners</t>
  </si>
  <si>
    <t>2000 woningequivalenten op warmtenet</t>
  </si>
  <si>
    <t>bij voldoende schaal: warmterotonde. Anders TEO</t>
  </si>
  <si>
    <t>bestaande warmtenet uitbreiden en/of restwarmte</t>
  </si>
  <si>
    <t>BU04890102</t>
  </si>
  <si>
    <t>2021BU04890102</t>
  </si>
  <si>
    <t>buurten.d7891b03-0020-4397-877a-53ec4914966a</t>
  </si>
  <si>
    <t>BU04890103</t>
  </si>
  <si>
    <t>2021BU04890103</t>
  </si>
  <si>
    <t>buurten.61b24264-8baf-4d2b-822e-e001ed485aca</t>
  </si>
  <si>
    <t>BU04890204</t>
  </si>
  <si>
    <t>Noord 1</t>
  </si>
  <si>
    <t>WK048902</t>
  </si>
  <si>
    <t>2021BU04890204</t>
  </si>
  <si>
    <t>buurten.077b29ce-c94b-4c3c-91ab-c08eb2941346</t>
  </si>
  <si>
    <t>BU04890205</t>
  </si>
  <si>
    <t>Noord 2</t>
  </si>
  <si>
    <t>2021BU04890205</t>
  </si>
  <si>
    <t>buurten.4c9aff20-3423-41c9-8ab4-8d7da5331ff0</t>
  </si>
  <si>
    <t>BU04890206</t>
  </si>
  <si>
    <t>Noord 3</t>
  </si>
  <si>
    <t>2021BU04890206</t>
  </si>
  <si>
    <t>buurten.8eec6d84-8341-47e9-a83f-fac77df12555</t>
  </si>
  <si>
    <t>BU04890207</t>
  </si>
  <si>
    <t>Noord 4</t>
  </si>
  <si>
    <t>2021BU04890207</t>
  </si>
  <si>
    <t>buurten.0920056e-ddeb-4aac-8e57-2496104a840c</t>
  </si>
  <si>
    <t>BU04890308</t>
  </si>
  <si>
    <t>Binnenland</t>
  </si>
  <si>
    <t>WK048903</t>
  </si>
  <si>
    <t>2021BU04890308</t>
  </si>
  <si>
    <t>buurten.3b44384a-cf3f-4172-afe1-558bebe85548</t>
  </si>
  <si>
    <t>BU04890409</t>
  </si>
  <si>
    <t>Oranjewijk 1</t>
  </si>
  <si>
    <t>WK048904</t>
  </si>
  <si>
    <t>2021BU04890409</t>
  </si>
  <si>
    <t>buurten.316c9f2d-a4c1-45c7-b12a-b4d1e5bd57d7</t>
  </si>
  <si>
    <t>BU04890410</t>
  </si>
  <si>
    <t>Oranjewijk 2</t>
  </si>
  <si>
    <t>2021BU04890410</t>
  </si>
  <si>
    <t>buurten.fb7a44d5-548d-4556-9c90-259576d69c90</t>
  </si>
  <si>
    <t>BU04890511</t>
  </si>
  <si>
    <t>Buitenoord 1</t>
  </si>
  <si>
    <t>WK048905</t>
  </si>
  <si>
    <t>2021BU04890511</t>
  </si>
  <si>
    <t>buurten.071ceb44-2a26-49fd-957f-a44a3e648ac3</t>
  </si>
  <si>
    <t>BU04890512</t>
  </si>
  <si>
    <t>Buitenoord 2</t>
  </si>
  <si>
    <t>2021BU04890512</t>
  </si>
  <si>
    <t>buurten.fc6a4cd8-f548-49e6-a771-d04508e82247</t>
  </si>
  <si>
    <t>BU04890513</t>
  </si>
  <si>
    <t>Buitenoord 3</t>
  </si>
  <si>
    <t>2021BU04890513</t>
  </si>
  <si>
    <t>buurten.3183e33f-0bc3-4100-ad3b-27a3fcced1ce</t>
  </si>
  <si>
    <t>BU04890614</t>
  </si>
  <si>
    <t>Ter Leede</t>
  </si>
  <si>
    <t>WK048906</t>
  </si>
  <si>
    <t>2021BU04890614</t>
  </si>
  <si>
    <t>buurten.2f2bae35-4eba-49d8-bc1d-3af19d48689f</t>
  </si>
  <si>
    <t>BU04890715</t>
  </si>
  <si>
    <t>Paddewei</t>
  </si>
  <si>
    <t>WK048907</t>
  </si>
  <si>
    <t>2021BU04890715</t>
  </si>
  <si>
    <t>buurten.f96b9d05-05c0-4569-a459-d3698b0c6a52</t>
  </si>
  <si>
    <t>BU04890816</t>
  </si>
  <si>
    <t>Molenvliet 1</t>
  </si>
  <si>
    <t>WK048908</t>
  </si>
  <si>
    <t>2021BU04890816</t>
  </si>
  <si>
    <t>buurten.ebf9ce1a-86f5-4943-bb1f-f2af525fc564</t>
  </si>
  <si>
    <t>BU04890817</t>
  </si>
  <si>
    <t>Molenvliet 2</t>
  </si>
  <si>
    <t>2021BU04890817</t>
  </si>
  <si>
    <t>buurten.f39ff7d3-6fb0-40a1-91d0-db69d54eea58</t>
  </si>
  <si>
    <t>BU04890918</t>
  </si>
  <si>
    <t>Nieuweland 1</t>
  </si>
  <si>
    <t>WK048909</t>
  </si>
  <si>
    <t>2021BU04890918</t>
  </si>
  <si>
    <t>buurten.77b07b98-1afe-435f-afcf-52d560da0ddb</t>
  </si>
  <si>
    <t>BU04890919</t>
  </si>
  <si>
    <t>Nieuweland 2</t>
  </si>
  <si>
    <t>2021BU04890919</t>
  </si>
  <si>
    <t>buurten.31ceef5e-a657-4c96-8bb0-27276d24e489</t>
  </si>
  <si>
    <t>PL0489010005</t>
  </si>
  <si>
    <t>Bedrijventerrein Vanpark</t>
  </si>
  <si>
    <t>BU04890920</t>
  </si>
  <si>
    <t>Nieuweland 3</t>
  </si>
  <si>
    <t>2021BU04890920</t>
  </si>
  <si>
    <t>buurten.b0c0c772-84f8-4f7f-9a53-1f8b2a550fa6</t>
  </si>
  <si>
    <t>BU04890921</t>
  </si>
  <si>
    <t>Nieuweland 4</t>
  </si>
  <si>
    <t>2021BU04890921</t>
  </si>
  <si>
    <t>buurten.311e5eaa-6bb2-4cc5-b442-0bf96121ffc7</t>
  </si>
  <si>
    <t>BU04890922</t>
  </si>
  <si>
    <t>Nieuweland 5</t>
  </si>
  <si>
    <t>2021BU04890922</t>
  </si>
  <si>
    <t>buurten.fc5818a6-27a3-43bb-a596-501a95fc703c</t>
  </si>
  <si>
    <t>BU04891023</t>
  </si>
  <si>
    <t>Dorpzicht</t>
  </si>
  <si>
    <t>WK048910</t>
  </si>
  <si>
    <t>2021BU04891023</t>
  </si>
  <si>
    <t>buurten.b1778b00-d5ba-4093-be70-ec287224ea41</t>
  </si>
  <si>
    <t>BU04891124</t>
  </si>
  <si>
    <t>Bijdorp</t>
  </si>
  <si>
    <t>WK048911</t>
  </si>
  <si>
    <t>2021BU04891124</t>
  </si>
  <si>
    <t>buurten.dc01adff-ef80-4008-bd7a-4e1fd31662f3</t>
  </si>
  <si>
    <t>BU04891225</t>
  </si>
  <si>
    <t>Smitshoek</t>
  </si>
  <si>
    <t>WK048912</t>
  </si>
  <si>
    <t>2021BU04891225</t>
  </si>
  <si>
    <t>buurten.ce86b1c3-99d3-4ff0-a61c-5405aea399fb</t>
  </si>
  <si>
    <t>GM0613</t>
  </si>
  <si>
    <t>Albrandswaard</t>
  </si>
  <si>
    <t>DC061301</t>
  </si>
  <si>
    <t>Wonen in Albrandswaard zonder aardgas. Concept Warmtevisie: de route naar 2050</t>
  </si>
  <si>
    <t>https://raad.albrandswaard.nl/Vergaderingen/Gemeenteraad-AW/2020/14-december/20:00</t>
  </si>
  <si>
    <t>PL0613010004</t>
  </si>
  <si>
    <t>Portlan, Driehoek, Eilanden</t>
  </si>
  <si>
    <t>2021-2030</t>
  </si>
  <si>
    <t>plan wordt uitgewerkt</t>
  </si>
  <si>
    <t>circa 500 weq verduurzamen</t>
  </si>
  <si>
    <t>TEO, bodemenergie, WKO</t>
  </si>
  <si>
    <t>aquathermie (TEO) en/of WKO en/of bodemenergie</t>
  </si>
  <si>
    <t>BU04891226</t>
  </si>
  <si>
    <t>Smitshoek 1</t>
  </si>
  <si>
    <t>2021BU04891226</t>
  </si>
  <si>
    <t>buurten.1b5f2791-aa56-4935-a2af-455f68c17a98</t>
  </si>
  <si>
    <t>BU04891227</t>
  </si>
  <si>
    <t>Smitshoek 2</t>
  </si>
  <si>
    <t>2021BU04891227</t>
  </si>
  <si>
    <t>buurten.4420f648-99a1-4d98-a3a3-fb808ad0d441</t>
  </si>
  <si>
    <t>BU04891328</t>
  </si>
  <si>
    <t>Voordijk</t>
  </si>
  <si>
    <t>WK048913</t>
  </si>
  <si>
    <t>2021BU04891328</t>
  </si>
  <si>
    <t>buurten.880fcbe9-c888-4744-8a96-4e65a97e6a1e</t>
  </si>
  <si>
    <t>Vrijenburg</t>
  </si>
  <si>
    <t>1800 woningen individueel all-electric</t>
  </si>
  <si>
    <t>BU04891429</t>
  </si>
  <si>
    <t>Meerwede Noordoost</t>
  </si>
  <si>
    <t>WK048914</t>
  </si>
  <si>
    <t>2021BU04891429</t>
  </si>
  <si>
    <t>buurten.646f3bc6-245d-4554-bda4-b5b032097af8</t>
  </si>
  <si>
    <t>BU04891430</t>
  </si>
  <si>
    <t>Meerwede Noordwest</t>
  </si>
  <si>
    <t>2021BU04891430</t>
  </si>
  <si>
    <t>buurten.1a77a9d6-be46-4879-92a9-ebbdd7fc8cc9</t>
  </si>
  <si>
    <t>BU04891431</t>
  </si>
  <si>
    <t>Meerwede Zuidoost</t>
  </si>
  <si>
    <t>2021BU04891431</t>
  </si>
  <si>
    <t>buurten.e8728f3a-865d-494a-99b1-e1fe0cafd009</t>
  </si>
  <si>
    <t>BU04891432</t>
  </si>
  <si>
    <t>Meerwede Zuidwest</t>
  </si>
  <si>
    <t>2021BU04891432</t>
  </si>
  <si>
    <t>buurten.f3fcc423-b3ea-459f-a09e-7117381a50bf</t>
  </si>
  <si>
    <t>BU04891533</t>
  </si>
  <si>
    <t>Waterkant</t>
  </si>
  <si>
    <t>WK048915</t>
  </si>
  <si>
    <t>2021BU04891533</t>
  </si>
  <si>
    <t>buurten.6c13a364-04dc-48d3-8372-5d184041dbff</t>
  </si>
  <si>
    <t>BU04891634</t>
  </si>
  <si>
    <t>WK048916</t>
  </si>
  <si>
    <t>2021BU04891634</t>
  </si>
  <si>
    <t>buurten.15507a22-ca94-43a8-8e4e-816e34c40b34</t>
  </si>
  <si>
    <t>BU04891735</t>
  </si>
  <si>
    <t>Gaatkensoog</t>
  </si>
  <si>
    <t>WK048917</t>
  </si>
  <si>
    <t>2021BU04891735</t>
  </si>
  <si>
    <t>buurten.402091cc-1c75-4000-89b4-043ef68b0cc7</t>
  </si>
  <si>
    <t>BU04891836</t>
  </si>
  <si>
    <t>Riederhoek</t>
  </si>
  <si>
    <t>WK048918</t>
  </si>
  <si>
    <t>2021BU04891836</t>
  </si>
  <si>
    <t>buurten.cf27d9aa-7c50-4c12-bb2b-b7b9459b0ba1</t>
  </si>
  <si>
    <t>BU04891937</t>
  </si>
  <si>
    <t>Vrijheidsakker</t>
  </si>
  <si>
    <t>WK048919</t>
  </si>
  <si>
    <t>2021BU04891937</t>
  </si>
  <si>
    <t>buurten.d47eb3dd-74df-441e-a873-1c9b3432d14a</t>
  </si>
  <si>
    <t>BU04892039</t>
  </si>
  <si>
    <t>WK048920</t>
  </si>
  <si>
    <t>2021BU04892039</t>
  </si>
  <si>
    <t>buurten.515532bd-6f14-4463-85a9-b5ddaceda887</t>
  </si>
  <si>
    <t>PL0489010002</t>
  </si>
  <si>
    <t>BU04893050</t>
  </si>
  <si>
    <t>Sportpark Smitshoek</t>
  </si>
  <si>
    <t>WK048930</t>
  </si>
  <si>
    <t>2021BU04893050</t>
  </si>
  <si>
    <t>buurten.e8055fb1-ecec-4409-8b61-cb9dfdddc460</t>
  </si>
  <si>
    <t>BU04893051</t>
  </si>
  <si>
    <t>Sint Clarabos</t>
  </si>
  <si>
    <t>2021BU04893051</t>
  </si>
  <si>
    <t>buurten.9bdca59c-67ae-45a3-a48f-7fc66c7be237</t>
  </si>
  <si>
    <t>BU04893052</t>
  </si>
  <si>
    <t>Vrijenburgbos</t>
  </si>
  <si>
    <t>2021BU04893052</t>
  </si>
  <si>
    <t>buurten.7f242b3c-4c68-42cd-9a6c-d10765233c83</t>
  </si>
  <si>
    <t>BU04893053</t>
  </si>
  <si>
    <t>Kooiwalbos</t>
  </si>
  <si>
    <t>2021BU04893053</t>
  </si>
  <si>
    <t>buurten.5114e99c-133f-40d2-8f06-e92201a169e5</t>
  </si>
  <si>
    <t>BU04893054</t>
  </si>
  <si>
    <t>Dordtsestraatweg</t>
  </si>
  <si>
    <t>2021BU04893054</t>
  </si>
  <si>
    <t>buurten.da9c71de-6df1-4f93-bc7f-44f3bc29566a</t>
  </si>
  <si>
    <t>BU04893160</t>
  </si>
  <si>
    <t>Koedood</t>
  </si>
  <si>
    <t>WK048931</t>
  </si>
  <si>
    <t>2021BU04893160</t>
  </si>
  <si>
    <t>buurten.52df6fca-cd75-4f65-9b94-3203857262db</t>
  </si>
  <si>
    <t>eigen initiatief bewoners</t>
  </si>
  <si>
    <t>BU04893161</t>
  </si>
  <si>
    <t>Achterzeedijk West</t>
  </si>
  <si>
    <t>2021BU04893161</t>
  </si>
  <si>
    <t>buurten.ce65b975-1273-469b-ae75-631aa5e3380c</t>
  </si>
  <si>
    <t>BU04893162</t>
  </si>
  <si>
    <t>Achterzeedijk Oost</t>
  </si>
  <si>
    <t>2021BU04893162</t>
  </si>
  <si>
    <t>buurten.8a306d6d-339a-4ad5-8a57-f9bb8cfef68c</t>
  </si>
  <si>
    <t>Zwijndrecht</t>
  </si>
  <si>
    <t>Transitievisie Warmte 2021 Zwijndrecht</t>
  </si>
  <si>
    <t>voor iedereen haalbaar en betaalbaar en iedereen kan meedoen. Rijk moet kostenverdeling en onzekerheid rond kosten oplossen.</t>
  </si>
  <si>
    <t>richting geven aan een aardgasvrije toekomst</t>
  </si>
  <si>
    <t>https://www.zwijndrecht.nl/Inwoners/Alle_onderwerpen/Duurzaamheid/Energie</t>
  </si>
  <si>
    <t>Warmte- en Koudenet (mogelijk, deels)</t>
  </si>
  <si>
    <t>BU04893163</t>
  </si>
  <si>
    <t>Noldijk</t>
  </si>
  <si>
    <t>2021BU04893163</t>
  </si>
  <si>
    <t>buurten.dcd06733-c71c-42aa-abae-856febf9056a</t>
  </si>
  <si>
    <t>GM0642</t>
  </si>
  <si>
    <t>DC064201</t>
  </si>
  <si>
    <t>aardgasvrij in 2050, in 2030 20% van de woningen aardgasvrij</t>
  </si>
  <si>
    <t>PL0642010005</t>
  </si>
  <si>
    <t>Bedrijventerrein Barendrecht Oost</t>
  </si>
  <si>
    <t>isolatiebuurten Ridderkerk</t>
  </si>
  <si>
    <t>gebouweigenaar kiest zelf het moment</t>
  </si>
  <si>
    <t>circa 500 gebouwen verduurzamen</t>
  </si>
  <si>
    <t>BU04893164</t>
  </si>
  <si>
    <t>Kilweg</t>
  </si>
  <si>
    <t>2021BU04893164</t>
  </si>
  <si>
    <t>buurten.1d118a17-d840-4657-8f69-67076fe0e681</t>
  </si>
  <si>
    <t>BU04895070</t>
  </si>
  <si>
    <t>BT Reijerswaard</t>
  </si>
  <si>
    <t>WK048950</t>
  </si>
  <si>
    <t>2021BU04895070</t>
  </si>
  <si>
    <t>buurten.943eb23a-050e-4a4d-9809-3a4eab0e8dd8</t>
  </si>
  <si>
    <t>BU04895071</t>
  </si>
  <si>
    <t>BT Cornelisland</t>
  </si>
  <si>
    <t>2021BU04895071</t>
  </si>
  <si>
    <t>buurten.05183df0-8064-43cc-91f7-07d25cf1b446</t>
  </si>
  <si>
    <t>capaciteit en middelen bij gemeente, uitvoeringsorganisaties en stakeholders. Betaalbaarheid en eerlijke verdeling van kosten en baten</t>
  </si>
  <si>
    <t>BU04895072</t>
  </si>
  <si>
    <t>BT Dierenstein</t>
  </si>
  <si>
    <t>2021BU04895072</t>
  </si>
  <si>
    <t>buurten.f0aff0d9-877a-41ed-a2b1-c80b3e694451</t>
  </si>
  <si>
    <t>PL0489010003</t>
  </si>
  <si>
    <t>BU04895073</t>
  </si>
  <si>
    <t>BT Veiling</t>
  </si>
  <si>
    <t>2021BU04895073</t>
  </si>
  <si>
    <t>buurten.4d4d1b13-9a87-476f-b987-b7de112bf76c</t>
  </si>
  <si>
    <t>BU04895074</t>
  </si>
  <si>
    <t>BT Handelscentrum</t>
  </si>
  <si>
    <t>2021BU04895074</t>
  </si>
  <si>
    <t>buurten.097a457d-1c9d-4b6e-8276-0efbb9baf198</t>
  </si>
  <si>
    <t>BU04895075</t>
  </si>
  <si>
    <t>BT Gebroken Meeldijk</t>
  </si>
  <si>
    <t>2021BU04895075</t>
  </si>
  <si>
    <t>buurten.dbdd9a9f-363b-4e29-89a1-9198b6ff9dc1</t>
  </si>
  <si>
    <t>BU04895076</t>
  </si>
  <si>
    <t>BT Ziedewij</t>
  </si>
  <si>
    <t>2021BU04895076</t>
  </si>
  <si>
    <t>buurten.c0926a7f-0ce8-4e93-96a8-4fd09584ec5a</t>
  </si>
  <si>
    <t>BU04895077</t>
  </si>
  <si>
    <t>BT Bijdorp</t>
  </si>
  <si>
    <t>2021BU04895077</t>
  </si>
  <si>
    <t>buurten.6304c554-76ee-4905-a0c3-a8f355656663</t>
  </si>
  <si>
    <t>BU04895078</t>
  </si>
  <si>
    <t>BT Kilweg Noord</t>
  </si>
  <si>
    <t>2021BU04895078</t>
  </si>
  <si>
    <t>buurten.f519f85c-bf25-4570-9c68-2acb238db9aa</t>
  </si>
  <si>
    <t>BU04895080</t>
  </si>
  <si>
    <t>BT Achterzeedijk</t>
  </si>
  <si>
    <t>2021BU04895080</t>
  </si>
  <si>
    <t>buurten.16ca8082-2d65-43dd-b05c-7cafc48fd71b</t>
  </si>
  <si>
    <t>BU04895081</t>
  </si>
  <si>
    <t>BT Vaanpark 1</t>
  </si>
  <si>
    <t>2021BU04895081</t>
  </si>
  <si>
    <t>buurten.a2291b58-0022-4400-af48-22babaf16a10</t>
  </si>
  <si>
    <t>BU04895082</t>
  </si>
  <si>
    <t>BT Vaanpark 2</t>
  </si>
  <si>
    <t>2021BU04895082</t>
  </si>
  <si>
    <t>buurten.07e2fb2a-dc1f-4449-8ac8-31f3264c14ed</t>
  </si>
  <si>
    <t>BU04895083</t>
  </si>
  <si>
    <t>BT Vaanpark 3</t>
  </si>
  <si>
    <t>2021BU04895083</t>
  </si>
  <si>
    <t>buurten.bdfc2fbd-68c2-40f8-8d27-8c343ef33d0c</t>
  </si>
  <si>
    <t>BU04895084</t>
  </si>
  <si>
    <t>BT Vaanpark 4</t>
  </si>
  <si>
    <t>2021BU04895084</t>
  </si>
  <si>
    <t>buurten.803875dc-a31b-40df-8222-3fe530fb1bb6</t>
  </si>
  <si>
    <t>BU04980000</t>
  </si>
  <si>
    <t>WK049800</t>
  </si>
  <si>
    <t>2021BU04980000</t>
  </si>
  <si>
    <t>buurten.34846622-f2c7-4894-9376-dba32ad05566</t>
  </si>
  <si>
    <t>BU04980001</t>
  </si>
  <si>
    <t>Ten westen van de Tolweg</t>
  </si>
  <si>
    <t>2021BU04980001</t>
  </si>
  <si>
    <t>buurten.ae8a3a3c-0e23-4e53-89ef-95e2e2840e0b</t>
  </si>
  <si>
    <t>BU04980002</t>
  </si>
  <si>
    <t>Reigersborg Noord</t>
  </si>
  <si>
    <t>2021BU04980002</t>
  </si>
  <si>
    <t>buurten.993523e8-ea66-4888-ab77-ff66026955c7</t>
  </si>
  <si>
    <t>BU04980003</t>
  </si>
  <si>
    <t>Plan Noord</t>
  </si>
  <si>
    <t>2021BU04980003</t>
  </si>
  <si>
    <t>buurten.aeacac25-1b0d-45a9-85c6-116f5fee0729</t>
  </si>
  <si>
    <t>PL0498010001</t>
  </si>
  <si>
    <t>Centrum Hoogkarpsel</t>
  </si>
  <si>
    <t>BU04980004</t>
  </si>
  <si>
    <t>Voorstik</t>
  </si>
  <si>
    <t>2021BU04980004</t>
  </si>
  <si>
    <t>buurten.dfdeec34-41c0-418b-98a1-cf6a37af7f7f</t>
  </si>
  <si>
    <t>BU04980005</t>
  </si>
  <si>
    <t>2021BU04980005</t>
  </si>
  <si>
    <t>buurten.d7423c67-80d7-49ab-aeda-7f0c3e715e40</t>
  </si>
  <si>
    <t>BU04980006</t>
  </si>
  <si>
    <t>2021BU04980006</t>
  </si>
  <si>
    <t>buurten.5787ca22-2b5c-45a4-b213-52c4757f5361</t>
  </si>
  <si>
    <t>BU04980007</t>
  </si>
  <si>
    <t>Plan West</t>
  </si>
  <si>
    <t>2021BU04980007</t>
  </si>
  <si>
    <t>buurten.6bf7969c-91ed-4b24-bd9a-18013408374d</t>
  </si>
  <si>
    <t>BU04980008</t>
  </si>
  <si>
    <t>Reigersborg Zuid</t>
  </si>
  <si>
    <t>2021BU04980008</t>
  </si>
  <si>
    <t>buurten.0e684d1f-ed5a-46d9-848c-f45647bc86c3</t>
  </si>
  <si>
    <t>BU04980009</t>
  </si>
  <si>
    <t>2021BU04980009</t>
  </si>
  <si>
    <t>buurten.dfac072f-059b-4590-9e8d-2289b0765817</t>
  </si>
  <si>
    <t>BU04980010</t>
  </si>
  <si>
    <t>2021BU04980010</t>
  </si>
  <si>
    <t>buurten.f9564146-4f32-440c-9b1c-441be72f3d2e</t>
  </si>
  <si>
    <t>BU04980100</t>
  </si>
  <si>
    <t>Westwoud</t>
  </si>
  <si>
    <t>WK049801</t>
  </si>
  <si>
    <t>2021BU04980100</t>
  </si>
  <si>
    <t>buurten.3453303b-3e37-426e-b18b-ecf17ba639d4</t>
  </si>
  <si>
    <t>BU04980101</t>
  </si>
  <si>
    <t>Oudijk</t>
  </si>
  <si>
    <t>2021BU04980101</t>
  </si>
  <si>
    <t>buurten.5f16cd97-f10b-40c9-9328-6646a4cc6d44</t>
  </si>
  <si>
    <t>BU04980109</t>
  </si>
  <si>
    <t>Binnenwijzend</t>
  </si>
  <si>
    <t>2021BU04980109</t>
  </si>
  <si>
    <t>buurten.2fec5ef1-73ac-4363-acf1-8102b3c616f0</t>
  </si>
  <si>
    <t>BU04980200</t>
  </si>
  <si>
    <t>Oosterblokker</t>
  </si>
  <si>
    <t>WK049802</t>
  </si>
  <si>
    <t>2021BU04980200</t>
  </si>
  <si>
    <t>buurten.e717c0fc-bf4f-4828-b327-0cc821cf8c6c</t>
  </si>
  <si>
    <t>BU04980300</t>
  </si>
  <si>
    <t>Centrum Venhuizen</t>
  </si>
  <si>
    <t>WK049803</t>
  </si>
  <si>
    <t>2021BU04980300</t>
  </si>
  <si>
    <t>buurten.af32d90a-25fd-4aff-9db5-95e595d637c1</t>
  </si>
  <si>
    <t>BU04980301</t>
  </si>
  <si>
    <t>De Buurt</t>
  </si>
  <si>
    <t>2021BU04980301</t>
  </si>
  <si>
    <t>buurten.14393cb5-2133-4c81-accd-c87dbc7ea589</t>
  </si>
  <si>
    <t>BU04980306</t>
  </si>
  <si>
    <t>De Hout en Blokdijk venhuizen</t>
  </si>
  <si>
    <t>2021BU04980306</t>
  </si>
  <si>
    <t>buurten.06596289-2b70-4c21-af30-3fb994a3ff30</t>
  </si>
  <si>
    <t>BU04980308</t>
  </si>
  <si>
    <t>Drieban (gedeeltelijk), Venhuiz</t>
  </si>
  <si>
    <t>2021BU04980308</t>
  </si>
  <si>
    <t>buurten.2468cb25-7b42-443e-8cee-46204fcd80bb</t>
  </si>
  <si>
    <t>BU04980309</t>
  </si>
  <si>
    <t>Zuiderdijk</t>
  </si>
  <si>
    <t>2021BU04980309</t>
  </si>
  <si>
    <t>buurten.d9aba35d-cb0e-4fa7-93d7-9bb1949ced20</t>
  </si>
  <si>
    <t>BU04980400</t>
  </si>
  <si>
    <t>Wijdenes</t>
  </si>
  <si>
    <t>WK049804</t>
  </si>
  <si>
    <t>2021BU04980400</t>
  </si>
  <si>
    <t>buurten.07567c91-80ee-45b1-a07b-2c72740ea457</t>
  </si>
  <si>
    <t>BU04980401</t>
  </si>
  <si>
    <t>Drieban Wijdenes</t>
  </si>
  <si>
    <t>2021BU04980401</t>
  </si>
  <si>
    <t>buurten.7b399e0a-b34b-41bd-8716-73cab3bc7204</t>
  </si>
  <si>
    <t>BU04980500</t>
  </si>
  <si>
    <t>Schellinkhout</t>
  </si>
  <si>
    <t>WK049805</t>
  </si>
  <si>
    <t>2021BU04980500</t>
  </si>
  <si>
    <t>buurten.34496db2-7c9e-4857-a111-0f891803cef4</t>
  </si>
  <si>
    <t>BU04980600</t>
  </si>
  <si>
    <t>De Hout en Blokdijk Hem</t>
  </si>
  <si>
    <t>WK049806</t>
  </si>
  <si>
    <t>2021BU04980600</t>
  </si>
  <si>
    <t>buurten.c2dbfa0c-7509-4265-9a82-bee1fac15c69</t>
  </si>
  <si>
    <t>BU04980601</t>
  </si>
  <si>
    <t>Hem</t>
  </si>
  <si>
    <t>2021BU04980601</t>
  </si>
  <si>
    <t>buurten.0de54762-2a79-498b-8e12-11c269c73789</t>
  </si>
  <si>
    <t>BU04980602</t>
  </si>
  <si>
    <t>Drieban (gedeeltelijk), Hem</t>
  </si>
  <si>
    <t>2021BU04980602</t>
  </si>
  <si>
    <t>buurten.10cd4a39-1ca4-4207-8323-7a50614d60be</t>
  </si>
  <si>
    <t>BU04980700</t>
  </si>
  <si>
    <t>Oosterleek</t>
  </si>
  <si>
    <t>WK049807</t>
  </si>
  <si>
    <t>2021BU04980700</t>
  </si>
  <si>
    <t>buurten.d2cd624a-f1bb-459c-a175-0c3da2d568d9</t>
  </si>
  <si>
    <t>BU05010000</t>
  </si>
  <si>
    <t>Brielle</t>
  </si>
  <si>
    <t>WK050100</t>
  </si>
  <si>
    <t>GM0501</t>
  </si>
  <si>
    <t>2021BU05010000</t>
  </si>
  <si>
    <t>buurten.3cc27e30-9f8b-4c99-a8b3-b9f2c0352370</t>
  </si>
  <si>
    <t>BU05010001</t>
  </si>
  <si>
    <t>Spuilaan en omgeving</t>
  </si>
  <si>
    <t>2021BU05010001</t>
  </si>
  <si>
    <t>buurten.8ec6463b-fd94-4812-a7ef-0727d5a47e57</t>
  </si>
  <si>
    <t>BU05010002</t>
  </si>
  <si>
    <t>De Kapel en omgeving</t>
  </si>
  <si>
    <t>2021BU05010002</t>
  </si>
  <si>
    <t>buurten.00afba49-9053-43a0-a776-b0f67b43f64c</t>
  </si>
  <si>
    <t>BU05010003</t>
  </si>
  <si>
    <t>Rugge</t>
  </si>
  <si>
    <t>2021BU05010003</t>
  </si>
  <si>
    <t>buurten.dd8fab37-5782-41c0-a140-a70fb5c2290c</t>
  </si>
  <si>
    <t>BU05010004</t>
  </si>
  <si>
    <t>Noord Meeuwenoord</t>
  </si>
  <si>
    <t>2021BU05010004</t>
  </si>
  <si>
    <t>buurten.a7375c80-b5fc-47a5-b1d1-bb58680123fd</t>
  </si>
  <si>
    <t>BU05010005</t>
  </si>
  <si>
    <t>Kleine Goote</t>
  </si>
  <si>
    <t>2021BU05010005</t>
  </si>
  <si>
    <t>buurten.1ca28412-12b5-4da1-9323-5d9c3dd57042</t>
  </si>
  <si>
    <t>BU05010006</t>
  </si>
  <si>
    <t>2021BU05010006</t>
  </si>
  <si>
    <t>buurten.7774ae94-1330-4446-8b77-484f08dc6083</t>
  </si>
  <si>
    <t>DC050101</t>
  </si>
  <si>
    <t>Warmtetransitievisie Voorne-Putten</t>
  </si>
  <si>
    <t>tot 2030 zullen we vooral leren uit de praktijk en kennis opdoen over de mogelijkheden voor duurzame warmte op het eiland, aardgasvrij-ready maken van wijken en de behoeften van bewoners op Voorne-Putten</t>
  </si>
  <si>
    <t>Voorne-Putten is in 2050 van het aardgas af. 70.000 woningen en 3.500 gebouwen. Opgave is 5,12 PJ (jaarlijks verbruik). Aardgasvrijready maken van 5 buurten voor 2030.</t>
  </si>
  <si>
    <t>https://www.brielle.nl/aardgasvrij#:~:text=Alle%20gemeenten%20in%20Nederland%20moeten,en%20Westvoorne%20op%20te%20stellen.</t>
  </si>
  <si>
    <t>PL0501010003</t>
  </si>
  <si>
    <t>Oude Goote en Nieuwland Brielle (2 buurten)</t>
  </si>
  <si>
    <t>aardgasvrij-ready in 2030; 1. keuze voor warmtebronnen is gemaakt. 2.gebouwen op benodigd isolatieniveau. 3 oude (CV)systemen zijn nog aanwezig en werkend 4.electrisch koken. 5.er ligt een plan van aanpak voor de infrastructuur en uitfasering aardgas</t>
  </si>
  <si>
    <t>geothermie of elektriciteit</t>
  </si>
  <si>
    <t>BU05010009</t>
  </si>
  <si>
    <t>2021BU05010009</t>
  </si>
  <si>
    <t>buurten.bb68af74-407e-4b8c-b005-ffbf1a1b4f3b</t>
  </si>
  <si>
    <t>BU05010100</t>
  </si>
  <si>
    <t>Vierpolders</t>
  </si>
  <si>
    <t>WK050101</t>
  </si>
  <si>
    <t>2021BU05010100</t>
  </si>
  <si>
    <t>buurten.aa052be1-bf42-4614-83e2-cd4af3269fd4</t>
  </si>
  <si>
    <t>BU05010109</t>
  </si>
  <si>
    <t>2021BU05010109</t>
  </si>
  <si>
    <t>buurten.fc3dd408-9b1f-44bc-a222-b3439bc603c9</t>
  </si>
  <si>
    <t>BU05010200</t>
  </si>
  <si>
    <t>Zwartewaal</t>
  </si>
  <si>
    <t>WK050102</t>
  </si>
  <si>
    <t>2021BU05010200</t>
  </si>
  <si>
    <t>buurten.f46876a7-4d94-40a2-a411-19acaae8c0a6</t>
  </si>
  <si>
    <t>BU05010201</t>
  </si>
  <si>
    <t>Tuindorp-Hofstede</t>
  </si>
  <si>
    <t>2021BU05010201</t>
  </si>
  <si>
    <t>buurten.579b406b-244e-4e62-a96f-1a05b3e9adcb</t>
  </si>
  <si>
    <t>BU05010202</t>
  </si>
  <si>
    <t>Zalmlaan</t>
  </si>
  <si>
    <t>2021BU05010202</t>
  </si>
  <si>
    <t>buurten.576e2876-d45a-4613-be8a-9ae37cfe744a</t>
  </si>
  <si>
    <t>BU05010209</t>
  </si>
  <si>
    <t>2021BU05010209</t>
  </si>
  <si>
    <t>buurten.15a771a3-2ae8-45ba-a863-b5d94cea81bc</t>
  </si>
  <si>
    <t>BU05010300</t>
  </si>
  <si>
    <t>Recreatiestrook Brielse Maas</t>
  </si>
  <si>
    <t>WK050103</t>
  </si>
  <si>
    <t>2021BU05010300</t>
  </si>
  <si>
    <t>buurten.1266b893-39bd-4d7a-bb45-6565b7a46060</t>
  </si>
  <si>
    <t>BU05020110</t>
  </si>
  <si>
    <t>IJsseldijk</t>
  </si>
  <si>
    <t>WK050201</t>
  </si>
  <si>
    <t>GM0502</t>
  </si>
  <si>
    <t>Capelle aan den IJssel</t>
  </si>
  <si>
    <t>2021BU05020110</t>
  </si>
  <si>
    <t>buurten.068f83d0-f7e8-44c4-8a00-86d8bdf4aa25</t>
  </si>
  <si>
    <t>GM0542</t>
  </si>
  <si>
    <t>Krimpen aan den IJssel</t>
  </si>
  <si>
    <t>jaarlijks energiebesparing van 1.5% tov jaar ervoor, 20% aardgasvrij in 2025,  40% aardgasvrij in in 2030, volledig aardgasvrij in 2050</t>
  </si>
  <si>
    <t>DC054201</t>
  </si>
  <si>
    <t>Krimpen aan den IJssel; Klimaatneutraal en gezond in 2050</t>
  </si>
  <si>
    <t>Voldoende begeleiding en financiele ondersteuning gebouweigenaren bij transitie.</t>
  </si>
  <si>
    <t>Elke vijf jaar onderzoeken we of we de transitievisie warmte moeten aanpassen. Daarvoor gebruiken we nieuwe kennis en ervaring. Als het nodig is, passen we de plannen eerder aan. Aan eigenaren van gebouwen en huizen vragen we om die klaar te maken voor d</t>
  </si>
  <si>
    <t>Over de periode 2021 tot 2024 uit van 10% minder aardgasgebruik in vergelijking met 2018. In 2030 moet dit 20% worden</t>
  </si>
  <si>
    <t>https://krimpenaandenijssel.nl/app/uploads/2021/12ransitievisie-warmte-Krimpen-aan-den-IJssel-1.0.pdf</t>
  </si>
  <si>
    <t>PL0542010003</t>
  </si>
  <si>
    <t>Stormpolder</t>
  </si>
  <si>
    <t>Warmtenet moet technisch en financieel haalbaar zijn</t>
  </si>
  <si>
    <t>Onderzoek naar of warmtenet haalbaar is voor dit industrieterrein</t>
  </si>
  <si>
    <t>Restwarmte en bodemwarmte, onderzoek moet gedaan worden naar aquathermie. Restwarmte havens Rotterdam buiten technologisch en financi?el bereik</t>
  </si>
  <si>
    <t>Restwarmte en/of bodemenergie en/of aquathermie</t>
  </si>
  <si>
    <t>BU05020111</t>
  </si>
  <si>
    <t>Redebuurt</t>
  </si>
  <si>
    <t>2021BU05020111</t>
  </si>
  <si>
    <t>buurten.274d1352-e8ca-459c-991f-8d8b9729617a</t>
  </si>
  <si>
    <t>BU05020112</t>
  </si>
  <si>
    <t>Rendier/Navigatiebuurt</t>
  </si>
  <si>
    <t>2021BU05020112</t>
  </si>
  <si>
    <t>buurten.2c947ca3-e0ea-4078-9de4-07fcd525c946</t>
  </si>
  <si>
    <t>BU05020113</t>
  </si>
  <si>
    <t>Zeeheldenbuurt-west</t>
  </si>
  <si>
    <t>2021BU05020113</t>
  </si>
  <si>
    <t>buurten.7bbc5729-fe35-49ed-b5ae-3a6b860ca026</t>
  </si>
  <si>
    <t>BU05020114</t>
  </si>
  <si>
    <t>Zeeheldenbuurt-oost</t>
  </si>
  <si>
    <t>2021BU05020114</t>
  </si>
  <si>
    <t>buurten.5b13014a-b984-4836-a054-eaa187662bf3</t>
  </si>
  <si>
    <t>PL0542010001</t>
  </si>
  <si>
    <t>Oud-Krimpen, Kortland-Noord, Kortland-Zuid, Boveneind en Langeland</t>
  </si>
  <si>
    <t>Verzwaring elektriciteitsnet; Warmtenet flats moet technisch en financieel haalbaar zijn.</t>
  </si>
  <si>
    <t>In 2030: 70% gasketel; 20% hybride; 5% keinschalige collectieve warmte; 5% elektrisch</t>
  </si>
  <si>
    <t>Restwarmte en bodemwarmte, onderzoek moet gedaan worden naar aquathermie. Restwarmte havens Rotterdam buiten technologisch en financieel bereik. Mogelijk duurzaam gasnet</t>
  </si>
  <si>
    <t>BU05020115</t>
  </si>
  <si>
    <t>Chopinbuurt</t>
  </si>
  <si>
    <t>2021BU05020115</t>
  </si>
  <si>
    <t>buurten.4f460f6e-826e-4911-acc5-af02b1f47488</t>
  </si>
  <si>
    <t>BU05020116</t>
  </si>
  <si>
    <t>Bizetbuurt</t>
  </si>
  <si>
    <t>2021BU05020116</t>
  </si>
  <si>
    <t>buurten.5969fea1-fe73-46ea-b59a-81df45a03cfa</t>
  </si>
  <si>
    <t>BU05020117</t>
  </si>
  <si>
    <t>Paganinibuurt</t>
  </si>
  <si>
    <t>2021BU05020117</t>
  </si>
  <si>
    <t>buurten.e3afb406-d18a-400b-bafd-e49d28c77e67</t>
  </si>
  <si>
    <t>BU05020118</t>
  </si>
  <si>
    <t>Rossinibuurt</t>
  </si>
  <si>
    <t>2021BU05020118</t>
  </si>
  <si>
    <t>buurten.054bf67a-cdfa-48d3-b07d-e00f7895e722</t>
  </si>
  <si>
    <t>BU05020119</t>
  </si>
  <si>
    <t>Puccinibuurt</t>
  </si>
  <si>
    <t>2021BU05020119</t>
  </si>
  <si>
    <t>buurten.23a77760-c665-4875-8a8f-c801c76c0ab2</t>
  </si>
  <si>
    <t>BU05020223</t>
  </si>
  <si>
    <t>Reviusbuurt</t>
  </si>
  <si>
    <t>WK050202</t>
  </si>
  <si>
    <t>2021BU05020223</t>
  </si>
  <si>
    <t>buurten.2bd6f6f7-c519-4b63-aaee-3962176e95a6</t>
  </si>
  <si>
    <t>DC050201</t>
  </si>
  <si>
    <t>TVW Capelle aan den IJssel</t>
  </si>
  <si>
    <t>middelen en instrumenten vanuit Rijk. Woonlastenneutraal. Inzet op middelen waar wij achteraf geen spijt van krijgen en met de hoogste CO2 reductie per euro</t>
  </si>
  <si>
    <t>verkenning hoe alle gebouwen aardgasvrij zouden kunnen worden</t>
  </si>
  <si>
    <t>https://capelleaandenijssel.raadsinformatie.nl/vergadering/795416</t>
  </si>
  <si>
    <t>PL0502010003</t>
  </si>
  <si>
    <t>s Gravenweg West (deel Landelijk Capellen)</t>
  </si>
  <si>
    <t>BU05020224</t>
  </si>
  <si>
    <t>2021BU05020224</t>
  </si>
  <si>
    <t>buurten.b1d83948-8a1f-4e1a-b5e1-c1b323a4f1b4</t>
  </si>
  <si>
    <t>BU05020225</t>
  </si>
  <si>
    <t>Merelbuurt</t>
  </si>
  <si>
    <t>2021BU05020225</t>
  </si>
  <si>
    <t>buurten.9a30e012-d960-4ecc-8aaf-53675084779a</t>
  </si>
  <si>
    <t>BU05020226</t>
  </si>
  <si>
    <t>2021BU05020226</t>
  </si>
  <si>
    <t>buurten.331e0a02-4eac-4112-9e91-19a4a9dc2a4a</t>
  </si>
  <si>
    <t>BU05020227</t>
  </si>
  <si>
    <t>Valeriusbuurt</t>
  </si>
  <si>
    <t>2021BU05020227</t>
  </si>
  <si>
    <t>buurten.8f99229a-898a-41bb-b19f-e0d01caa8058</t>
  </si>
  <si>
    <t>BU05020228</t>
  </si>
  <si>
    <t>Rozenburcht</t>
  </si>
  <si>
    <t>2021BU05020228</t>
  </si>
  <si>
    <t>buurten.2a9d8cce-9c4a-4c1e-a57b-4662da66699b</t>
  </si>
  <si>
    <t>BU05020229</t>
  </si>
  <si>
    <t>Oude Plaats</t>
  </si>
  <si>
    <t>2021BU05020229</t>
  </si>
  <si>
    <t>buurten.1b376cc4-b808-4fbd-b451-a3401d6468d8</t>
  </si>
  <si>
    <t>BU05020332</t>
  </si>
  <si>
    <t>Hovenbuurt</t>
  </si>
  <si>
    <t>WK050203</t>
  </si>
  <si>
    <t>2021BU05020332</t>
  </si>
  <si>
    <t>buurten.f0cd6991-beaa-4085-8b46-a168182b5f20</t>
  </si>
  <si>
    <t>BU05020333</t>
  </si>
  <si>
    <t>Koperwiek</t>
  </si>
  <si>
    <t>2021BU05020333</t>
  </si>
  <si>
    <t>buurten.64007ecb-764a-4cc7-a963-1f1476b66ac9</t>
  </si>
  <si>
    <t>BU05020334</t>
  </si>
  <si>
    <t>2021BU05020334</t>
  </si>
  <si>
    <t>buurten.5fc017f3-3ab7-4288-88e2-7519e577a265</t>
  </si>
  <si>
    <t>BU05020335</t>
  </si>
  <si>
    <t>Alkenoord</t>
  </si>
  <si>
    <t>2021BU05020335</t>
  </si>
  <si>
    <t>buurten.023262ca-d058-46fb-8a4c-56d5efd02382</t>
  </si>
  <si>
    <t>BU05020336</t>
  </si>
  <si>
    <t>Vuykterrein</t>
  </si>
  <si>
    <t>2021BU05020336</t>
  </si>
  <si>
    <t>buurten.909af425-dee5-4387-8df2-0d9cb0750e2b</t>
  </si>
  <si>
    <t>BU05020337</t>
  </si>
  <si>
    <t>Oude Kern</t>
  </si>
  <si>
    <t>2021BU05020337</t>
  </si>
  <si>
    <t>buurten.050f448c-4cc7-4f21-a382-d58908da0004</t>
  </si>
  <si>
    <t>BU05020338</t>
  </si>
  <si>
    <t>Kievitlaan</t>
  </si>
  <si>
    <t>2021BU05020338</t>
  </si>
  <si>
    <t>buurten.4ed7bc06-90ac-40a0-a7dd-7706cbe8706a</t>
  </si>
  <si>
    <t>BU05020441</t>
  </si>
  <si>
    <t>De Baronie</t>
  </si>
  <si>
    <t>WK050204</t>
  </si>
  <si>
    <t>2021BU05020441</t>
  </si>
  <si>
    <t>buurten.13b88967-64e9-4749-9d0c-a7c9c5edf0da</t>
  </si>
  <si>
    <t>BU05020442</t>
  </si>
  <si>
    <t>Diepenbuurt</t>
  </si>
  <si>
    <t>2021BU05020442</t>
  </si>
  <si>
    <t>buurten.dde0c09f-93e8-4755-aca7-0c5de37fda96</t>
  </si>
  <si>
    <t>BU05020443</t>
  </si>
  <si>
    <t>Dalenbuurt</t>
  </si>
  <si>
    <t>2021BU05020443</t>
  </si>
  <si>
    <t>buurten.75f4ccb6-6689-4558-b53e-8a01ec64e5cc</t>
  </si>
  <si>
    <t>BU05020444</t>
  </si>
  <si>
    <t>Couwenhoek</t>
  </si>
  <si>
    <t>2021BU05020444</t>
  </si>
  <si>
    <t>buurten.3bb97425-44f3-49b3-b382-a56fc642419d</t>
  </si>
  <si>
    <t>BU05020445</t>
  </si>
  <si>
    <t>2021BU05020445</t>
  </si>
  <si>
    <t>buurten.64211cd8-79f5-44ee-b7b3-89e202a82a6b</t>
  </si>
  <si>
    <t>BU05020446</t>
  </si>
  <si>
    <t>Waardenbuurt</t>
  </si>
  <si>
    <t>2021BU05020446</t>
  </si>
  <si>
    <t>buurten.aef46fd9-9209-4a0e-83f4-34459a9583a6</t>
  </si>
  <si>
    <t>BU05020447</t>
  </si>
  <si>
    <t>AWZI Oostgaarde</t>
  </si>
  <si>
    <t>2021BU05020447</t>
  </si>
  <si>
    <t>buurten.16b1ed78-fb69-42a6-bbd1-8f93fecf9617</t>
  </si>
  <si>
    <t>BU05020448</t>
  </si>
  <si>
    <t>Baaienbuurt</t>
  </si>
  <si>
    <t>2021BU05020448</t>
  </si>
  <si>
    <t>buurten.c2a14db4-d360-4592-a6d2-c29050d2d1ef</t>
  </si>
  <si>
    <t>BU05020449</t>
  </si>
  <si>
    <t>Paradijssel</t>
  </si>
  <si>
    <t>2021BU05020449</t>
  </si>
  <si>
    <t>buurten.a0a0a21a-212b-48fd-89f5-d46629e2e204</t>
  </si>
  <si>
    <t>BU05020551</t>
  </si>
  <si>
    <t>Beemster/Purmerhoek</t>
  </si>
  <si>
    <t>WK050205</t>
  </si>
  <si>
    <t>2021BU05020551</t>
  </si>
  <si>
    <t>buurten.ee1ad85c-33ce-42d2-aa07-e8c34637211d</t>
  </si>
  <si>
    <t>BU05020552</t>
  </si>
  <si>
    <t>Schermerhoek</t>
  </si>
  <si>
    <t>2021BU05020552</t>
  </si>
  <si>
    <t>buurten.c932ecf7-fe55-40ba-9890-4ac8555a8e3a</t>
  </si>
  <si>
    <t>BU05020553</t>
  </si>
  <si>
    <t>Wormerhoek</t>
  </si>
  <si>
    <t>2021BU05020553</t>
  </si>
  <si>
    <t>buurten.bf1624df-0d85-4a2b-9fda-013e8cd600d9</t>
  </si>
  <si>
    <t>BU05020554</t>
  </si>
  <si>
    <t>Scandinavischebuurt</t>
  </si>
  <si>
    <t>2021BU05020554</t>
  </si>
  <si>
    <t>buurten.a1220393-4a85-42e3-bc7a-cd22489dfaca</t>
  </si>
  <si>
    <t>BU05020555</t>
  </si>
  <si>
    <t>Amerikaansebuurt</t>
  </si>
  <si>
    <t>2021BU05020555</t>
  </si>
  <si>
    <t>buurten.1ee96d94-017c-4703-9e87-e2da9e8e6f1d</t>
  </si>
  <si>
    <t>BU05020556</t>
  </si>
  <si>
    <t>Bergenbuurt</t>
  </si>
  <si>
    <t>2021BU05020556</t>
  </si>
  <si>
    <t>buurten.502714c1-9a9b-4d9d-95ae-96d76ecbc27d</t>
  </si>
  <si>
    <t>BU05020557</t>
  </si>
  <si>
    <t>2021BU05020557</t>
  </si>
  <si>
    <t>buurten.7d618bbe-97ed-40d5-9a70-70fa1127a57b</t>
  </si>
  <si>
    <t>BU05020621</t>
  </si>
  <si>
    <t>'s-Gravenweg/Alexanderlaan</t>
  </si>
  <si>
    <t>WK050206</t>
  </si>
  <si>
    <t>2021BU05020621</t>
  </si>
  <si>
    <t>buurten.66ffddfb-50b2-4da1-867f-38f89ef33ef4</t>
  </si>
  <si>
    <t>PL0502010002</t>
  </si>
  <si>
    <t>Florabuurt (aantal buurten in wijk Schenkel)</t>
  </si>
  <si>
    <t>voor of rond 2030</t>
  </si>
  <si>
    <t>BU05020622</t>
  </si>
  <si>
    <t>'s-Gravenpark</t>
  </si>
  <si>
    <t>2021BU05020622</t>
  </si>
  <si>
    <t>buurten.7687b9fb-ede3-4907-b5ae-063db98f3236</t>
  </si>
  <si>
    <t>BU05020631</t>
  </si>
  <si>
    <t>2021BU05020631</t>
  </si>
  <si>
    <t>buurten.dbd6411f-5418-4d81-a4cc-3cafb4a05bb5</t>
  </si>
  <si>
    <t>BU05020658</t>
  </si>
  <si>
    <t>Klaverweide</t>
  </si>
  <si>
    <t>2021BU05020658</t>
  </si>
  <si>
    <t>buurten.c13f7f9c-9641-4afc-86b6-e9f88fe5e73c</t>
  </si>
  <si>
    <t>BU05020659</t>
  </si>
  <si>
    <t>Klinkert</t>
  </si>
  <si>
    <t>2021BU05020659</t>
  </si>
  <si>
    <t>buurten.61939622-eb56-4467-bca1-5cfa72e6a5b2</t>
  </si>
  <si>
    <t>Transitievisie Warmte gemeente Zuidplas</t>
  </si>
  <si>
    <t>Woningcorporaties en eigenaren van kantoorpanden zullen de komende jaren aan de slag moeten om hun oudere bezit energiezuiniger te maken. Bovendien moet in het kader van klimaatadaptatie ook de gevoeligheid van buurten en gebouwen voor oververhitting in</t>
  </si>
  <si>
    <t>Voor ongeveer 3.600 woningen wordt, parallel aan de nationale doelstelling, nagestreefd aardgas vrij te zijn voor 2030.</t>
  </si>
  <si>
    <t>https://www.duurzaamzuidplas.nl/wp-content/uploads/2021/12/GZPD_TVW_2021_WEB.pdf</t>
  </si>
  <si>
    <t>In concept (afwachtend). De verspreide bebouwing en kleine woningconcentraties buiten de dorpen zullen pas na 2040 worden afgekoppeld van het aardgas.</t>
  </si>
  <si>
    <t>voorsorterend. Individuele oplossing</t>
  </si>
  <si>
    <t>BU05020661</t>
  </si>
  <si>
    <t>2021BU05020661</t>
  </si>
  <si>
    <t>buurten.5dd59e84-c035-4d5d-bc3c-928061e14a90</t>
  </si>
  <si>
    <t>BU05020662</t>
  </si>
  <si>
    <t>2021BU05020662</t>
  </si>
  <si>
    <t>buurten.0e9db776-b528-4095-8ab1-9be35f1a2cc3</t>
  </si>
  <si>
    <t>BU05020663</t>
  </si>
  <si>
    <t>Bloemenbuurt-west</t>
  </si>
  <si>
    <t>2021BU05020663</t>
  </si>
  <si>
    <t>buurten.6e12729b-2da7-41b8-b3c4-ce0d4159d17d</t>
  </si>
  <si>
    <t>BU05020664</t>
  </si>
  <si>
    <t>Bloemenbuurt-oost</t>
  </si>
  <si>
    <t>2021BU05020664</t>
  </si>
  <si>
    <t>buurten.25f44e78-95cb-47df-bfa5-b21cc6da09ff</t>
  </si>
  <si>
    <t>BU05020665</t>
  </si>
  <si>
    <t>Akker/Haagwinde</t>
  </si>
  <si>
    <t>2021BU05020665</t>
  </si>
  <si>
    <t>buurten.7f36b90f-07be-41e3-b4d0-f44e17e88911</t>
  </si>
  <si>
    <t>BU05020666</t>
  </si>
  <si>
    <t>Sportpark Schenkel</t>
  </si>
  <si>
    <t>2021BU05020666</t>
  </si>
  <si>
    <t>buurten.87789740-7858-447e-8990-b9fea276b444</t>
  </si>
  <si>
    <t>BU05020770</t>
  </si>
  <si>
    <t>Dansenbuurt-noord</t>
  </si>
  <si>
    <t>WK050207</t>
  </si>
  <si>
    <t>2021BU05020770</t>
  </si>
  <si>
    <t>buurten.ac645bfa-0e8f-4af8-8c02-51da931b19b0</t>
  </si>
  <si>
    <t>PL0502010004</t>
  </si>
  <si>
    <t>PL0502010005</t>
  </si>
  <si>
    <t>Bestaande hoge temperatuur warmtenetten (Schollevaar, deel CapelleXL)</t>
  </si>
  <si>
    <t>deel CapelleXL (deel bedrijventerreinen zonder warmtenet)</t>
  </si>
  <si>
    <t>MT (nu HT)</t>
  </si>
  <si>
    <t>onbekend of elektriciteit</t>
  </si>
  <si>
    <t>MT warmte</t>
  </si>
  <si>
    <t>BU05020771</t>
  </si>
  <si>
    <t>Burgenbuurt</t>
  </si>
  <si>
    <t>2021BU05020771</t>
  </si>
  <si>
    <t>buurten.90c36d6a-ec39-4a68-acd4-44618150bcee</t>
  </si>
  <si>
    <t>BU05020772</t>
  </si>
  <si>
    <t>Dansenbuurt-zuid</t>
  </si>
  <si>
    <t>2021BU05020772</t>
  </si>
  <si>
    <t>buurten.ca21fb0e-0c85-4c04-8b3d-b5aba5656b94</t>
  </si>
  <si>
    <t>BU05020773</t>
  </si>
  <si>
    <t>Ervenbuurt</t>
  </si>
  <si>
    <t>2021BU05020773</t>
  </si>
  <si>
    <t>buurten.518c2960-fe94-4e83-8536-aa4436be950a</t>
  </si>
  <si>
    <t>BU05020774</t>
  </si>
  <si>
    <t>Stadsdeelpark</t>
  </si>
  <si>
    <t>2021BU05020774</t>
  </si>
  <si>
    <t>buurten.680dec10-7823-44db-9b5b-c8435905118f</t>
  </si>
  <si>
    <t>BU05020775</t>
  </si>
  <si>
    <t>Instrumentenbuurt</t>
  </si>
  <si>
    <t>2021BU05020775</t>
  </si>
  <si>
    <t>buurten.a7f21b71-7af3-4e5b-9fad-1053274f7585</t>
  </si>
  <si>
    <t>BU05020776</t>
  </si>
  <si>
    <t>Kunstenaarsbuurt</t>
  </si>
  <si>
    <t>2021BU05020776</t>
  </si>
  <si>
    <t>buurten.e50b930a-ccc6-4d17-b035-7f8d558ad658</t>
  </si>
  <si>
    <t>BU05020777</t>
  </si>
  <si>
    <t>2021BU05020777</t>
  </si>
  <si>
    <t>buurten.2eb140e1-495a-4756-8567-9cd5d12f4764</t>
  </si>
  <si>
    <t>BU05020778</t>
  </si>
  <si>
    <t>Gebouwenbuurt</t>
  </si>
  <si>
    <t>2021BU05020778</t>
  </si>
  <si>
    <t>buurten.fba14afa-db29-4021-b000-b6f1c40c74cb</t>
  </si>
  <si>
    <t>BU05020779</t>
  </si>
  <si>
    <t>Schildersvormenbuurt</t>
  </si>
  <si>
    <t>2021BU05020779</t>
  </si>
  <si>
    <t>buurten.37bc5711-f8a2-48e0-82a1-b295cd78c922</t>
  </si>
  <si>
    <t>BU05020880</t>
  </si>
  <si>
    <t>Hoofdweg sector E/F</t>
  </si>
  <si>
    <t>WK050208</t>
  </si>
  <si>
    <t>2021BU05020880</t>
  </si>
  <si>
    <t>buurten.688a2bc8-8208-4b5c-af5a-dc2269f50b13</t>
  </si>
  <si>
    <t>BU05020881</t>
  </si>
  <si>
    <t>Hoofdweg sector A</t>
  </si>
  <si>
    <t>2021BU05020881</t>
  </si>
  <si>
    <t>buurten.73281eba-2cf4-40b1-b17a-5583fa386b82</t>
  </si>
  <si>
    <t>BU05020882</t>
  </si>
  <si>
    <t>Hoofdweg sector B</t>
  </si>
  <si>
    <t>2021BU05020882</t>
  </si>
  <si>
    <t>buurten.9ecbde51-c1d0-4c35-9fb6-6136d308b848</t>
  </si>
  <si>
    <t>BU05020883</t>
  </si>
  <si>
    <t>Hoofdweg sector C</t>
  </si>
  <si>
    <t>2021BU05020883</t>
  </si>
  <si>
    <t>buurten.3ee2593e-e58c-4796-a701-3b4c5ebac458</t>
  </si>
  <si>
    <t>BU05020884</t>
  </si>
  <si>
    <t>Hoofdweg sector D</t>
  </si>
  <si>
    <t>2021BU05020884</t>
  </si>
  <si>
    <t>buurten.0cd4fa33-5004-4d58-b719-5a9fac1b7e9c</t>
  </si>
  <si>
    <t>BU05020885</t>
  </si>
  <si>
    <t>Hoofdweg sector G</t>
  </si>
  <si>
    <t>2021BU05020885</t>
  </si>
  <si>
    <t>buurten.5867af5a-6c35-4179-8a1d-a08cef834cdd</t>
  </si>
  <si>
    <t>BU05020886</t>
  </si>
  <si>
    <t>Sporenbuurt-west</t>
  </si>
  <si>
    <t>2021BU05020886</t>
  </si>
  <si>
    <t>buurten.c4edbbef-dd6a-410d-a5e8-514bfb787a6a</t>
  </si>
  <si>
    <t>BU05020887</t>
  </si>
  <si>
    <t>Sporenbuurt-oost</t>
  </si>
  <si>
    <t>2021BU05020887</t>
  </si>
  <si>
    <t>buurten.2c27475f-4861-4ab7-a578-d5afeb553713</t>
  </si>
  <si>
    <t>BU05020888</t>
  </si>
  <si>
    <t>Tuinenbuurt</t>
  </si>
  <si>
    <t>2021BU05020888</t>
  </si>
  <si>
    <t>buurten.a71cfe98-07ec-45a6-b4ee-833e93a67286</t>
  </si>
  <si>
    <t>BU05020889</t>
  </si>
  <si>
    <t>Kunstenaarsbuurt-noord</t>
  </si>
  <si>
    <t>2021BU05020889</t>
  </si>
  <si>
    <t>buurten.6a67e2b4-bb56-4fb7-aec8-64d7e6acc5e1</t>
  </si>
  <si>
    <t>BU05020991</t>
  </si>
  <si>
    <t>Fascinatio-west</t>
  </si>
  <si>
    <t>WK050209</t>
  </si>
  <si>
    <t>2021BU05020991</t>
  </si>
  <si>
    <t>buurten.21de1b44-dd9c-4555-b4f7-63d257d6ad59</t>
  </si>
  <si>
    <t>PL0502010001</t>
  </si>
  <si>
    <t>Rivium</t>
  </si>
  <si>
    <t>5000 nieuwbouwwoningen+ deel bestaande woningen</t>
  </si>
  <si>
    <t>aquathermie (AWZI Kralingseveer) en bodemenergie (WKO)</t>
  </si>
  <si>
    <t>aquathermie (RWZI) en WKO</t>
  </si>
  <si>
    <t>BU05020992</t>
  </si>
  <si>
    <t>Fascinatio-oost</t>
  </si>
  <si>
    <t>2021BU05020992</t>
  </si>
  <si>
    <t>buurten.e9ac135d-ee05-42b1-940f-db942f42489e</t>
  </si>
  <si>
    <t>BU05020993</t>
  </si>
  <si>
    <t>Capelsebrug</t>
  </si>
  <si>
    <t>2021BU05020993</t>
  </si>
  <si>
    <t>buurten.c2bb9a07-ea69-4f20-88e2-019d3183cbe3</t>
  </si>
  <si>
    <t>BU05020994</t>
  </si>
  <si>
    <t>Rijckevorselpark</t>
  </si>
  <si>
    <t>2021BU05020994</t>
  </si>
  <si>
    <t>buurten.7b7e0934-1ccc-4422-8974-3ae94fcc4c4f</t>
  </si>
  <si>
    <t>BU05020995</t>
  </si>
  <si>
    <t>Rivium 1e straat</t>
  </si>
  <si>
    <t>2021BU05020995</t>
  </si>
  <si>
    <t>buurten.c0a7af0a-47b4-4978-ac95-6e406dec82af</t>
  </si>
  <si>
    <t>BU05020996</t>
  </si>
  <si>
    <t>AWZI Rivium</t>
  </si>
  <si>
    <t>2021BU05020996</t>
  </si>
  <si>
    <t>buurten.b3395c72-83c5-4774-ac8c-69a9349b509f</t>
  </si>
  <si>
    <t>BU05020997</t>
  </si>
  <si>
    <t>Rivium 2e straat</t>
  </si>
  <si>
    <t>2021BU05020997</t>
  </si>
  <si>
    <t>buurten.9fc4937b-6ee5-4d7a-b040-935cf85cf359</t>
  </si>
  <si>
    <t>BU05020998</t>
  </si>
  <si>
    <t>Rivium Promenade</t>
  </si>
  <si>
    <t>2021BU05020998</t>
  </si>
  <si>
    <t>buurten.6a97ec2c-0c93-420e-95f8-7abc776ec9a2</t>
  </si>
  <si>
    <t>BU05031100</t>
  </si>
  <si>
    <t>Bedrijventerrein Wateringseweg</t>
  </si>
  <si>
    <t>WK050311</t>
  </si>
  <si>
    <t>GM0503</t>
  </si>
  <si>
    <t>Delft</t>
  </si>
  <si>
    <t>2021BU05031100</t>
  </si>
  <si>
    <t>buurten.beee7c8a-794c-4077-85b7-606433be34ec</t>
  </si>
  <si>
    <t>GM0603</t>
  </si>
  <si>
    <t>aardgasvrij en fossiele brandstof-vrij in 2050, 20% van opgave (15500weq) voltooid in 2030</t>
  </si>
  <si>
    <t>DC050301</t>
  </si>
  <si>
    <t>DC060301</t>
  </si>
  <si>
    <t>Transitievisie warmte: Rijswijk schakelt over</t>
  </si>
  <si>
    <t>Warmteplan Delft 2021</t>
  </si>
  <si>
    <t>2021-08-31</t>
  </si>
  <si>
    <t>aanvullende regelgeving en financiele ondersteuning nodig van de Rijksoverheid</t>
  </si>
  <si>
    <t>haalbare, betaalbare en eerijke voowaarden, isolatie moet zichzelf terugverdienen en wooncomfort verhogen</t>
  </si>
  <si>
    <t>beginnen met WUP voor kansrijke  eerste buurten voor 2030, isolatieplan, burgerstimulatie met energieloket Delft, Platform energietransitie Delft en energie cooperatie deelstroom Delft</t>
  </si>
  <si>
    <t>niet voorop willen lopen, wel integraal en wijkgebonden kansen pakken</t>
  </si>
  <si>
    <t>20% (15.500 weqs) van doelstelling voltooien in 2030, gemeente aardgasvrij in 2050 en geen fossiele brandstoffen meer gebruiken</t>
  </si>
  <si>
    <t>https://delft.raadsinformatie.nl/document/10668667/1/Raadsbesluit</t>
  </si>
  <si>
    <t>https://rijswijk.bestuurlijkeinformatie.nl/Agenda/Index/7bb368b8-db8c-47d9-ba71-1d1fd26786f3#538e2b02-6843-4bbc-9cad-824831ae6005</t>
  </si>
  <si>
    <t>PL0503010014</t>
  </si>
  <si>
    <t>PL0603010001</t>
  </si>
  <si>
    <t>Delft (gemeentebreed) isolatieprogramma</t>
  </si>
  <si>
    <t>Landgoederenzone, rijswijk zuid-oost</t>
  </si>
  <si>
    <t>slechts toepasbaar bij gangbare woningen. Andere woningen vereisen mogelijk andere aanpak</t>
  </si>
  <si>
    <t>vanaf 2022 een nationaal of lokaal isolatieprogramma</t>
  </si>
  <si>
    <t>spijtvrije maatregelen</t>
  </si>
  <si>
    <t>BU05031101</t>
  </si>
  <si>
    <t>2021BU05031101</t>
  </si>
  <si>
    <t>buurten.de4d0e99-6caa-43d4-8b48-2081f1cb07aa</t>
  </si>
  <si>
    <t>BU05031102</t>
  </si>
  <si>
    <t>Centrum-West</t>
  </si>
  <si>
    <t>2021BU05031102</t>
  </si>
  <si>
    <t>buurten.b4fd0780-65d5-4744-b610-f1b982977801</t>
  </si>
  <si>
    <t>BU05031103</t>
  </si>
  <si>
    <t>Centrum-Oost</t>
  </si>
  <si>
    <t>2021BU05031103</t>
  </si>
  <si>
    <t>buurten.b0341270-51b3-41cc-9a96-75fc32aea750</t>
  </si>
  <si>
    <t>BU05031104</t>
  </si>
  <si>
    <t>2021BU05031104</t>
  </si>
  <si>
    <t>buurten.4af3747c-a75e-4f22-800a-00bf06dd7c91</t>
  </si>
  <si>
    <t>BU05031105</t>
  </si>
  <si>
    <t>2021BU05031105</t>
  </si>
  <si>
    <t>buurten.d1adb139-693f-4bc2-add1-15ae9ae668ea</t>
  </si>
  <si>
    <t>BU05031106</t>
  </si>
  <si>
    <t>Centrum-Zuidwest</t>
  </si>
  <si>
    <t>2021BU05031106</t>
  </si>
  <si>
    <t>buurten.a0d9fae9-cafe-4817-a134-2b8e02ecdcd4</t>
  </si>
  <si>
    <t>BU05031107</t>
  </si>
  <si>
    <t>In de Veste</t>
  </si>
  <si>
    <t>2021BU05031107</t>
  </si>
  <si>
    <t>buurten.1ba7b85d-f9aa-498d-9f8f-3416168a6bf1</t>
  </si>
  <si>
    <t>BU05031108</t>
  </si>
  <si>
    <t>Centrum-Zuidoost</t>
  </si>
  <si>
    <t>2021BU05031108</t>
  </si>
  <si>
    <t>buurten.fbeb7908-3211-4199-b50a-538b3821deb0</t>
  </si>
  <si>
    <t>BU05031109</t>
  </si>
  <si>
    <t>Zuidpoort</t>
  </si>
  <si>
    <t>2021BU05031109</t>
  </si>
  <si>
    <t>buurten.79b8700b-71db-4852-a834-8c8b15004087</t>
  </si>
  <si>
    <t>BU05031200</t>
  </si>
  <si>
    <t>Bedrijventerrein Haagweg</t>
  </si>
  <si>
    <t>WK050312</t>
  </si>
  <si>
    <t>2021BU05031200</t>
  </si>
  <si>
    <t>buurten.91bee7a1-a7a8-4692-8689-8bce1af4e5ae</t>
  </si>
  <si>
    <t>BU05031201</t>
  </si>
  <si>
    <t>Indische Buurt-Noord</t>
  </si>
  <si>
    <t>2021BU05031201</t>
  </si>
  <si>
    <t>buurten.b14e254e-b4f6-4512-a3b5-d0e8cd3d765b</t>
  </si>
  <si>
    <t>BU05031202</t>
  </si>
  <si>
    <t>Indische Buurt-Zuid</t>
  </si>
  <si>
    <t>2021BU05031202</t>
  </si>
  <si>
    <t>buurten.83e23c64-2474-4819-86f8-b940cd483628</t>
  </si>
  <si>
    <t>BU05031203</t>
  </si>
  <si>
    <t>Sint Joris</t>
  </si>
  <si>
    <t>2021BU05031203</t>
  </si>
  <si>
    <t>buurten.f3414edc-b485-47c9-bbb1-4ea258936817</t>
  </si>
  <si>
    <t>BU05031204</t>
  </si>
  <si>
    <t>Koepoort</t>
  </si>
  <si>
    <t>2021BU05031204</t>
  </si>
  <si>
    <t>buurten.2fe8c222-abe0-41c1-8767-e15e39095762</t>
  </si>
  <si>
    <t>BU05031205</t>
  </si>
  <si>
    <t>Bomenwijk</t>
  </si>
  <si>
    <t>2021BU05031205</t>
  </si>
  <si>
    <t>buurten.138b9bed-5807-4987-96a6-7669673cae29</t>
  </si>
  <si>
    <t>BU05031206</t>
  </si>
  <si>
    <t>Biesland</t>
  </si>
  <si>
    <t>2021BU05031206</t>
  </si>
  <si>
    <t>buurten.6ceda9c1-aee3-4ba6-956d-b0c9d351d5e5</t>
  </si>
  <si>
    <t>BU05031207</t>
  </si>
  <si>
    <t>Heilige Land</t>
  </si>
  <si>
    <t>2021BU05031207</t>
  </si>
  <si>
    <t>buurten.d0798e23-9def-4cc2-a489-a8613aef8151</t>
  </si>
  <si>
    <t>PL0503010008</t>
  </si>
  <si>
    <t>TU Noord</t>
  </si>
  <si>
    <t>robuust, betaalbaar, duurzaam (reductiepotentieel), uitvoerbaarheid, aansluiten bij lopende projecten, meekoppelkansen, contracteerbaarheid</t>
  </si>
  <si>
    <t>buurtpaspoort en selectie wijken voor ontwikkeling WUP</t>
  </si>
  <si>
    <t>warmtenet: 20 procent geothermie, 80 procent WarmtelinQ, verder groen gas en elektriciteit</t>
  </si>
  <si>
    <t>bestaande warmtenet uitbreiden en/of geothermie en/of hernieuwbaar gas</t>
  </si>
  <si>
    <t>BU05031208</t>
  </si>
  <si>
    <t>Bedrijventerrein Delftse Poort-West</t>
  </si>
  <si>
    <t>2021BU05031208</t>
  </si>
  <si>
    <t>buurten.637c4ddf-c7fe-45b5-82a8-98e0d20b5972</t>
  </si>
  <si>
    <t>BU05031300</t>
  </si>
  <si>
    <t>Bedrijventerrein Altena</t>
  </si>
  <si>
    <t>WK050313</t>
  </si>
  <si>
    <t>2021BU05031300</t>
  </si>
  <si>
    <t>buurten.6053c958-b663-413f-b2bd-dcc0a2dc2b59</t>
  </si>
  <si>
    <t>BU05031301</t>
  </si>
  <si>
    <t>Agnetaparkbuurt</t>
  </si>
  <si>
    <t>2021BU05031301</t>
  </si>
  <si>
    <t>buurten.d485440b-1253-464f-abc5-053e3aed3a01</t>
  </si>
  <si>
    <t>BU05031302</t>
  </si>
  <si>
    <t>Ministersbuurt-West</t>
  </si>
  <si>
    <t>2021BU05031302</t>
  </si>
  <si>
    <t>buurten.663e515e-67f4-4212-8303-2176ea15335d</t>
  </si>
  <si>
    <t>PL0503010011</t>
  </si>
  <si>
    <t>Kuyperwijk-Zuid</t>
  </si>
  <si>
    <t>BU05031303</t>
  </si>
  <si>
    <t>Ministersbuurt-Oost</t>
  </si>
  <si>
    <t>2021BU05031303</t>
  </si>
  <si>
    <t>buurten.162234a9-a755-4eab-8305-f516fbc704b4</t>
  </si>
  <si>
    <t>BU05031304</t>
  </si>
  <si>
    <t>Westeindebuurt</t>
  </si>
  <si>
    <t>2021BU05031304</t>
  </si>
  <si>
    <t>buurten.2d290335-033a-4142-a43b-21d7be2d183f</t>
  </si>
  <si>
    <t>BU05031305</t>
  </si>
  <si>
    <t>Olofsbuurt</t>
  </si>
  <si>
    <t>2021BU05031305</t>
  </si>
  <si>
    <t>buurten.c5093e77-3243-4f8c-9dae-b82f3b897c23</t>
  </si>
  <si>
    <t>BU05031306</t>
  </si>
  <si>
    <t>Krakeelpolder</t>
  </si>
  <si>
    <t>2021BU05031306</t>
  </si>
  <si>
    <t>buurten.1d2c117d-3a06-4939-ba03-5c0397e8d83e</t>
  </si>
  <si>
    <t>BU05031307</t>
  </si>
  <si>
    <t>2021BU05031307</t>
  </si>
  <si>
    <t>buurten.c2de8458-88b3-4394-8d4b-5bf9fbb9fc6c</t>
  </si>
  <si>
    <t>BU05031400</t>
  </si>
  <si>
    <t>Kuyperwijk-Noord</t>
  </si>
  <si>
    <t>WK050314</t>
  </si>
  <si>
    <t>2021BU05031400</t>
  </si>
  <si>
    <t>buurten.defa6d4c-2cbb-47aa-a7e2-86abb9b69427</t>
  </si>
  <si>
    <t>BU05031401</t>
  </si>
  <si>
    <t>2021BU05031401</t>
  </si>
  <si>
    <t>buurten.30e90d2e-8773-4441-a7e2-1c30f1505f7d</t>
  </si>
  <si>
    <t>BU05031402</t>
  </si>
  <si>
    <t>Ecodus</t>
  </si>
  <si>
    <t>2021BU05031402</t>
  </si>
  <si>
    <t>buurten.03f41cf9-2238-4916-9b70-e8df8cb19323</t>
  </si>
  <si>
    <t>GM1842</t>
  </si>
  <si>
    <t>Midden-Delfland</t>
  </si>
  <si>
    <t>DC184201</t>
  </si>
  <si>
    <t>Transitievisie warmte: Naar een aardgasvrij Midden-Delfland</t>
  </si>
  <si>
    <t>realistisch en betaalbaar voor inwoners bedrijven en instellingen</t>
  </si>
  <si>
    <t>in 2030 20% minder aardgas t.o.v. 2010</t>
  </si>
  <si>
    <t>https://ris2.ibabs.eu/Agenda/Details/middendelfland/9ad4c94d-051a-4d7a-9333-71566f8fa9ab</t>
  </si>
  <si>
    <t>PL1842010001</t>
  </si>
  <si>
    <t>hybride aanpak midden-delfland</t>
  </si>
  <si>
    <t>duurzaam gas (op termijn)</t>
  </si>
  <si>
    <t>BU05031403</t>
  </si>
  <si>
    <t>Marlot</t>
  </si>
  <si>
    <t>2021BU05031403</t>
  </si>
  <si>
    <t>buurten.9e61c8df-f744-4ce2-8b87-5e82ee288a23</t>
  </si>
  <si>
    <t>BU05031404</t>
  </si>
  <si>
    <t>Westlandhof</t>
  </si>
  <si>
    <t>2021BU05031404</t>
  </si>
  <si>
    <t>buurten.14ef8df3-2319-42dd-a1db-c463c799f0b5</t>
  </si>
  <si>
    <t>BU05031405</t>
  </si>
  <si>
    <t>Hoornse Hof</t>
  </si>
  <si>
    <t>2021BU05031405</t>
  </si>
  <si>
    <t>buurten.e34987ae-482b-4b47-921b-5a08d71713d5</t>
  </si>
  <si>
    <t>BU05031406</t>
  </si>
  <si>
    <t>2021BU05031406</t>
  </si>
  <si>
    <t>buurten.5f5250d5-55ad-42a2-9c87-0967a11235cb</t>
  </si>
  <si>
    <t>BU05031407</t>
  </si>
  <si>
    <t>2021BU05031407</t>
  </si>
  <si>
    <t>buurten.6d1af8b2-09b3-4d61-8084-39051082ca15</t>
  </si>
  <si>
    <t>PL0503010010</t>
  </si>
  <si>
    <t>BU05031600</t>
  </si>
  <si>
    <t>De Bras</t>
  </si>
  <si>
    <t>WK050316</t>
  </si>
  <si>
    <t>2021BU05031600</t>
  </si>
  <si>
    <t>buurten.6a74d63c-77cb-4174-8be9-1b039d9129cb</t>
  </si>
  <si>
    <t>GM1926</t>
  </si>
  <si>
    <t>DC192601</t>
  </si>
  <si>
    <t>Energietransitieplan 2021 Pijnacker-Nootdorp</t>
  </si>
  <si>
    <t>betaalbare, haalbare en eerlijk</t>
  </si>
  <si>
    <t>met de kennis en kunde van nu is een visie neergelegd, die beschrijft hoe we stap voor stap tot 2050 de afhankelijkheid van fossiele brandstoffen willen verminderen en de uitstoot van CO2 in 2050 tot nul terug willen brengen.</t>
  </si>
  <si>
    <t>https://pijnacker-nootdorp.raadsinformatie.nl/vergadering/800111/Raad%20Besluitvorming%2025-11-2021</t>
  </si>
  <si>
    <t>PL1926010015</t>
  </si>
  <si>
    <t>Maatwerk: Oude Leende, Buitengebied Nootdorp, de Scheg en Balijade</t>
  </si>
  <si>
    <t>Deze buurt is al bijna volledig aangesloten op een bestaand warmtenet.</t>
  </si>
  <si>
    <t>stappen naar aardgasvrij maken</t>
  </si>
  <si>
    <t>Aardwarmte en restwarmte</t>
  </si>
  <si>
    <t>BU05031601</t>
  </si>
  <si>
    <t>Bedrijventerrein Ypenburgsepoort</t>
  </si>
  <si>
    <t>2021BU05031601</t>
  </si>
  <si>
    <t>buurten.e4f3654a-8fe3-4ea7-834d-6ac7132398b1</t>
  </si>
  <si>
    <t>BU05031602</t>
  </si>
  <si>
    <t>De Grote Plas</t>
  </si>
  <si>
    <t>2021BU05031602</t>
  </si>
  <si>
    <t>buurten.b6e36848-e650-428d-a8fc-d8c37f50101a</t>
  </si>
  <si>
    <t>Pijnacker-Nootdorp</t>
  </si>
  <si>
    <t>BU05031603</t>
  </si>
  <si>
    <t>Bedrijventerrein Delftse Poort-Oost</t>
  </si>
  <si>
    <t>2021BU05031603</t>
  </si>
  <si>
    <t>buurten.7c8b9dec-3a41-4d47-9459-6883c409229a</t>
  </si>
  <si>
    <t>BU05031604</t>
  </si>
  <si>
    <t>Hoflaan</t>
  </si>
  <si>
    <t>2021BU05031604</t>
  </si>
  <si>
    <t>buurten.baabbfd4-673d-4c06-b316-b0d5577cbde2</t>
  </si>
  <si>
    <t>PL1926010008</t>
  </si>
  <si>
    <t>Pijancker West Noord &amp; Zuidpolder</t>
  </si>
  <si>
    <t>geothermie MT</t>
  </si>
  <si>
    <t>MT warmte: geothermie</t>
  </si>
  <si>
    <t>BU05032200</t>
  </si>
  <si>
    <t>Bedrijventerrein Tanthof-West</t>
  </si>
  <si>
    <t>WK050322</t>
  </si>
  <si>
    <t>2021BU05032200</t>
  </si>
  <si>
    <t>buurten.1a64b001-0569-4f7b-b84b-c35722c88168</t>
  </si>
  <si>
    <t>BU05032201</t>
  </si>
  <si>
    <t>Afrikabuurt-West</t>
  </si>
  <si>
    <t>2021BU05032201</t>
  </si>
  <si>
    <t>buurten.e3f8e99f-707b-4065-94ea-078ac87fdf6d</t>
  </si>
  <si>
    <t>BU05032202</t>
  </si>
  <si>
    <t>Afrikabuurt-Oost</t>
  </si>
  <si>
    <t>2021BU05032202</t>
  </si>
  <si>
    <t>buurten.f72ee87d-a8f6-4e43-89ef-a8066d875919</t>
  </si>
  <si>
    <t>BU05032203</t>
  </si>
  <si>
    <t>Latijns Amerikabuurt</t>
  </si>
  <si>
    <t>2021BU05032203</t>
  </si>
  <si>
    <t>buurten.7d70c4ac-7363-4df6-9e6b-2ae29e3c8823</t>
  </si>
  <si>
    <t>PL0503010009</t>
  </si>
  <si>
    <t>Roland Holstbuurt</t>
  </si>
  <si>
    <t>BU05032204</t>
  </si>
  <si>
    <t>Aziëbuurt</t>
  </si>
  <si>
    <t>2021BU05032204</t>
  </si>
  <si>
    <t>buurten.78be3e6e-f99e-4c82-8311-ded7f254bffc</t>
  </si>
  <si>
    <t>BU05032205</t>
  </si>
  <si>
    <t>Tanthofkadebuurt</t>
  </si>
  <si>
    <t>2021BU05032205</t>
  </si>
  <si>
    <t>buurten.9b6d7885-d66b-453d-ba7f-6b9533e44e88</t>
  </si>
  <si>
    <t>BU05032300</t>
  </si>
  <si>
    <t>Bedrijventerrein Tanthof-Oost</t>
  </si>
  <si>
    <t>WK050323</t>
  </si>
  <si>
    <t>2021BU05032300</t>
  </si>
  <si>
    <t>buurten.23068b79-614f-4a4c-8e7a-4553b73ce007</t>
  </si>
  <si>
    <t>BU05032301</t>
  </si>
  <si>
    <t>2021BU05032301</t>
  </si>
  <si>
    <t>buurten.055f0059-e414-4b96-91eb-9bc81035363c</t>
  </si>
  <si>
    <t>BU05032302</t>
  </si>
  <si>
    <t>Dierenbuurt</t>
  </si>
  <si>
    <t>2021BU05032302</t>
  </si>
  <si>
    <t>buurten.2b7ef146-b8bf-4b14-b33c-f7500f7e3742</t>
  </si>
  <si>
    <t>BU05032303</t>
  </si>
  <si>
    <t>Vogelbuurt-West</t>
  </si>
  <si>
    <t>2021BU05032303</t>
  </si>
  <si>
    <t>buurten.d1f5782a-4151-4c16-82c5-c56406dd2cdb</t>
  </si>
  <si>
    <t>BU05032304</t>
  </si>
  <si>
    <t>Vogelbuurt-Oost</t>
  </si>
  <si>
    <t>2021BU05032304</t>
  </si>
  <si>
    <t>buurten.bb6161b0-4ed3-4dcf-aefc-0f3e84e67a4c</t>
  </si>
  <si>
    <t>BU05032305</t>
  </si>
  <si>
    <t>2021BU05032305</t>
  </si>
  <si>
    <t>buurten.79d944af-e20f-4189-b06c-6b4c3e3f7fea</t>
  </si>
  <si>
    <t>BU05032400</t>
  </si>
  <si>
    <t>Poptahof-Noord</t>
  </si>
  <si>
    <t>WK050324</t>
  </si>
  <si>
    <t>2021BU05032400</t>
  </si>
  <si>
    <t>buurten.d290d987-a49d-4475-a423-c3a914a59ee7</t>
  </si>
  <si>
    <t>PL0503010004</t>
  </si>
  <si>
    <t>Juniusbuurt</t>
  </si>
  <si>
    <t>BU05032401</t>
  </si>
  <si>
    <t>Poptahof-Zuid</t>
  </si>
  <si>
    <t>2021BU05032401</t>
  </si>
  <si>
    <t>buurten.5e7bf31c-3005-4ee8-8b54-e7fe17e57e22</t>
  </si>
  <si>
    <t>BU05032402</t>
  </si>
  <si>
    <t>Bedrijventerrein Voorhof</t>
  </si>
  <si>
    <t>2021BU05032402</t>
  </si>
  <si>
    <t>buurten.152bb0d7-e1f3-4d3f-9348-5b1ef53576dd</t>
  </si>
  <si>
    <t>BU05032403</t>
  </si>
  <si>
    <t>Mythologiebuurt</t>
  </si>
  <si>
    <t>2021BU05032403</t>
  </si>
  <si>
    <t>buurten.1ed03436-5262-431b-89f9-0dbd366a9310</t>
  </si>
  <si>
    <t>PL0503010007</t>
  </si>
  <si>
    <t>BU05032404</t>
  </si>
  <si>
    <t>Aart van der Leeuwbuurt</t>
  </si>
  <si>
    <t>2021BU05032404</t>
  </si>
  <si>
    <t>buurten.3cee45fa-2855-473b-bd65-09e89427d8a4</t>
  </si>
  <si>
    <t>PL0503010001</t>
  </si>
  <si>
    <t>BU05032405</t>
  </si>
  <si>
    <t>2021BU05032405</t>
  </si>
  <si>
    <t>buurten.537510c8-8c15-4105-b3c3-cd44506bcc6e</t>
  </si>
  <si>
    <t>PL0503010003</t>
  </si>
  <si>
    <t>BU05032406</t>
  </si>
  <si>
    <t>Voorhof-Hoogbouw</t>
  </si>
  <si>
    <t>2021BU05032406</t>
  </si>
  <si>
    <t>buurten.a2480289-969f-442e-a170-0ead6cbba700</t>
  </si>
  <si>
    <t>BU05032407</t>
  </si>
  <si>
    <t>Multatulibuurt</t>
  </si>
  <si>
    <t>2021BU05032407</t>
  </si>
  <si>
    <t>buurten.a3a96600-111f-441b-8ba6-c02f2daf6cd0</t>
  </si>
  <si>
    <t>BU05032408</t>
  </si>
  <si>
    <t>Bedrijventerrein Vulcanusweg</t>
  </si>
  <si>
    <t>2021BU05032408</t>
  </si>
  <si>
    <t>buurten.2fe4bdfd-0aa1-49f0-9b24-88fa8864d35b</t>
  </si>
  <si>
    <t>BU05032500</t>
  </si>
  <si>
    <t>Reinier de Graafbuurt</t>
  </si>
  <si>
    <t>WK050325</t>
  </si>
  <si>
    <t>2021BU05032500</t>
  </si>
  <si>
    <t>buurten.33e4ea5c-c1ff-4990-a11d-174ca97268e7</t>
  </si>
  <si>
    <t>PL0503010006</t>
  </si>
  <si>
    <t>Buitenhof_Noord</t>
  </si>
  <si>
    <t>BU05032501</t>
  </si>
  <si>
    <t>Buitenhof-Noord</t>
  </si>
  <si>
    <t>2021BU05032501</t>
  </si>
  <si>
    <t>buurten.b2aa8c6e-48ae-4702-a550-c19e5e2fcbf4</t>
  </si>
  <si>
    <t>PL0503010002</t>
  </si>
  <si>
    <t>BU05032502</t>
  </si>
  <si>
    <t>2021BU05032502</t>
  </si>
  <si>
    <t>buurten.c8b23b81-7941-4786-80e6-8c12dfcee99f</t>
  </si>
  <si>
    <t>BU05032503</t>
  </si>
  <si>
    <t>Gillisbuurt</t>
  </si>
  <si>
    <t>2021BU05032503</t>
  </si>
  <si>
    <t>buurten.698bf619-8c55-401e-bb1f-3abcf5c6d675</t>
  </si>
  <si>
    <t>BU05032504</t>
  </si>
  <si>
    <t>Fledderusbuurt</t>
  </si>
  <si>
    <t>2021BU05032504</t>
  </si>
  <si>
    <t>buurten.69f53c78-0738-48fa-81c7-c8305d82c5d4</t>
  </si>
  <si>
    <t>BU05032505</t>
  </si>
  <si>
    <t>2021BU05032505</t>
  </si>
  <si>
    <t>buurten.658b2120-74be-4e14-aeeb-2cbd59df349b</t>
  </si>
  <si>
    <t>BU05032506</t>
  </si>
  <si>
    <t>Pijperring</t>
  </si>
  <si>
    <t>2021BU05032506</t>
  </si>
  <si>
    <t>buurten.984de9c1-e6a2-4c52-8450-74cd71283f50</t>
  </si>
  <si>
    <t>BU05032507</t>
  </si>
  <si>
    <t>2021BU05032507</t>
  </si>
  <si>
    <t>buurten.ac0ead7e-943a-44d9-be05-0165101a08d8</t>
  </si>
  <si>
    <t>PL0503010005</t>
  </si>
  <si>
    <t>BU05032508</t>
  </si>
  <si>
    <t>Vrijheidsbuurt</t>
  </si>
  <si>
    <t>2021BU05032508</t>
  </si>
  <si>
    <t>buurten.0451f487-df51-4958-a881-ba069ac94dcb</t>
  </si>
  <si>
    <t>BU05032509</t>
  </si>
  <si>
    <t>Buitenhof-Zuid</t>
  </si>
  <si>
    <t>2021BU05032509</t>
  </si>
  <si>
    <t>buurten.83b9f22a-6574-4afa-b7bd-fee47eedf474</t>
  </si>
  <si>
    <t>BU05032510</t>
  </si>
  <si>
    <t>Kerkpolder</t>
  </si>
  <si>
    <t>2021BU05032510</t>
  </si>
  <si>
    <t>buurten.0e689d55-4852-4e08-95a3-0692c42b31ce</t>
  </si>
  <si>
    <t>BU05032600</t>
  </si>
  <si>
    <t>Abtswoude</t>
  </si>
  <si>
    <t>WK050326</t>
  </si>
  <si>
    <t>2021BU05032600</t>
  </si>
  <si>
    <t>buurten.a949ba48-aa5d-48c4-aec0-22d69143256a</t>
  </si>
  <si>
    <t>BU05032700</t>
  </si>
  <si>
    <t>Delftzicht</t>
  </si>
  <si>
    <t>WK050327</t>
  </si>
  <si>
    <t>2021BU05032700</t>
  </si>
  <si>
    <t>buurten.29211037-e8d9-4491-90d7-63c4f938aed7</t>
  </si>
  <si>
    <t>BU05032702</t>
  </si>
  <si>
    <t>Bedrijventerrein Schieweg-Noord</t>
  </si>
  <si>
    <t>2021BU05032702</t>
  </si>
  <si>
    <t>buurten.0f78ad8a-3382-4bc3-9847-ac8dca4bb277</t>
  </si>
  <si>
    <t>BU05032703</t>
  </si>
  <si>
    <t>Bedrijventerrein Schieweg-Zuid</t>
  </si>
  <si>
    <t>2021BU05032703</t>
  </si>
  <si>
    <t>buurten.fe2bcbe5-9860-4c13-ab6f-67e4177c478c</t>
  </si>
  <si>
    <t>BU05032704</t>
  </si>
  <si>
    <t>Schieweg-Polder</t>
  </si>
  <si>
    <t>2021BU05032704</t>
  </si>
  <si>
    <t>buurten.74ee1fd7-47f0-47e0-9ad2-30c7cce4ebb1</t>
  </si>
  <si>
    <t>BU05032800</t>
  </si>
  <si>
    <t>WK050328</t>
  </si>
  <si>
    <t>2021BU05032800</t>
  </si>
  <si>
    <t>buurten.f095e2af-7e4a-4202-a416-bbf1cb4cd7fe</t>
  </si>
  <si>
    <t>BU05032801</t>
  </si>
  <si>
    <t>TU-Noord</t>
  </si>
  <si>
    <t>2021BU05032801</t>
  </si>
  <si>
    <t>buurten.1c638ed0-c5e5-41bd-b9bc-1be943ab0d2a</t>
  </si>
  <si>
    <t>BU05032802</t>
  </si>
  <si>
    <t>Wippolder-Noord</t>
  </si>
  <si>
    <t>2021BU05032802</t>
  </si>
  <si>
    <t>buurten.5f51cb4c-ace2-43af-8cb2-b2a97fe79ded</t>
  </si>
  <si>
    <t>BU05032803</t>
  </si>
  <si>
    <t>Wippolder-Zuid</t>
  </si>
  <si>
    <t>2021BU05032803</t>
  </si>
  <si>
    <t>buurten.0e4dd4aa-b778-4c56-bac1-6c6bebee0c93</t>
  </si>
  <si>
    <t>BU05032804</t>
  </si>
  <si>
    <t>Bedrijventerrein Rotterdamseweg-Noord</t>
  </si>
  <si>
    <t>2021BU05032804</t>
  </si>
  <si>
    <t>buurten.067891b5-596d-4808-8976-bb454e74f17f</t>
  </si>
  <si>
    <t>BU05032805</t>
  </si>
  <si>
    <t>TU-Campus</t>
  </si>
  <si>
    <t>2021BU05032805</t>
  </si>
  <si>
    <t>buurten.3aa811ec-710b-46ab-ae7e-cbd5e2b2114d</t>
  </si>
  <si>
    <t>BU05032806</t>
  </si>
  <si>
    <t>2021BU05032806</t>
  </si>
  <si>
    <t>buurten.06db8d6a-02a5-470d-aa50-c77ddbe7318b</t>
  </si>
  <si>
    <t>PL1926010009</t>
  </si>
  <si>
    <t>2044</t>
  </si>
  <si>
    <t>geothermie LT/MT</t>
  </si>
  <si>
    <t>LT/MT warmte: geothermie</t>
  </si>
  <si>
    <t>BU05032807</t>
  </si>
  <si>
    <t>Bedrijventerrein Delftech</t>
  </si>
  <si>
    <t>2021BU05032807</t>
  </si>
  <si>
    <t>buurten.815de051-fdc8-401e-b79d-2a6a47ab4e98</t>
  </si>
  <si>
    <t>PL0503010013</t>
  </si>
  <si>
    <t>TU Campus</t>
  </si>
  <si>
    <t>BU05032808</t>
  </si>
  <si>
    <t>Pauwmolen</t>
  </si>
  <si>
    <t>2021BU05032808</t>
  </si>
  <si>
    <t>buurten.997a6d3a-6e85-464d-b0ed-62ff9fdd2749</t>
  </si>
  <si>
    <t>Oud Delfgauw en Emelrald Noord</t>
  </si>
  <si>
    <t>BU05032809</t>
  </si>
  <si>
    <t>Koningsveldbuurt</t>
  </si>
  <si>
    <t>2021BU05032809</t>
  </si>
  <si>
    <t>buurten.93945614-4693-4729-bc08-28f0fcfbb37e</t>
  </si>
  <si>
    <t>BU05032900</t>
  </si>
  <si>
    <t>Bedrijventerrein Rotterdamseweg-Zuid</t>
  </si>
  <si>
    <t>WK050329</t>
  </si>
  <si>
    <t>2021BU05032900</t>
  </si>
  <si>
    <t>buurten.ecbe5945-73fc-41b8-bd2b-8dcfdbdec8d0</t>
  </si>
  <si>
    <t>BU05032901</t>
  </si>
  <si>
    <t>Bedrijventerrein Technopolis</t>
  </si>
  <si>
    <t>2021BU05032901</t>
  </si>
  <si>
    <t>buurten.abd0b9b5-d415-4c0d-9356-444c0fd37674</t>
  </si>
  <si>
    <t>BU05032902</t>
  </si>
  <si>
    <t>Ackersdijk</t>
  </si>
  <si>
    <t>2021BU05032902</t>
  </si>
  <si>
    <t>buurten.c83f5317-2fde-4a7e-a850-b517c7cc069f</t>
  </si>
  <si>
    <t>BU05050100</t>
  </si>
  <si>
    <t>Nieuwe Haven en omgeving</t>
  </si>
  <si>
    <t>WK050501</t>
  </si>
  <si>
    <t>2021BU05050100</t>
  </si>
  <si>
    <t>buurten.c1a3c7bb-587f-48bf-82fb-ad2eba4d9943</t>
  </si>
  <si>
    <t>PL0505010001</t>
  </si>
  <si>
    <t>besparingsbuurten</t>
  </si>
  <si>
    <t>BU05050101</t>
  </si>
  <si>
    <t>Groenmarkt en omgeving</t>
  </si>
  <si>
    <t>2021BU05050101</t>
  </si>
  <si>
    <t>buurten.fb4760c2-304b-489e-923b-ac8977bda56e</t>
  </si>
  <si>
    <t>BU05050102</t>
  </si>
  <si>
    <t>Grote Markt en omgeving</t>
  </si>
  <si>
    <t>2021BU05050102</t>
  </si>
  <si>
    <t>buurten.93a44c2c-35e1-4af2-ae0e-7f263c083708</t>
  </si>
  <si>
    <t>BU05050103</t>
  </si>
  <si>
    <t>Wijnstraat en omgeving</t>
  </si>
  <si>
    <t>2021BU05050103</t>
  </si>
  <si>
    <t>buurten.d8b2a1ee-04af-4fc3-90d7-d0c8b14bd114</t>
  </si>
  <si>
    <t>BU05050104</t>
  </si>
  <si>
    <t>Kalkhaven</t>
  </si>
  <si>
    <t>2021BU05050104</t>
  </si>
  <si>
    <t>buurten.a2af74ce-8ed5-4f2e-b8f9-c3480ef8d9f9</t>
  </si>
  <si>
    <t>BU05050105</t>
  </si>
  <si>
    <t>Achterhakkers en omgeving</t>
  </si>
  <si>
    <t>2021BU05050105</t>
  </si>
  <si>
    <t>buurten.2452ff31-0e4b-4747-a1a8-8a7a07426f91</t>
  </si>
  <si>
    <t>PL0505010005</t>
  </si>
  <si>
    <t>warmtenetten eindbeeld</t>
  </si>
  <si>
    <t>WCW, haalbaar en betaalbaar</t>
  </si>
  <si>
    <t>BU05050106</t>
  </si>
  <si>
    <t>Boogjes en omgeving</t>
  </si>
  <si>
    <t>2021BU05050106</t>
  </si>
  <si>
    <t>buurten.7fb98f68-6df4-4a63-9787-e03890079d9d</t>
  </si>
  <si>
    <t>PL0505010006</t>
  </si>
  <si>
    <t>warmtenetten vanaf 2021</t>
  </si>
  <si>
    <t>BU05050107</t>
  </si>
  <si>
    <t>Lombard en omgeving</t>
  </si>
  <si>
    <t>2021BU05050107</t>
  </si>
  <si>
    <t>buurten.7f48eb95-c4cf-4ea8-9573-3c636b9dbeeb</t>
  </si>
  <si>
    <t>BU05050108</t>
  </si>
  <si>
    <t>2021BU05050108</t>
  </si>
  <si>
    <t>buurten.1c3362c0-5ca6-4bb8-9fee-8c76687f230e</t>
  </si>
  <si>
    <t>BU05050109</t>
  </si>
  <si>
    <t>Augustijnenkamp en omgeving</t>
  </si>
  <si>
    <t>2021BU05050109</t>
  </si>
  <si>
    <t>buurten.bdd94877-7222-4a6d-847b-926dce508c1b</t>
  </si>
  <si>
    <t>BU05050110</t>
  </si>
  <si>
    <t>Geldelozepad en omgeving</t>
  </si>
  <si>
    <t>2021BU05050110</t>
  </si>
  <si>
    <t>buurten.0b8c2904-1d63-4b16-8ed3-6e598d90b9f4</t>
  </si>
  <si>
    <t>BU05050111</t>
  </si>
  <si>
    <t>Rozenhof en omgeving</t>
  </si>
  <si>
    <t>2021BU05050111</t>
  </si>
  <si>
    <t>buurten.ddf0a7a7-cb02-455d-8c0d-5739ba7602d1</t>
  </si>
  <si>
    <t>BU05050112</t>
  </si>
  <si>
    <t>Beverwijcksplein en omgeving</t>
  </si>
  <si>
    <t>2021BU05050112</t>
  </si>
  <si>
    <t>buurten.2e25e21b-988a-4e36-86e1-3295bb0fdcab</t>
  </si>
  <si>
    <t>BU05050113</t>
  </si>
  <si>
    <t>Burgemeester de Raadtsingel en omgeving</t>
  </si>
  <si>
    <t>2021BU05050113</t>
  </si>
  <si>
    <t>buurten.c56bcb27-edc6-416c-bf0e-97cd53359cfc</t>
  </si>
  <si>
    <t>BU05050114</t>
  </si>
  <si>
    <t>Kon. Wilhelminastraat en omgeving</t>
  </si>
  <si>
    <t>2021BU05050114</t>
  </si>
  <si>
    <t>buurten.9de4769f-62dc-4149-8aeb-8a423c9b8320</t>
  </si>
  <si>
    <t>BU05050200</t>
  </si>
  <si>
    <t>Bleijenhoek</t>
  </si>
  <si>
    <t>WK050502</t>
  </si>
  <si>
    <t>2021BU05050200</t>
  </si>
  <si>
    <t>buurten.68feaa2d-a2b3-428d-bdec-f6ada401ca07</t>
  </si>
  <si>
    <t>BU05050201</t>
  </si>
  <si>
    <t>2021BU05050201</t>
  </si>
  <si>
    <t>buurten.71ada44e-666d-4ecb-8cc9-00b27641613f</t>
  </si>
  <si>
    <t>BU05050202</t>
  </si>
  <si>
    <t>Lijnbaan</t>
  </si>
  <si>
    <t>2021BU05050202</t>
  </si>
  <si>
    <t>buurten.b0e5e19a-60c1-444d-8b82-53a30bf93318</t>
  </si>
  <si>
    <t>BU05050203</t>
  </si>
  <si>
    <t>Matena's Pad en omgeving</t>
  </si>
  <si>
    <t>2021BU05050203</t>
  </si>
  <si>
    <t>buurten.462d5e0c-e01e-422b-aed6-90afb0c24183</t>
  </si>
  <si>
    <t>BU05050204</t>
  </si>
  <si>
    <t>Merwestein-Noord</t>
  </si>
  <si>
    <t>2021BU05050204</t>
  </si>
  <si>
    <t>buurten.d4dd507a-5e39-4e1d-a1e5-d13814772b08</t>
  </si>
  <si>
    <t>BU05050205</t>
  </si>
  <si>
    <t>Kasperspad en omgeving</t>
  </si>
  <si>
    <t>2021BU05050205</t>
  </si>
  <si>
    <t>buurten.0684f1f9-20c1-4654-ab2b-db017873e051</t>
  </si>
  <si>
    <t>BU05050206</t>
  </si>
  <si>
    <t>Park Merwestein en omgeving</t>
  </si>
  <si>
    <t>2021BU05050206</t>
  </si>
  <si>
    <t>buurten.f7ea2b2d-244c-4e56-bf9c-89fa3737a92b</t>
  </si>
  <si>
    <t>BU05050300</t>
  </si>
  <si>
    <t>Zuidendijk</t>
  </si>
  <si>
    <t>WK050503</t>
  </si>
  <si>
    <t>2021BU05050300</t>
  </si>
  <si>
    <t>buurten.8fb348ca-bbfb-4b79-8009-363430d62945</t>
  </si>
  <si>
    <t>PL0505010002</t>
  </si>
  <si>
    <t>PL0505010007</t>
  </si>
  <si>
    <t>bedrijventerreinen Dordrecht</t>
  </si>
  <si>
    <t>warmtenetten vanaf 2031</t>
  </si>
  <si>
    <t>BU05050301</t>
  </si>
  <si>
    <t>Viottakade en omgeving</t>
  </si>
  <si>
    <t>2021BU05050301</t>
  </si>
  <si>
    <t>buurten.b681975e-6f36-4e57-bb3d-e6c03fe6e621</t>
  </si>
  <si>
    <t>BU05050302</t>
  </si>
  <si>
    <t>Erasmuslaan en omgeving</t>
  </si>
  <si>
    <t>2021BU05050302</t>
  </si>
  <si>
    <t>buurten.6e31ceeb-42a4-4b14-a035-79d68e2cb3f4</t>
  </si>
  <si>
    <t>BU05050303</t>
  </si>
  <si>
    <t>Breitnerstraat en omgeving</t>
  </si>
  <si>
    <t>2021BU05050303</t>
  </si>
  <si>
    <t>buurten.7acf5f25-ade0-4e56-987c-c6fd5c4377a8</t>
  </si>
  <si>
    <t>BU05050304</t>
  </si>
  <si>
    <t>Jacob Marisstraat en omgeving</t>
  </si>
  <si>
    <t>2021BU05050304</t>
  </si>
  <si>
    <t>buurten.1721fc3c-ec9d-4e24-a23f-d3dd1a0f70cc</t>
  </si>
  <si>
    <t>BU05050305</t>
  </si>
  <si>
    <t>Krispijnse Driehoek</t>
  </si>
  <si>
    <t>2021BU05050305</t>
  </si>
  <si>
    <t>buurten.7e5dff7a-d628-481f-9ae4-c60aa1e2538f</t>
  </si>
  <si>
    <t>BU05050306</t>
  </si>
  <si>
    <t>Jacob Catsstraat en omgeving</t>
  </si>
  <si>
    <t>2021BU05050306</t>
  </si>
  <si>
    <t>buurten.2e761800-5c8c-4f21-b2e2-9687d0285573</t>
  </si>
  <si>
    <t>BU05050307</t>
  </si>
  <si>
    <t>Rembrandtlaan en omgeving</t>
  </si>
  <si>
    <t>2021BU05050307</t>
  </si>
  <si>
    <t>buurten.e423ae1a-4602-49c5-be21-4696872fd749</t>
  </si>
  <si>
    <t>BU05050400</t>
  </si>
  <si>
    <t>Pr. Bernhardstraat en omgeving</t>
  </si>
  <si>
    <t>WK050504</t>
  </si>
  <si>
    <t>2021BU05050400</t>
  </si>
  <si>
    <t>buurten.6f9132e1-cb47-4235-9bc4-19b3d22cba51</t>
  </si>
  <si>
    <t>BU05050401</t>
  </si>
  <si>
    <t>Waldeck Pyrmontweg en omgeving</t>
  </si>
  <si>
    <t>2021BU05050401</t>
  </si>
  <si>
    <t>buurten.c8a49e50-2814-4c0e-b6d5-b028ff9ea463</t>
  </si>
  <si>
    <t>BU05050402</t>
  </si>
  <si>
    <t>Anna Paulownastraat en omgeving</t>
  </si>
  <si>
    <t>2021BU05050402</t>
  </si>
  <si>
    <t>buurten.0a18cee6-60b0-4966-9847-761223f28b4e</t>
  </si>
  <si>
    <t>BU05050403</t>
  </si>
  <si>
    <t>Emmastraat en omgeving</t>
  </si>
  <si>
    <t>2021BU05050403</t>
  </si>
  <si>
    <t>buurten.eddb6759-13cf-4ef8-95f8-50824e06ea5a</t>
  </si>
  <si>
    <t>BU05050404</t>
  </si>
  <si>
    <t>2021BU05050404</t>
  </si>
  <si>
    <t>buurten.31c96a4f-69b2-4d58-924d-d36b331b6c84</t>
  </si>
  <si>
    <t>BU05050405</t>
  </si>
  <si>
    <t>Weizigtpark</t>
  </si>
  <si>
    <t>2021BU05050405</t>
  </si>
  <si>
    <t>buurten.f2810bd5-471f-43b3-9313-07134dbbc198</t>
  </si>
  <si>
    <t>BU05050406</t>
  </si>
  <si>
    <t>Nieuweweg en omgeving</t>
  </si>
  <si>
    <t>2021BU05050406</t>
  </si>
  <si>
    <t>buurten.31daf4c3-2cd8-405a-af67-f444ad8fe5eb</t>
  </si>
  <si>
    <t>BU05050500</t>
  </si>
  <si>
    <t>Wantijpark en omgeving</t>
  </si>
  <si>
    <t>WK050505</t>
  </si>
  <si>
    <t>2021BU05050500</t>
  </si>
  <si>
    <t>buurten.cf98a82f-8991-46b4-acf8-d95f7ebd4a45</t>
  </si>
  <si>
    <t>BU05050501</t>
  </si>
  <si>
    <t>Transvaalstraat en omgeving</t>
  </si>
  <si>
    <t>2021BU05050501</t>
  </si>
  <si>
    <t>buurten.a3ee7756-d9ef-42a0-969f-494c35bfbdb1</t>
  </si>
  <si>
    <t>BU05050502</t>
  </si>
  <si>
    <t>2021BU05050502</t>
  </si>
  <si>
    <t>buurten.72e37316-1f25-42e1-b88e-f30610a9cea9</t>
  </si>
  <si>
    <t>BU05050503</t>
  </si>
  <si>
    <t>2021BU05050503</t>
  </si>
  <si>
    <t>buurten.c911f2d7-e095-41a0-a3fe-6c6c365ff757</t>
  </si>
  <si>
    <t>BU05050504</t>
  </si>
  <si>
    <t>Boeroestraat en omgeving</t>
  </si>
  <si>
    <t>2021BU05050504</t>
  </si>
  <si>
    <t>buurten.ed15494d-f72b-4fb7-b484-3b6455e74aa7</t>
  </si>
  <si>
    <t>BU05050505</t>
  </si>
  <si>
    <t>Vogelplein-Aalscholverstraat en omgeving</t>
  </si>
  <si>
    <t>2021BU05050505</t>
  </si>
  <si>
    <t>buurten.a5eecb7a-113e-4843-a703-0b6a25223971</t>
  </si>
  <si>
    <t>BU05050506</t>
  </si>
  <si>
    <t>Hoekenessestraat en omgeving</t>
  </si>
  <si>
    <t>2021BU05050506</t>
  </si>
  <si>
    <t>buurten.1009b411-27b6-47c3-8dd5-c9d89da08469</t>
  </si>
  <si>
    <t>BU05050507</t>
  </si>
  <si>
    <t>Standhasenstraat en omgeving</t>
  </si>
  <si>
    <t>2021BU05050507</t>
  </si>
  <si>
    <t>buurten.f2b5815f-336c-4303-9f41-ad7303a823e8</t>
  </si>
  <si>
    <t>BU05050508</t>
  </si>
  <si>
    <t>Heysterbachstraat en omgeving</t>
  </si>
  <si>
    <t>2021BU05050508</t>
  </si>
  <si>
    <t>buurten.a93e16ac-f449-4daa-9ed8-35434beb7380</t>
  </si>
  <si>
    <t>BU05050509</t>
  </si>
  <si>
    <t>Maria Montessorilaan en omgeving</t>
  </si>
  <si>
    <t>2021BU05050509</t>
  </si>
  <si>
    <t>buurten.4a0ca440-5b09-49a5-a140-e6e11ad9cf54</t>
  </si>
  <si>
    <t>BU05050510</t>
  </si>
  <si>
    <t>Sportterrein Krommedijk</t>
  </si>
  <si>
    <t>2021BU05050510</t>
  </si>
  <si>
    <t>buurten.1c4717e6-de0e-4b8f-81e3-423a99becaca</t>
  </si>
  <si>
    <t>BU05050600</t>
  </si>
  <si>
    <t>Plein 1940-1945 en omgeving</t>
  </si>
  <si>
    <t>WK050506</t>
  </si>
  <si>
    <t>2021BU05050600</t>
  </si>
  <si>
    <t>buurten.7b9b3e4e-4803-4e74-80ab-412aa32b558c</t>
  </si>
  <si>
    <t>BU05050601</t>
  </si>
  <si>
    <t>Beekmanstraat en omgeving</t>
  </si>
  <si>
    <t>2021BU05050601</t>
  </si>
  <si>
    <t>buurten.56ff460b-1d39-4380-88ae-bd36f8dfe5b3</t>
  </si>
  <si>
    <t>BU05050602</t>
  </si>
  <si>
    <t>Noorderkwartier</t>
  </si>
  <si>
    <t>2021BU05050602</t>
  </si>
  <si>
    <t>buurten.655c920b-3238-49ff-adff-1ec842ee8c91</t>
  </si>
  <si>
    <t>BU05050603</t>
  </si>
  <si>
    <t>Amerstraat en omgeving</t>
  </si>
  <si>
    <t>2021BU05050603</t>
  </si>
  <si>
    <t>buurten.9a0a2edb-cc08-414f-a119-1920c79fe7e8</t>
  </si>
  <si>
    <t>BU05050604</t>
  </si>
  <si>
    <t>Merwedepolder-West</t>
  </si>
  <si>
    <t>2021BU05050604</t>
  </si>
  <si>
    <t>buurten.47e2d8a5-6276-4ae3-8ba3-e5f74dff553c</t>
  </si>
  <si>
    <t>PL0505010004</t>
  </si>
  <si>
    <t>all-electric Dordrecht 2021-2040</t>
  </si>
  <si>
    <t>BU05050605</t>
  </si>
  <si>
    <t>Merwedepolder-Oost</t>
  </si>
  <si>
    <t>2021BU05050605</t>
  </si>
  <si>
    <t>buurten.9f43b64c-70c3-40bd-b1e9-5338bb486f9e</t>
  </si>
  <si>
    <t>BU05050606</t>
  </si>
  <si>
    <t>Spaarbekken</t>
  </si>
  <si>
    <t>2021BU05050606</t>
  </si>
  <si>
    <t>buurten.2f7a82c9-dc1f-4ed3-af64-fc66434a6fb1</t>
  </si>
  <si>
    <t>BU05050607</t>
  </si>
  <si>
    <t>1e Merwedehaven en omgeving</t>
  </si>
  <si>
    <t>2021BU05050607</t>
  </si>
  <si>
    <t>buurten.0b124c79-2cce-4729-86ce-4f3d49ce90f5</t>
  </si>
  <si>
    <t>BU05050608</t>
  </si>
  <si>
    <t>2e Merwedehaven en omgeving</t>
  </si>
  <si>
    <t>2021BU05050608</t>
  </si>
  <si>
    <t>buurten.32fc8448-f61f-464b-bdb9-046a131064a4</t>
  </si>
  <si>
    <t>GM0610</t>
  </si>
  <si>
    <t>Sliedrecht</t>
  </si>
  <si>
    <t>afspraken uit RES Drechtsteden: energieneutraal in 2050 + 12000 WEQ extra aardgasvrij in 2030 (25000 als aan aantal randvoorwaarden wordt voldaan)</t>
  </si>
  <si>
    <t>DC061001</t>
  </si>
  <si>
    <t>Transitievisie Warmte: Naar een aardgasvrije gebouwde omgeving in Sliedrecht</t>
  </si>
  <si>
    <t>voor iedereen haalbaar en betaalbaar en iedereen kan meedoen. Landelijke overheid moet financiele randvoorwaarden invullen.</t>
  </si>
  <si>
    <t>uitnodigingskader: een aantal richtinggevende en samenhangende afspraken waarbinnen we nieuwe en lopende aardgasvrije initiatieven uit de samenleving kunnen plaatsen en waarbinnen we het gesprek kunnen voeren met initiatiefnemers en marktpartijen.</t>
  </si>
  <si>
    <t>ongeveer 20% van de woningen aanrdgasvrij in 2030, 100% in 2050</t>
  </si>
  <si>
    <t>https://www.sliedrecht.nl/Wonen_omgeving/Omgeving/Duurzaam_Sliedrecht/Energietransitie</t>
  </si>
  <si>
    <t>PL0610010007</t>
  </si>
  <si>
    <t>tempo afhankelijk va handhaving wet milieubeheer</t>
  </si>
  <si>
    <t>tot 70% gas besparen</t>
  </si>
  <si>
    <t>WKO (mogelijk)</t>
  </si>
  <si>
    <t>BU05050700</t>
  </si>
  <si>
    <t>Admiraalsplein</t>
  </si>
  <si>
    <t>WK050507</t>
  </si>
  <si>
    <t>2021BU05050700</t>
  </si>
  <si>
    <t>buurten.d110c51a-8fb9-471d-b0bf-6950e9185e85</t>
  </si>
  <si>
    <t>BU05050701</t>
  </si>
  <si>
    <t>Van Kinsbergenstraat en omgeving</t>
  </si>
  <si>
    <t>2021BU05050701</t>
  </si>
  <si>
    <t>buurten.c6cf2b5e-22aa-4ed3-8d2e-d9a46da0ca5b</t>
  </si>
  <si>
    <t>BU05050702</t>
  </si>
  <si>
    <t>Cornelis Evertsenstraat en omgeving</t>
  </si>
  <si>
    <t>2021BU05050702</t>
  </si>
  <si>
    <t>buurten.850418a5-7b6c-4163-a08e-6b529736a7de</t>
  </si>
  <si>
    <t>BU05050703</t>
  </si>
  <si>
    <t>Dorus Rijkersstraat en omgeving</t>
  </si>
  <si>
    <t>2021BU05050703</t>
  </si>
  <si>
    <t>buurten.5590db81-baeb-420e-97fe-c854bb6280d3</t>
  </si>
  <si>
    <t>BU05050704</t>
  </si>
  <si>
    <t>Van Ewijckstraat en omgeving</t>
  </si>
  <si>
    <t>2021BU05050704</t>
  </si>
  <si>
    <t>buurten.aa6c0bb1-7b7a-417b-b8f8-9d578c92ae3b</t>
  </si>
  <si>
    <t>BU05050705</t>
  </si>
  <si>
    <t>Zeehavenlaan en omgeving</t>
  </si>
  <si>
    <t>2021BU05050705</t>
  </si>
  <si>
    <t>buurten.bc341a4b-cb0f-4b7e-bdb8-1b1af28cc4a7</t>
  </si>
  <si>
    <t>BU05050706</t>
  </si>
  <si>
    <t>Laan der Verenigde Naties Noord</t>
  </si>
  <si>
    <t>2021BU05050706</t>
  </si>
  <si>
    <t>buurten.322e49f1-d5eb-49e3-ba0a-611b7501778b</t>
  </si>
  <si>
    <t>BU05050707</t>
  </si>
  <si>
    <t>Dordtse Hout</t>
  </si>
  <si>
    <t>2021BU05050707</t>
  </si>
  <si>
    <t>buurten.786bb23c-9a08-4cd7-828e-c0fa7bc68d1f</t>
  </si>
  <si>
    <t>BU05050800</t>
  </si>
  <si>
    <t>Crabbehof-Zuid</t>
  </si>
  <si>
    <t>WK050508</t>
  </si>
  <si>
    <t>2021BU05050800</t>
  </si>
  <si>
    <t>buurten.d369de50-ab63-4166-a724-82b6cd6579cf</t>
  </si>
  <si>
    <t>BU05050801</t>
  </si>
  <si>
    <t>Crabbehof-Noord</t>
  </si>
  <si>
    <t>2021BU05050801</t>
  </si>
  <si>
    <t>buurten.c7f71326-7e55-4977-9ba5-072e8de93f7e</t>
  </si>
  <si>
    <t>BU05050802</t>
  </si>
  <si>
    <t>Zuidhoven</t>
  </si>
  <si>
    <t>2021BU05050802</t>
  </si>
  <si>
    <t>buurten.9e460922-6f2f-41c0-98c6-af1e55e0bad8</t>
  </si>
  <si>
    <t>BU05050900</t>
  </si>
  <si>
    <t>Sterrenburg 1-West</t>
  </si>
  <si>
    <t>WK050509</t>
  </si>
  <si>
    <t>2021BU05050900</t>
  </si>
  <si>
    <t>buurten.8ce02ff9-ac34-471d-9aaa-5d326fcd138b</t>
  </si>
  <si>
    <t>BU05050901</t>
  </si>
  <si>
    <t>Sterrenburg 1-Oost</t>
  </si>
  <si>
    <t>2021BU05050901</t>
  </si>
  <si>
    <t>buurten.026eebeb-2726-4836-b91d-e93b22251cca</t>
  </si>
  <si>
    <t>BU05050902</t>
  </si>
  <si>
    <t>Waterman en omgeving</t>
  </si>
  <si>
    <t>2021BU05050902</t>
  </si>
  <si>
    <t>buurten.30a56603-5dc5-4d51-8211-939a73462099</t>
  </si>
  <si>
    <t>BU05050903</t>
  </si>
  <si>
    <t>Driehoek en omgeving</t>
  </si>
  <si>
    <t>2021BU05050903</t>
  </si>
  <si>
    <t>buurten.fb7108be-ef98-44aa-963c-b4888e3140c4</t>
  </si>
  <si>
    <t>BU05050904</t>
  </si>
  <si>
    <t>Blaauwweg en omgeving</t>
  </si>
  <si>
    <t>2021BU05050904</t>
  </si>
  <si>
    <t>buurten.b6f7e66b-9331-4d19-9714-2aab4f0bea3c</t>
  </si>
  <si>
    <t>BU05050905</t>
  </si>
  <si>
    <t>Minnaertweg en omgeving</t>
  </si>
  <si>
    <t>2021BU05050905</t>
  </si>
  <si>
    <t>buurten.a342f8ac-72e3-4b1f-9569-17f0ea92f54a</t>
  </si>
  <si>
    <t>BU05050906</t>
  </si>
  <si>
    <t>Mildenburg en omgeving</t>
  </si>
  <si>
    <t>2021BU05050906</t>
  </si>
  <si>
    <t>buurten.d97c58a3-6e9f-440e-9701-d58e567003e3</t>
  </si>
  <si>
    <t>BU05050907</t>
  </si>
  <si>
    <t>Zuilenburg en omgeving</t>
  </si>
  <si>
    <t>2021BU05050907</t>
  </si>
  <si>
    <t>buurten.bd0d5e80-2723-47db-9dc6-da1be8711392</t>
  </si>
  <si>
    <t>BU05050908</t>
  </si>
  <si>
    <t>Vredenburg en omgeving</t>
  </si>
  <si>
    <t>2021BU05050908</t>
  </si>
  <si>
    <t>buurten.a7fe5191-6a96-4773-90b0-04f1d02c9c0e</t>
  </si>
  <si>
    <t>BU05050909</t>
  </si>
  <si>
    <t>Wittenstein en omgeving</t>
  </si>
  <si>
    <t>2021BU05050909</t>
  </si>
  <si>
    <t>buurten.b3cec79d-c434-4c9f-b27a-0e532780fe8b</t>
  </si>
  <si>
    <t>BU05050910</t>
  </si>
  <si>
    <t>Smitsweg</t>
  </si>
  <si>
    <t>2021BU05050910</t>
  </si>
  <si>
    <t>buurten.c4da0b75-b463-4609-baf6-ffefddeb9689</t>
  </si>
  <si>
    <t>BU05051000</t>
  </si>
  <si>
    <t>Vissersdijk-West</t>
  </si>
  <si>
    <t>WK050510</t>
  </si>
  <si>
    <t>2021BU05051000</t>
  </si>
  <si>
    <t>buurten.dc1c1fad-10a2-47fd-bddb-b2c8f3bba5f7</t>
  </si>
  <si>
    <t>BU05051001</t>
  </si>
  <si>
    <t>Vissersdijk-Beneden</t>
  </si>
  <si>
    <t>2021BU05051001</t>
  </si>
  <si>
    <t>buurten.cc79ee6c-85f7-4d62-bde7-b867b3e43cd1</t>
  </si>
  <si>
    <t>BU05051002</t>
  </si>
  <si>
    <t>Vissersdijk-Oost</t>
  </si>
  <si>
    <t>2021BU05051002</t>
  </si>
  <si>
    <t>buurten.3ef67fd0-8c7a-4275-a90e-a8b26fc34935</t>
  </si>
  <si>
    <t>BU05051003</t>
  </si>
  <si>
    <t>Egstraat en omgeving</t>
  </si>
  <si>
    <t>2021BU05051003</t>
  </si>
  <si>
    <t>buurten.900debf3-7f24-464b-a7a0-a7d4ceae9921</t>
  </si>
  <si>
    <t>BU05051004</t>
  </si>
  <si>
    <t>Oudendijk en omgeving</t>
  </si>
  <si>
    <t>2021BU05051004</t>
  </si>
  <si>
    <t>buurten.e641c3f2-3cd5-4c52-9938-c73d30b4c22d</t>
  </si>
  <si>
    <t>BU05051005</t>
  </si>
  <si>
    <t>Vissersdijk-Noord</t>
  </si>
  <si>
    <t>2021BU05051005</t>
  </si>
  <si>
    <t>buurten.576cf811-fafb-494d-81b1-37d160cd745a</t>
  </si>
  <si>
    <t>BU05051006</t>
  </si>
  <si>
    <t>Dubbeldam-Noord</t>
  </si>
  <si>
    <t>2021BU05051006</t>
  </si>
  <si>
    <t>buurten.cc209b81-ad86-4cbe-aeee-44b574670be4</t>
  </si>
  <si>
    <t>BU05051007</t>
  </si>
  <si>
    <t>Dubbeldam-Zuid</t>
  </si>
  <si>
    <t>2021BU05051007</t>
  </si>
  <si>
    <t>buurten.856ddca2-b723-4662-b7ec-f2f796413445</t>
  </si>
  <si>
    <t>BU05051008</t>
  </si>
  <si>
    <t>Bastion locatie</t>
  </si>
  <si>
    <t>2021BU05051008</t>
  </si>
  <si>
    <t>buurten.540f72bd-8c72-4fdc-b466-647cccbd8c76</t>
  </si>
  <si>
    <t>BU05051009</t>
  </si>
  <si>
    <t>Locatie Karel Lotsyweg</t>
  </si>
  <si>
    <t>2021BU05051009</t>
  </si>
  <si>
    <t>buurten.f4406270-a71e-421d-a5cd-7830b5de4baa</t>
  </si>
  <si>
    <t>BU05051010</t>
  </si>
  <si>
    <t>Albert Schweitzerplaats</t>
  </si>
  <si>
    <t>2021BU05051010</t>
  </si>
  <si>
    <t>buurten.b5dfa6a0-81d4-4cd2-9641-f78f9376c73c</t>
  </si>
  <si>
    <t>BU05051011</t>
  </si>
  <si>
    <t>2021BU05051011</t>
  </si>
  <si>
    <t>buurten.ee8f12ac-964d-4635-beb2-a1aa9a2142d2</t>
  </si>
  <si>
    <t>BU05051012</t>
  </si>
  <si>
    <t>Zuidpolder</t>
  </si>
  <si>
    <t>2021BU05051012</t>
  </si>
  <si>
    <t>buurten.3000566d-ad62-41ed-b4ce-5afee439a0f0</t>
  </si>
  <si>
    <t>BU05051013</t>
  </si>
  <si>
    <t>Belthure Park</t>
  </si>
  <si>
    <t>2021BU05051013</t>
  </si>
  <si>
    <t>buurten.6cb9d6f5-043d-4835-a69d-e65407dfeae0</t>
  </si>
  <si>
    <t>BU05051100</t>
  </si>
  <si>
    <t>Amazone en omgeving</t>
  </si>
  <si>
    <t>WK050511</t>
  </si>
  <si>
    <t>2021BU05051100</t>
  </si>
  <si>
    <t>buurten.e57532f5-b826-48f0-9f0e-288e885974d8</t>
  </si>
  <si>
    <t>BU05051101</t>
  </si>
  <si>
    <t>Palissander en omgeving</t>
  </si>
  <si>
    <t>2021BU05051101</t>
  </si>
  <si>
    <t>buurten.b4ba5187-36eb-4675-99c8-baec81c1cefb</t>
  </si>
  <si>
    <t>BU05051102</t>
  </si>
  <si>
    <t>Azobe en omgeving</t>
  </si>
  <si>
    <t>2021BU05051102</t>
  </si>
  <si>
    <t>buurten.7cdc6ace-0a81-4e9d-bc10-115efa61ffb2</t>
  </si>
  <si>
    <t>BU05051103</t>
  </si>
  <si>
    <t>Iroko en omgeving</t>
  </si>
  <si>
    <t>2021BU05051103</t>
  </si>
  <si>
    <t>buurten.5548f1e7-11fb-47cc-a505-8421a938c74d</t>
  </si>
  <si>
    <t>BU05051104</t>
  </si>
  <si>
    <t>Bedrijventerrein Groene Zoom</t>
  </si>
  <si>
    <t>2021BU05051104</t>
  </si>
  <si>
    <t>buurten.c3875268-b56a-4fce-b7ce-bb84cfc6ed10</t>
  </si>
  <si>
    <t>BU05051105</t>
  </si>
  <si>
    <t>Van Ravesteijn-erf en omgeving</t>
  </si>
  <si>
    <t>2021BU05051105</t>
  </si>
  <si>
    <t>buurten.ff6dafaf-f436-437f-a3ee-9f317608a591</t>
  </si>
  <si>
    <t>BU05051106</t>
  </si>
  <si>
    <t>Van den Broek-erf en omgeving</t>
  </si>
  <si>
    <t>2021BU05051106</t>
  </si>
  <si>
    <t>buurten.ee6612f2-33f4-428e-ab36-c3130e249368</t>
  </si>
  <si>
    <t>BU05051107</t>
  </si>
  <si>
    <t>Suze Groeneweg-erf en omgeving</t>
  </si>
  <si>
    <t>2021BU05051107</t>
  </si>
  <si>
    <t>buurten.4903d167-0852-455b-9a59-a501c8dd12ce</t>
  </si>
  <si>
    <t>BU05051108</t>
  </si>
  <si>
    <t>Joke Smit-erf en omgeving</t>
  </si>
  <si>
    <t>2021BU05051108</t>
  </si>
  <si>
    <t>buurten.d2b7ffdb-37f5-4abd-8116-9acc0119eaf5</t>
  </si>
  <si>
    <t>BU05051109</t>
  </si>
  <si>
    <t>Pearl Buck-erf en omgeving</t>
  </si>
  <si>
    <t>2021BU05051109</t>
  </si>
  <si>
    <t>buurten.a665f68d-d872-4b48-9e0a-252c0b08a128</t>
  </si>
  <si>
    <t>BU05051110</t>
  </si>
  <si>
    <t>Aletta Jacobs-erf en omgeving</t>
  </si>
  <si>
    <t>2021BU05051110</t>
  </si>
  <si>
    <t>buurten.7335c8de-8f71-4d87-bf12-ce2ad86779fd</t>
  </si>
  <si>
    <t>BU05051111</t>
  </si>
  <si>
    <t>Johanna Naber-erf en omgeving</t>
  </si>
  <si>
    <t>2021BU05051111</t>
  </si>
  <si>
    <t>buurten.b28fe98e-b2fc-4488-b573-23938f11adc3</t>
  </si>
  <si>
    <t>BU05051112</t>
  </si>
  <si>
    <t>Bildersteeg en omgeving</t>
  </si>
  <si>
    <t>2021BU05051112</t>
  </si>
  <si>
    <t>buurten.046915e2-8a20-497b-8725-ad1a8b1a3749</t>
  </si>
  <si>
    <t>BU05051900</t>
  </si>
  <si>
    <t>Weeskinderendijk en Dokweg</t>
  </si>
  <si>
    <t>WK050519</t>
  </si>
  <si>
    <t>2021BU05051900</t>
  </si>
  <si>
    <t>buurten.9c07c78d-d5b4-4348-bf08-d43e361415b6</t>
  </si>
  <si>
    <t>BU05051901</t>
  </si>
  <si>
    <t>Handelskade en 's-Gravendeelsedijk</t>
  </si>
  <si>
    <t>2021BU05051901</t>
  </si>
  <si>
    <t>buurten.5f621cd3-7f23-41d2-9414-dbd6d9f01101</t>
  </si>
  <si>
    <t>BU05051902</t>
  </si>
  <si>
    <t>Voltastraat en omgeving - De Put</t>
  </si>
  <si>
    <t>2021BU05051902</t>
  </si>
  <si>
    <t>buurten.d19e603e-f298-4658-a4a9-d8a8d1425bb0</t>
  </si>
  <si>
    <t>BU05051903</t>
  </si>
  <si>
    <t>Louterbloemen</t>
  </si>
  <si>
    <t>2021BU05051903</t>
  </si>
  <si>
    <t>buurten.3ea2fd93-2011-4935-82d5-7e3ccb43944a</t>
  </si>
  <si>
    <t>BU05051904</t>
  </si>
  <si>
    <t>Wilhelminahaven</t>
  </si>
  <si>
    <t>2021BU05051904</t>
  </si>
  <si>
    <t>buurten.95889aea-8d71-4c25-b482-4b240cc5e70f</t>
  </si>
  <si>
    <t>BU05051905</t>
  </si>
  <si>
    <t>Julianahaven</t>
  </si>
  <si>
    <t>2021BU05051905</t>
  </si>
  <si>
    <t>buurten.95c72423-1540-4279-af68-21e0b05b74a5</t>
  </si>
  <si>
    <t>PL1963010004</t>
  </si>
  <si>
    <t>bedrijventerreinen Hoeksche Waard</t>
  </si>
  <si>
    <t>volgen eigen tempo</t>
  </si>
  <si>
    <t>TEO (mogelijk)</t>
  </si>
  <si>
    <t>BU05051906</t>
  </si>
  <si>
    <t>Krabbegors</t>
  </si>
  <si>
    <t>2021BU05051906</t>
  </si>
  <si>
    <t>buurten.3a6ce2bc-3984-4b3e-b218-454d34a84f70</t>
  </si>
  <si>
    <t>BU05051907</t>
  </si>
  <si>
    <t>Krabbepolder</t>
  </si>
  <si>
    <t>2021BU05051907</t>
  </si>
  <si>
    <t>buurten.2080906e-e464-4d66-8a0e-0116e83dc2a0</t>
  </si>
  <si>
    <t>BU05051909</t>
  </si>
  <si>
    <t>Wieldrecht</t>
  </si>
  <si>
    <t>2021BU05051909</t>
  </si>
  <si>
    <t>buurten.dc2a519b-c3d5-454e-be17-0e81078af510</t>
  </si>
  <si>
    <t>BU05051910</t>
  </si>
  <si>
    <t>Dordtse Kil I</t>
  </si>
  <si>
    <t>2021BU05051910</t>
  </si>
  <si>
    <t>buurten.d82a3d56-b474-413b-bf81-40466b6ac6fa</t>
  </si>
  <si>
    <t>BU05051911</t>
  </si>
  <si>
    <t>Amstelwijck-West</t>
  </si>
  <si>
    <t>2021BU05051911</t>
  </si>
  <si>
    <t>buurten.8eae1e39-5931-4362-97a6-43a6dec4a6df</t>
  </si>
  <si>
    <t>BU05051912</t>
  </si>
  <si>
    <t>Schotman terrein</t>
  </si>
  <si>
    <t>2021BU05051912</t>
  </si>
  <si>
    <t>buurten.6748c8a1-ded1-4345-a2e6-42008ad32884</t>
  </si>
  <si>
    <t>BU05051913</t>
  </si>
  <si>
    <t>Locatie Refaja</t>
  </si>
  <si>
    <t>2021BU05051913</t>
  </si>
  <si>
    <t>buurten.f50560e9-aad8-4e33-ab15-ee9265db6587</t>
  </si>
  <si>
    <t>BU05051914</t>
  </si>
  <si>
    <t>Amstelwijck</t>
  </si>
  <si>
    <t>2021BU05051914</t>
  </si>
  <si>
    <t>buurten.bcb8fef3-a3e3-4cf1-88f6-c93e34582ba4</t>
  </si>
  <si>
    <t>BU05051915</t>
  </si>
  <si>
    <t>Tweede Tol</t>
  </si>
  <si>
    <t>2021BU05051915</t>
  </si>
  <si>
    <t>buurten.59038448-82d8-41d1-bb4e-173aa7725ba9</t>
  </si>
  <si>
    <t>BU05051916</t>
  </si>
  <si>
    <t>Dordtse Kil II</t>
  </si>
  <si>
    <t>2021BU05051916</t>
  </si>
  <si>
    <t>buurten.6af38b29-97a0-4d3e-a049-82ad2246c0dc</t>
  </si>
  <si>
    <t>BU05051917</t>
  </si>
  <si>
    <t>Dordtse Kil III</t>
  </si>
  <si>
    <t>2021BU05051917</t>
  </si>
  <si>
    <t>buurten.04739646-459a-44f4-94b9-c6c6d0dfc8e1</t>
  </si>
  <si>
    <t>BU05051918</t>
  </si>
  <si>
    <t>Oostkil</t>
  </si>
  <si>
    <t>2021BU05051918</t>
  </si>
  <si>
    <t>buurten.f4967f24-af8b-4b9d-8432-e89334a30e15</t>
  </si>
  <si>
    <t>BU05051919</t>
  </si>
  <si>
    <t>Dordtse Kil IV</t>
  </si>
  <si>
    <t>2021BU05051919</t>
  </si>
  <si>
    <t>buurten.49733878-cc6e-4b3b-92f0-88e892e82d02</t>
  </si>
  <si>
    <t>BU05059800</t>
  </si>
  <si>
    <t>Merwelanden</t>
  </si>
  <si>
    <t>WK050598</t>
  </si>
  <si>
    <t>2021BU05059800</t>
  </si>
  <si>
    <t>buurten.391396ec-4671-42ff-82e6-3e4aab278ed4</t>
  </si>
  <si>
    <t>All electric relatief oude wijken</t>
  </si>
  <si>
    <t>het tempo van de uitvoering van duurzaamheidsmaatregelen door particuliere woningeigenaren te versnellen</t>
  </si>
  <si>
    <t>BU05059801</t>
  </si>
  <si>
    <t>3e Merwedehaven</t>
  </si>
  <si>
    <t>2021BU05059801</t>
  </si>
  <si>
    <t>buurten.63410045-6d0e-413b-9f0a-32aee30d10d2</t>
  </si>
  <si>
    <t>BU05059804</t>
  </si>
  <si>
    <t>Dordtse Biesbosch</t>
  </si>
  <si>
    <t>2021BU05059804</t>
  </si>
  <si>
    <t>buurten.5ec85f13-30d1-44fb-a287-409407899fd9</t>
  </si>
  <si>
    <t>Collectieve aanpak gemeente Drimmelen</t>
  </si>
  <si>
    <t>BU05059805</t>
  </si>
  <si>
    <t>Bovenpolder</t>
  </si>
  <si>
    <t>2021BU05059805</t>
  </si>
  <si>
    <t>buurten.863ed99d-7ea3-4d5e-8855-53bb79618766</t>
  </si>
  <si>
    <t>BU05120101</t>
  </si>
  <si>
    <t>Bovenstad</t>
  </si>
  <si>
    <t>WK051201</t>
  </si>
  <si>
    <t>GM0512</t>
  </si>
  <si>
    <t>Gorinchem</t>
  </si>
  <si>
    <t>2021BU05120101</t>
  </si>
  <si>
    <t>buurten.8ea28d96-5205-478f-b5d4-5a459e4ccc96</t>
  </si>
  <si>
    <t>DC051201</t>
  </si>
  <si>
    <t>Transitievisie Warmte Gorinchem 1.0</t>
  </si>
  <si>
    <t>1. Haalbaar en betaalbaar2. Isolatie en inzet van duurzame bronnen3. Transparante besluitvorming samen met bewoners en bedrijven4. Iedereen moet mee kunnen5. Koppelkansen benutten6. Initiatief en innovatie7. Gezondheid en milieu</t>
  </si>
  <si>
    <t>De Transitievisie Warmte heeft tot doel om de stappen naar een aardgasvrij Gorinchem in 2050 uit te stippelen. We schetsen het tijdspad: een indicatie in welke periode we gefaseerd aan de slag gaan met het aardgasvrij maken van de diverse gebieden in Gor</t>
  </si>
  <si>
    <t>Aardgasvrij in 2050. 24% van de woningen aardgasvrij in 2030.</t>
  </si>
  <si>
    <t>https://www.gorinchem.nl/files/2021-12ransitievisie%20Warmte%20Gorinchem%201.0.pdf</t>
  </si>
  <si>
    <t>PL0512010006</t>
  </si>
  <si>
    <t>PL0512010012</t>
  </si>
  <si>
    <t>Wijdschild/Laag Dalem</t>
  </si>
  <si>
    <t>In concept (orienterend). Beste techniek is nog niet duidelijk. In een nadere verkenning moet duidelijk worden of in deze gebieden juist een collectieve of individuele oplossingen interessant zijn. Mocht uit de verkenning blijken dat deze gebieden geschi</t>
  </si>
  <si>
    <t>In concept (verkennend). In een aantal van de middellangetermijngebieden is de keuze voor een collectieve of individuele oplossing minder duidelijk. Deze keuze kan beenvloed worden door ervaringen uit de verkenningsgebieden of ontwikkeling/uitbreiding va</t>
  </si>
  <si>
    <t>Voorsorterend. Deze gebouwen/ woningen vragen om een hoge afgiftetemperatuur. Het ligt niet voor de hand om in deze gebieden te starten, vanwege de technische innovatie die nodig is. Dit geldt zowel op het gebied van individuele oplossingen als collectie</t>
  </si>
  <si>
    <t>geen keuze gemaakt. Meest geschikte warmtealternatief nog onduidelijk</t>
  </si>
  <si>
    <t>Isoleren + Aardgasvrij voor 2050</t>
  </si>
  <si>
    <t>Elektra en omgevingswarmte of restwarmte, RWZI, TEO, WKO, Geothermie</t>
  </si>
  <si>
    <t>Elektra of gas of omgevingswarmte en/of TEO, Restwarmte, WKO</t>
  </si>
  <si>
    <t>omgevingswarmte en/of aquathermie (TEO) en/of restwarmte en/of WKO</t>
  </si>
  <si>
    <t>omgevingswarmte en/of restwarmte en/of aquathermie (RWZI) en/of geothermie en/of WKO en/of auqathermie (TEO)</t>
  </si>
  <si>
    <t>aquathermie, restwarmte, WKO, geothermie</t>
  </si>
  <si>
    <t>BU05120102</t>
  </si>
  <si>
    <t>2021BU05120102</t>
  </si>
  <si>
    <t>buurten.effca3ab-28ee-4669-b4b9-45b620a2eef2</t>
  </si>
  <si>
    <t>PL0512010001</t>
  </si>
  <si>
    <t>Onderzoek naar aardgasvrij</t>
  </si>
  <si>
    <t>In concept (afwachtend). Dit is het buitengebied en de gebieden met een lagere bebouwingsdichtheid, lage warmtevraagdichtheid en veel particuliere koopwoningen. Uit de Visie Warmtevoorziening blijkt dat in de toekomst woningen in deze gebieden voornameli</t>
  </si>
  <si>
    <t>voorsorterend. Uit de Visie Warmtevoorziening blijkt dat in de toekomst woningen in deze gebieden voornamelijk verwarmd worden door een individuele of kleincollectieve oplossing. Het overstappen op een alternatieve oplossing gebeurt in een natuurlijk tem</t>
  </si>
  <si>
    <t>aquathermie en/of riothermie en/of restwarmte en/of geotermie en/of zonthermie en/of WKO</t>
  </si>
  <si>
    <t>BU05120200</t>
  </si>
  <si>
    <t>Wijdschild</t>
  </si>
  <si>
    <t>WK051202</t>
  </si>
  <si>
    <t>2021BU05120200</t>
  </si>
  <si>
    <t>buurten.b34ffe91-fe83-4171-b758-314c48401d6f</t>
  </si>
  <si>
    <t>PL0512010008</t>
  </si>
  <si>
    <t>PL0512010014</t>
  </si>
  <si>
    <t>Laag Dalem West</t>
  </si>
  <si>
    <t>In concept (verkennend). Laag Dalem Zuid is een gebied met 226 relatief nieuwe, goed geisoleerde particuliere woningen. Deze woningen zijn gebouwd in 2005, 2006 en 2007. De komende jaren zal zich hier een natuurlijk vervangingsmoment voordoen van de cv-k</t>
  </si>
  <si>
    <t>geen keuze gemaakt. In een nadere verkenning moet duidelijk worden of in deze gebieden juist een collectieve of individuele oplossingen interessant zijn</t>
  </si>
  <si>
    <t>voorsorterend. Uit de analyse blijkt dat in deze wijk een individuele of kleincollectieve oplossing het meest kansrijk is. Dit is bijvoorbeeld een all-electric oplossing, zoals een warmtepomp.</t>
  </si>
  <si>
    <t>Aardgasvrij voor 2035</t>
  </si>
  <si>
    <t>Label A/B (reeds behaald)</t>
  </si>
  <si>
    <t>BU05120300</t>
  </si>
  <si>
    <t>Lingewijk</t>
  </si>
  <si>
    <t>WK051203</t>
  </si>
  <si>
    <t>2021BU05120300</t>
  </si>
  <si>
    <t>buurten.9f339590-f8a3-46f9-9d38-23e4db79e300</t>
  </si>
  <si>
    <t>PL0512010009</t>
  </si>
  <si>
    <t>Lingewijk all-electric</t>
  </si>
  <si>
    <t>Lingewijk warmtenet</t>
  </si>
  <si>
    <t>In concept (onderzoekend). Het gebied de Arkelsedijk en het oosten van de Lingewijk wordt grotendeels gekenmerkt door het transformatiegebied Arkelsedijk. De gemeente heeft in de zomer van 2018 de concrete vraag gekregen of het mogelijk is om een deel va</t>
  </si>
  <si>
    <t>geen keuze gemaakt. Op korte termijn sluiten we aan bij de verkenning van de mogelijkheden voor een warmtenet en/of individuele/klein-collectieve oplossing. Daarnaast biedt de transformatie van de Arkelsedijk kansen voor omliggende gebieden, zoals het oo</t>
  </si>
  <si>
    <t>Aangezien de ontwikkelingen van de Arkelsedijk al lopen, is het belangrijk op korte termijn te beginnen met het verkennen van de mogelijkheden voor het oosten van de Lingewijk.</t>
  </si>
  <si>
    <t>(Deels) aardgasvrij voor 2035</t>
  </si>
  <si>
    <t>Isoleren + Aardgasvrij voor 2050. Het is daarbij belangrijk dat woningeigenaren deze natuurlijke momenten daadwerkelijk benutten. Zo kunnen ze hun huis stap voor stap voorbereiden op aardgasvrij en worden investeringen uitgesmeerd over meerdere jaren.</t>
  </si>
  <si>
    <t>Elektra, omgevingswarmte en/of TEO, Restwarmte, WKO</t>
  </si>
  <si>
    <t>BU05120403</t>
  </si>
  <si>
    <t>Haarwijk West</t>
  </si>
  <si>
    <t>WK051204</t>
  </si>
  <si>
    <t>2021BU05120403</t>
  </si>
  <si>
    <t>buurten.3031d405-8c8b-48cb-8365-6a51b36e3d2a</t>
  </si>
  <si>
    <t>PL0512010002</t>
  </si>
  <si>
    <t>PL0512010016</t>
  </si>
  <si>
    <t>Haarwijk Midden</t>
  </si>
  <si>
    <t>Zuiden van de Gildenwijk</t>
  </si>
  <si>
    <t>In concept (verkennend). Dit gebied bestaat voornamelijk uit utiliteitsgebouwen, zoals het Piazza Center en het Beatrixziekenhuis, en woningen van Poort6 (zie figuur 15). Net als het westen van de Gildenwijk is het noorden van de Gildenwijk een interessa</t>
  </si>
  <si>
    <t>Tussen 2022-2024 starten we met een verdere verkenning en het opstellen van een gebiedsuitvoeringsplan in dit gebied. Tijdens deze verkenning wordt onderzocht wat de mogelijkheden zijn voor het particuliere bezit in dit gebied.</t>
  </si>
  <si>
    <t>TEO, RWZI</t>
  </si>
  <si>
    <t>BU05120404</t>
  </si>
  <si>
    <t>Haarwijk Oost</t>
  </si>
  <si>
    <t>2021BU05120404</t>
  </si>
  <si>
    <t>buurten.76dd7458-9b0a-47f0-b2a5-254d59ab4433</t>
  </si>
  <si>
    <t>PL0512010004</t>
  </si>
  <si>
    <t>In concept (verkennend). De Binnenstad (8) en Haarwijk Zuid (7) zijn het meest logisch om op de lange termijn aan te pakken, aangezien hier veel oude vooroorlogse en monumentale gebouwen staan. Deze zijn moeilijk te isoleren waardoor dit de moeilijkere g</t>
  </si>
  <si>
    <t>BU05120500</t>
  </si>
  <si>
    <t>Stalkaarsen</t>
  </si>
  <si>
    <t>WK051205</t>
  </si>
  <si>
    <t>2021BU05120500</t>
  </si>
  <si>
    <t>buurten.73cb47e0-1c1f-465c-a1de-2d07de958d6b</t>
  </si>
  <si>
    <t>PL0512010017</t>
  </si>
  <si>
    <t>Gildenwijk uitbreiding</t>
  </si>
  <si>
    <t>onderzoekend. Het is een logische stap om op korte termijn te verkennen wat de mogelijkheden zijn voor het uitbreiden van de eerste fase van het warmtenet naar de aanliggende gebieden, zoals het westen van de Gildenwijk. In dit gebied staan 1331 woningen</t>
  </si>
  <si>
    <t>kansrijke optie. Door de hoge warmtevraagdichtheid lijkt een groot deel van het gebied kansrijk voor een warmtenet.</t>
  </si>
  <si>
    <t>BU05120600</t>
  </si>
  <si>
    <t>Gildenwijk</t>
  </si>
  <si>
    <t>WK051206</t>
  </si>
  <si>
    <t>2021BU05120600</t>
  </si>
  <si>
    <t>buurten.82867036-6b07-496a-bf63-3c01a561e3ca</t>
  </si>
  <si>
    <t>PL0512010007</t>
  </si>
  <si>
    <t>In concept (onderzoekend). Vooruitlopend op de vaststelling van de Transitievisie Warmte heeft gemeente Gorinchem samen met woningcorporatie Poort6, HVC, Stedin, Provincie Zuid-Holland en Waterschap Rivierenland een businesscase uitgewerkt voor de aanleg</t>
  </si>
  <si>
    <t>BU05120700</t>
  </si>
  <si>
    <t>Schelluinsestraat</t>
  </si>
  <si>
    <t>WK051207</t>
  </si>
  <si>
    <t>2021BU05120700</t>
  </si>
  <si>
    <t>buurten.93b1081e-10ce-43f2-b83c-c3f3629ecb1f</t>
  </si>
  <si>
    <t>PL0512010003</t>
  </si>
  <si>
    <t>PL0512010015</t>
  </si>
  <si>
    <t>Haarwijk zuid warmtenet</t>
  </si>
  <si>
    <t>kansrijke optie. De keuze voor een warmtenet in de Gildenwijk ligt voor de hand vanwege het hoge percentage gestapelde bouw (84%), de grote woningdichtheid en de hoge warmtevraagdichtheid. Veel woongebouwen hebben een collectieve warmtevoorziening, waard</t>
  </si>
  <si>
    <t>In samenwerking met Poort6 en HVC starten we de komende periode met het opstellen van het uitvoeringsplan voor dit gebied waarbij samen met huurders, bewoners, bedrijven en andere belanghebbenden de mogelijkheden worden verkend om het zuiden van de Gilde</t>
  </si>
  <si>
    <t>BU05120800</t>
  </si>
  <si>
    <t>Avelingen Oost</t>
  </si>
  <si>
    <t>WK051208</t>
  </si>
  <si>
    <t>2021BU05120800</t>
  </si>
  <si>
    <t>buurten.a7ebac07-8e76-4619-80c1-4174b2759316</t>
  </si>
  <si>
    <t>PL1959010001</t>
  </si>
  <si>
    <t>aquathermie (riool) en/of WKO en/of zonnewarmte en/of geothermie en/of restwarmte</t>
  </si>
  <si>
    <t>BU05120900</t>
  </si>
  <si>
    <t>Avelingen West</t>
  </si>
  <si>
    <t>WK051209</t>
  </si>
  <si>
    <t>2021BU05120900</t>
  </si>
  <si>
    <t>buurten.a14633b7-2f92-49ad-b5a3-71ba28ebced6</t>
  </si>
  <si>
    <t>BU05121000</t>
  </si>
  <si>
    <t>Molenvliet</t>
  </si>
  <si>
    <t>WK051210</t>
  </si>
  <si>
    <t>2021BU05121000</t>
  </si>
  <si>
    <t>buurten.00847b6b-a4c5-4039-8086-e4f4c1fec4bf</t>
  </si>
  <si>
    <t>BU05121105</t>
  </si>
  <si>
    <t>Laag Dalem I</t>
  </si>
  <si>
    <t>WK051211</t>
  </si>
  <si>
    <t>2021BU05121105</t>
  </si>
  <si>
    <t>buurten.00821207-67dc-425b-bee3-bfba3539c6c1</t>
  </si>
  <si>
    <t>Laag Dalem Oost</t>
  </si>
  <si>
    <t>BU05121106</t>
  </si>
  <si>
    <t>Laag Dalem II</t>
  </si>
  <si>
    <t>2021BU05121106</t>
  </si>
  <si>
    <t>buurten.725bf1b1-6ca9-4687-9173-39a562778acf</t>
  </si>
  <si>
    <t>PL0512010019</t>
  </si>
  <si>
    <t>BU05121107</t>
  </si>
  <si>
    <t>2021BU05121107</t>
  </si>
  <si>
    <t>buurten.f306cec3-c42d-41e7-bdd4-a0f355373857</t>
  </si>
  <si>
    <t>PL0512010011</t>
  </si>
  <si>
    <t>Hoog Dalem</t>
  </si>
  <si>
    <t>Laag Dalem Zuid</t>
  </si>
  <si>
    <t>Voorsorterend. Uit de Visie Warmtevoorziening blijkt dat in de toekomst woningen in deze gebieden voornamelijk verwarmd worden door een individuele of kleincollectieve oplossing. Het overstappen op een alternatieve oplossing gebeurt in een natuurlijk tem</t>
  </si>
  <si>
    <t>BU05121108</t>
  </si>
  <si>
    <t>2021BU05121108</t>
  </si>
  <si>
    <t>buurten.24e9f064-61f3-4710-a96f-437b2bfdb246</t>
  </si>
  <si>
    <t>Dalem</t>
  </si>
  <si>
    <t>Voorkeursoptie. De verwachting is dat voor deze woningen groen gas een goed alternatief kan zijn. Ondertussen zal in dit gebied wel fors worden ingezet op energiebesparing om zo het energieverbruik duidelijk te verminderen.</t>
  </si>
  <si>
    <t>Beschikbaarheid groen gas +1. Haalbaar en betaalbaar2. Isolatie en inzet van duurzame bronnen3. Transparante besluitvorming samen met bewoners en bedrijven4. Iedereen moet mee kunnen5. Koppelkansen benutten6. Initiatief en innovatie</t>
  </si>
  <si>
    <t>BU05121200</t>
  </si>
  <si>
    <t>WK051212</t>
  </si>
  <si>
    <t>2021BU05121200</t>
  </si>
  <si>
    <t>buurten.edf92393-d7eb-42aa-ac6a-40cf4e3a46fa</t>
  </si>
  <si>
    <t>PL0297010015</t>
  </si>
  <si>
    <t>BU05121300</t>
  </si>
  <si>
    <t>WK051213</t>
  </si>
  <si>
    <t>2021BU05121300</t>
  </si>
  <si>
    <t>buurten.f0f2c291-65c8-4dd1-837c-9c6db6c7db52</t>
  </si>
  <si>
    <t>PL0512010013</t>
  </si>
  <si>
    <t>BU05121409</t>
  </si>
  <si>
    <t>Linge</t>
  </si>
  <si>
    <t>WK051214</t>
  </si>
  <si>
    <t>2021BU05121409</t>
  </si>
  <si>
    <t>buurten.fc779953-5411-4464-a06b-cd80630a539b</t>
  </si>
  <si>
    <t>Oost I Bedrijventerrein</t>
  </si>
  <si>
    <t>BU05121410</t>
  </si>
  <si>
    <t>Oost I</t>
  </si>
  <si>
    <t>2021BU05121410</t>
  </si>
  <si>
    <t>buurten.a1df8172-4c5d-4988-814f-eb88bcfa1a10</t>
  </si>
  <si>
    <t>BU05121411</t>
  </si>
  <si>
    <t>Oost II</t>
  </si>
  <si>
    <t>2021BU05121411</t>
  </si>
  <si>
    <t>buurten.8ac7ca9a-5309-4a68-b6c5-8bd15daf3dc8</t>
  </si>
  <si>
    <t>BU05121500</t>
  </si>
  <si>
    <t>Papland</t>
  </si>
  <si>
    <t>WK051215</t>
  </si>
  <si>
    <t>2021BU05121500</t>
  </si>
  <si>
    <t>buurten.bbcf1fb2-fd38-4b80-877f-fc4ed1dfb680</t>
  </si>
  <si>
    <t>PL0512010020</t>
  </si>
  <si>
    <t>Papland bedrijventerrein</t>
  </si>
  <si>
    <t>BU05121600</t>
  </si>
  <si>
    <t>Schotdeuren</t>
  </si>
  <si>
    <t>WK051216</t>
  </si>
  <si>
    <t>2021BU05121600</t>
  </si>
  <si>
    <t>buurten.964851eb-ed58-4657-9894-4c010dc08dc1</t>
  </si>
  <si>
    <t>BU05121700</t>
  </si>
  <si>
    <t>WK051217</t>
  </si>
  <si>
    <t>2021BU05121700</t>
  </si>
  <si>
    <t>buurten.2eab7249-89dc-4bbe-bdf1-8fef01ba7be1</t>
  </si>
  <si>
    <t>PL0512010018</t>
  </si>
  <si>
    <t>Groote Haar bedrijventerrein</t>
  </si>
  <si>
    <t>In concept (verkennend). De Groote Haar is een nog te ontwikkelen aardgasvrij duurzaam gebied. Naar verwachting wordt op korte termijn begonnen met de eerste stappen voor de realisatie van dit bedrijventerrein.</t>
  </si>
  <si>
    <t>geen keuze gemaakt. De aankomende periode sluiten we aan bij de verkenning van de warmtealternatieven voor dit bedrijventerrein. De keuze voor de alternatieve warmtevoorziening is grotendeels afhankelijk van de bedrijven die zich daar gaan vestigen</t>
  </si>
  <si>
    <t>Aardgasvrij ontwikkelen</t>
  </si>
  <si>
    <t>BU05121800</t>
  </si>
  <si>
    <t>Landelijk gebied West</t>
  </si>
  <si>
    <t>WK051218</t>
  </si>
  <si>
    <t>2021BU05121800</t>
  </si>
  <si>
    <t>buurten.cdb9d6d7-08e2-422e-a605-771ea7f97b35</t>
  </si>
  <si>
    <t>BU05121900</t>
  </si>
  <si>
    <t>WK051219</t>
  </si>
  <si>
    <t>2021BU05121900</t>
  </si>
  <si>
    <t>buurten.9011ff81-d5ea-4fe1-bb25-e5624ee9b5d0</t>
  </si>
  <si>
    <t>BU05122000</t>
  </si>
  <si>
    <t>Landelijk gebied Oost</t>
  </si>
  <si>
    <t>WK051220</t>
  </si>
  <si>
    <t>2021BU05122000</t>
  </si>
  <si>
    <t>buurten.d27f23ae-b50e-4c41-b495-920b20048a50</t>
  </si>
  <si>
    <t>BU05122100</t>
  </si>
  <si>
    <t>WK051221</t>
  </si>
  <si>
    <t>2021BU05122100</t>
  </si>
  <si>
    <t>buurten.4d93acf1-5cec-4e75-ac0a-c64cdda2a26a</t>
  </si>
  <si>
    <t>BU05130100</t>
  </si>
  <si>
    <t>Nieuwe Markt e.o.</t>
  </si>
  <si>
    <t>WK051301</t>
  </si>
  <si>
    <t>GM0513</t>
  </si>
  <si>
    <t>Gouda</t>
  </si>
  <si>
    <t>2021BU05130100</t>
  </si>
  <si>
    <t>buurten.85749215-dd21-4eda-b0a8-2e983818f805</t>
  </si>
  <si>
    <t>BU05130101</t>
  </si>
  <si>
    <t>De Baan e.o.</t>
  </si>
  <si>
    <t>2021BU05130101</t>
  </si>
  <si>
    <t>buurten.64b83a7f-c3cc-46cc-93bc-a256f46e9d54</t>
  </si>
  <si>
    <t>BU05130102</t>
  </si>
  <si>
    <t>Turfmarkt e.o.</t>
  </si>
  <si>
    <t>2021BU05130102</t>
  </si>
  <si>
    <t>buurten.d31c491e-aed1-4991-bc8e-95aef09fde1b</t>
  </si>
  <si>
    <t>BU05130103</t>
  </si>
  <si>
    <t>Raam e.o.</t>
  </si>
  <si>
    <t>2021BU05130103</t>
  </si>
  <si>
    <t>buurten.e1eba397-c1c7-44de-a176-6e2f723a664c</t>
  </si>
  <si>
    <t>BU05130104</t>
  </si>
  <si>
    <t>Nieuwe Park Oost</t>
  </si>
  <si>
    <t>2021BU05130104</t>
  </si>
  <si>
    <t>buurten.3acc904e-52c3-48de-9bea-15461de43d99</t>
  </si>
  <si>
    <t>BU05130105</t>
  </si>
  <si>
    <t>Nieuwe Park West</t>
  </si>
  <si>
    <t>2021BU05130105</t>
  </si>
  <si>
    <t>buurten.abea5609-555f-4cef-b6f8-43d4d5f44aa5</t>
  </si>
  <si>
    <t>BU05130200</t>
  </si>
  <si>
    <t>De Korte Akkeren Oud</t>
  </si>
  <si>
    <t>WK051302</t>
  </si>
  <si>
    <t>2021BU05130200</t>
  </si>
  <si>
    <t>buurten.a611fc83-0086-4b23-b5ba-a0fe48aaf964</t>
  </si>
  <si>
    <t>BU05130201</t>
  </si>
  <si>
    <t>De Korte Akkeren Nieuw</t>
  </si>
  <si>
    <t>2021BU05130201</t>
  </si>
  <si>
    <t>buurten.b2ddb316-0961-49e9-b28e-ca38cfaa3f25</t>
  </si>
  <si>
    <t>BU05130202</t>
  </si>
  <si>
    <t>Industrieterrein Kromme Gouwe</t>
  </si>
  <si>
    <t>2021BU05130202</t>
  </si>
  <si>
    <t>buurten.bd844921-2655-4bf0-a678-20966be7c417</t>
  </si>
  <si>
    <t>BU05130203</t>
  </si>
  <si>
    <t>Industrieterrein Hollandsche IJssel</t>
  </si>
  <si>
    <t>2021BU05130203</t>
  </si>
  <si>
    <t>buurten.bc236386-9a76-498e-95f4-5eacb00efba2</t>
  </si>
  <si>
    <t>BU05130204</t>
  </si>
  <si>
    <t>Weidebloemkwartier</t>
  </si>
  <si>
    <t>2021BU05130204</t>
  </si>
  <si>
    <t>buurten.e2b2779f-6de4-486b-bb7e-8e6942495f7b</t>
  </si>
  <si>
    <t>BU05130300</t>
  </si>
  <si>
    <t>Boerhaavekwartier</t>
  </si>
  <si>
    <t>WK051303</t>
  </si>
  <si>
    <t>2021BU05130300</t>
  </si>
  <si>
    <t>buurten.a36b8e66-83fb-4cdc-8f5b-97ecbe645528</t>
  </si>
  <si>
    <t>BU05130301</t>
  </si>
  <si>
    <t>Windrooskwartier en Heesterbuurt</t>
  </si>
  <si>
    <t>2021BU05130301</t>
  </si>
  <si>
    <t>buurten.6de7d8b1-56bd-493c-95f6-3c68b2064039</t>
  </si>
  <si>
    <t>BU05130302</t>
  </si>
  <si>
    <t>Groenhovenkwartier</t>
  </si>
  <si>
    <t>2021BU05130302</t>
  </si>
  <si>
    <t>buurten.82023159-0816-4d26-90f3-56c897ce9745</t>
  </si>
  <si>
    <t>BU05130303</t>
  </si>
  <si>
    <t>Bloemendaalseweg</t>
  </si>
  <si>
    <t>2021BU05130303</t>
  </si>
  <si>
    <t>buurten.c18190dc-9152-42ce-9cd3-8376f8f6962f</t>
  </si>
  <si>
    <t>DC051301</t>
  </si>
  <si>
    <t>Transitievisie Warmte Gouda 2021</t>
  </si>
  <si>
    <t>aanvullende financiering van het Rijk, garanties voor bewoners voor een haalbare en betaalbare warmteoplossing en gedegen onderliggende financiele arrangementen. Anders wel plannen, maar geen uitvoering</t>
  </si>
  <si>
    <t>stappen richting aardgasvrije gemeente uitstippelen</t>
  </si>
  <si>
    <t>https://gouda.bestuurlijkeinformatie.nl/Agenda/Document/321c22ff-6262-45ed-a6fb-0adb858be035?documentId=8a50dbef-fc94-4f99-b677-09b358f7e514&amp;agendaItemId=7d4f1c9c-4f2b-4993-a3b4-ff4a2ce9a9a9</t>
  </si>
  <si>
    <t>PL0513010001</t>
  </si>
  <si>
    <t>Plaswijck Kern</t>
  </si>
  <si>
    <t>haalbaarheid en kosten van opties in beeld brengen</t>
  </si>
  <si>
    <t>BU05130304</t>
  </si>
  <si>
    <t>De Goudse Poort</t>
  </si>
  <si>
    <t>2021BU05130304</t>
  </si>
  <si>
    <t>buurten.771279b7-424f-4dfc-bd8a-e3ccd0289311</t>
  </si>
  <si>
    <t>BU05130305</t>
  </si>
  <si>
    <t>Gaardenbuurt</t>
  </si>
  <si>
    <t>2021BU05130305</t>
  </si>
  <si>
    <t>buurten.2422124d-d178-4159-a665-a9b1ac78155c</t>
  </si>
  <si>
    <t>BU05130400</t>
  </si>
  <si>
    <t>Hoef- en Veldbuurt</t>
  </si>
  <si>
    <t>WK051304</t>
  </si>
  <si>
    <t>2021BU05130400</t>
  </si>
  <si>
    <t>buurten.e03d25c6-8241-4731-ab39-50429ecd424e</t>
  </si>
  <si>
    <t>BU05130401</t>
  </si>
  <si>
    <t>Zomenbuurt</t>
  </si>
  <si>
    <t>2021BU05130401</t>
  </si>
  <si>
    <t>buurten.3ac252ac-0350-4325-91de-2197dcc8e273</t>
  </si>
  <si>
    <t>BU05130402</t>
  </si>
  <si>
    <t>Hoevenbuurt</t>
  </si>
  <si>
    <t>2021BU05130402</t>
  </si>
  <si>
    <t>buurten.a81c8a11-eb3f-4069-a2ce-ac264dc85f55</t>
  </si>
  <si>
    <t>BU05130403</t>
  </si>
  <si>
    <t>Lusten-, Burgen- en Steinenbuurt</t>
  </si>
  <si>
    <t>2021BU05130403</t>
  </si>
  <si>
    <t>buurten.254d9358-6e89-4233-a10e-f5a4f41eacfb</t>
  </si>
  <si>
    <t>BU05130404</t>
  </si>
  <si>
    <t>Grassen- Waterbuurt</t>
  </si>
  <si>
    <t>2021BU05130404</t>
  </si>
  <si>
    <t>buurten.d026d4d3-c261-44a8-a39b-c200eed15932</t>
  </si>
  <si>
    <t>BU05130405</t>
  </si>
  <si>
    <t>Bodegraafsestraatweg</t>
  </si>
  <si>
    <t>2021BU05130405</t>
  </si>
  <si>
    <t>buurten.cc3dd1fa-bf04-403c-be7c-32e26342a492</t>
  </si>
  <si>
    <t>BU05130406</t>
  </si>
  <si>
    <t>De Mammoet</t>
  </si>
  <si>
    <t>2021BU05130406</t>
  </si>
  <si>
    <t>buurten.eb9a2cd4-934d-48fb-b0db-233691a36898</t>
  </si>
  <si>
    <t>BU05130407</t>
  </si>
  <si>
    <t>Wervenbuurt</t>
  </si>
  <si>
    <t>2021BU05130407</t>
  </si>
  <si>
    <t>buurten.47ee6730-cf2d-4e6a-af2e-c5234ce8fa17</t>
  </si>
  <si>
    <t>BU05130500</t>
  </si>
  <si>
    <t>Ouwe Gouwe</t>
  </si>
  <si>
    <t>WK051305</t>
  </si>
  <si>
    <t>2021BU05130500</t>
  </si>
  <si>
    <t>buurten.1ae4ffe8-cf4b-48ff-8256-8fbd38885084</t>
  </si>
  <si>
    <t>BU05130501</t>
  </si>
  <si>
    <t>Statensingel</t>
  </si>
  <si>
    <t>2021BU05130501</t>
  </si>
  <si>
    <t>buurten.1ebb4963-4190-420f-ae8e-a36598574040</t>
  </si>
  <si>
    <t>BU05130502</t>
  </si>
  <si>
    <t>Wethouder Venteweg</t>
  </si>
  <si>
    <t>2021BU05130502</t>
  </si>
  <si>
    <t>buurten.920b6326-5f58-443e-b939-8b76110c0dbc</t>
  </si>
  <si>
    <t>BU05130503</t>
  </si>
  <si>
    <t>Achterwillenseweg</t>
  </si>
  <si>
    <t>2021BU05130503</t>
  </si>
  <si>
    <t>buurten.ab061e53-75ef-4740-8ede-8f23854b6e55</t>
  </si>
  <si>
    <t>PL0513010002</t>
  </si>
  <si>
    <t>Middenwillens West</t>
  </si>
  <si>
    <t>BU05130504</t>
  </si>
  <si>
    <t>Slagenbuurt</t>
  </si>
  <si>
    <t>2021BU05130504</t>
  </si>
  <si>
    <t>buurten.a886daf4-6a9e-49c0-8d4c-25523e6cfcc3</t>
  </si>
  <si>
    <t>BU05130505</t>
  </si>
  <si>
    <t>Middenwillens</t>
  </si>
  <si>
    <t>2021BU05130505</t>
  </si>
  <si>
    <t>buurten.142fa1a6-40cb-4085-a81c-b2763d74d6b4</t>
  </si>
  <si>
    <t>BU05130509</t>
  </si>
  <si>
    <t>De Goudse Hout</t>
  </si>
  <si>
    <t>2021BU05130509</t>
  </si>
  <si>
    <t>buurten.a6dd83c2-ae32-4a1c-af20-d8589a0ba3bf</t>
  </si>
  <si>
    <t>BU05130600</t>
  </si>
  <si>
    <t>Oosterwei</t>
  </si>
  <si>
    <t>WK051306</t>
  </si>
  <si>
    <t>2021BU05130600</t>
  </si>
  <si>
    <t>buurten.beedecbf-14b6-4229-8ea9-2af886c06444</t>
  </si>
  <si>
    <t>PL0513010003</t>
  </si>
  <si>
    <t>Sportbuurt en Molenbuurt</t>
  </si>
  <si>
    <t>BU05130601</t>
  </si>
  <si>
    <t>Vreewijk</t>
  </si>
  <si>
    <t>2021BU05130601</t>
  </si>
  <si>
    <t>buurten.2d3e3f7e-fc04-4441-9b9b-034177aa8ad6</t>
  </si>
  <si>
    <t>BU05130602</t>
  </si>
  <si>
    <t>Voorwillenseweg</t>
  </si>
  <si>
    <t>2021BU05130602</t>
  </si>
  <si>
    <t>buurten.4c5688bd-75f9-4537-b749-48a83b7dd218</t>
  </si>
  <si>
    <t>BU05130603</t>
  </si>
  <si>
    <t>Kadenbuurt</t>
  </si>
  <si>
    <t>2021BU05130603</t>
  </si>
  <si>
    <t>buurten.ed6fc608-1dbc-404d-a204-e5eed8121bf2</t>
  </si>
  <si>
    <t>BU05130604</t>
  </si>
  <si>
    <t>Kort Haarlem</t>
  </si>
  <si>
    <t>2021BU05130604</t>
  </si>
  <si>
    <t>buurten.c93dfbf4-2650-4681-98c6-9741cb45c69c</t>
  </si>
  <si>
    <t>BU05130700</t>
  </si>
  <si>
    <t>Sportbuurt</t>
  </si>
  <si>
    <t>WK051307</t>
  </si>
  <si>
    <t>2021BU05130700</t>
  </si>
  <si>
    <t>buurten.1b9db435-31d5-4499-b664-f0cbaea8cd60</t>
  </si>
  <si>
    <t>BU05130701</t>
  </si>
  <si>
    <t>2021BU05130701</t>
  </si>
  <si>
    <t>buurten.eb7dc4f0-7740-40e6-a2ab-e425e0d93475</t>
  </si>
  <si>
    <t>BU05130702</t>
  </si>
  <si>
    <t>2021BU05130702</t>
  </si>
  <si>
    <t>buurten.29fb49d5-1ed5-40e2-80dd-46644a02bb95</t>
  </si>
  <si>
    <t>BU05130703</t>
  </si>
  <si>
    <t>2021BU05130703</t>
  </si>
  <si>
    <t>buurten.045a25a8-7e7d-46a3-b2ed-75788507d0bc</t>
  </si>
  <si>
    <t>BU05130704</t>
  </si>
  <si>
    <t>2021BU05130704</t>
  </si>
  <si>
    <t>buurten.10a28f05-4a33-4e3b-9b40-d59f15fc8d93</t>
  </si>
  <si>
    <t>BU05130705</t>
  </si>
  <si>
    <t>2021BU05130705</t>
  </si>
  <si>
    <t>buurten.0179049e-5a38-494c-9657-f5fdb4335f0a</t>
  </si>
  <si>
    <t>BU05130800</t>
  </si>
  <si>
    <t>Stolwijkersluis Oost</t>
  </si>
  <si>
    <t>WK051308</t>
  </si>
  <si>
    <t>2021BU05130800</t>
  </si>
  <si>
    <t>buurten.63e042d7-249b-4890-94ac-5f64473ce4df</t>
  </si>
  <si>
    <t>BU05130809</t>
  </si>
  <si>
    <t>Stolwijkersluis West</t>
  </si>
  <si>
    <t>2021BU05130809</t>
  </si>
  <si>
    <t>buurten.3b59e566-6a57-4693-aae6-a8bb0e6bb157</t>
  </si>
  <si>
    <t>BU05130900</t>
  </si>
  <si>
    <t>Gouwestroom</t>
  </si>
  <si>
    <t>WK051309</t>
  </si>
  <si>
    <t>2021BU05130900</t>
  </si>
  <si>
    <t>buurten.80916d5c-e5d1-4963-a3d3-aa92477f2fc4</t>
  </si>
  <si>
    <t>BU05130901</t>
  </si>
  <si>
    <t>Ringvaartbocht</t>
  </si>
  <si>
    <t>2021BU05130901</t>
  </si>
  <si>
    <t>buurten.36d0b386-399a-4106-82ca-02695412ad62</t>
  </si>
  <si>
    <t>BU05130902</t>
  </si>
  <si>
    <t>Oostpolder in Schieland</t>
  </si>
  <si>
    <t>2021BU05130902</t>
  </si>
  <si>
    <t>buurten.52a37425-f088-46c1-a2a2-9b38ba8ee9d2</t>
  </si>
  <si>
    <t>BU05130903</t>
  </si>
  <si>
    <t>2021BU05130903</t>
  </si>
  <si>
    <t>buurten.f6d7c464-0384-4150-99cd-917b48eb3dce</t>
  </si>
  <si>
    <t>BU05130904</t>
  </si>
  <si>
    <t>2021BU05130904</t>
  </si>
  <si>
    <t>buurten.4568564b-f6a5-4fc6-9772-64aec45e3874</t>
  </si>
  <si>
    <t>BU05130909</t>
  </si>
  <si>
    <t>Westergouwe</t>
  </si>
  <si>
    <t>2021BU05130909</t>
  </si>
  <si>
    <t>buurten.5ec9d364-78a0-4882-bfd6-f77f53d9fbd1</t>
  </si>
  <si>
    <t>BU05180170</t>
  </si>
  <si>
    <t>WK051801</t>
  </si>
  <si>
    <t>2021BU05180170</t>
  </si>
  <si>
    <t>buurten.a9e16774-70cb-4850-8b44-85a94b61ac85</t>
  </si>
  <si>
    <t>Bewoners onderzoeken hier de mogelijkheid van een warmtenet en werken overheden samen om hun gebouwen te verduurzamen.Grondwater is hier beschermd. We houden daarmee rekening als we energie uit de grond halen.</t>
  </si>
  <si>
    <t>Aardwarmte en Warmte uit de directe omgeving</t>
  </si>
  <si>
    <t>BU05180271</t>
  </si>
  <si>
    <t>WK051802</t>
  </si>
  <si>
    <t>2021BU05180271</t>
  </si>
  <si>
    <t>buurten.ad4a1e0b-0154-4a31-b3e8-4344de6b4499</t>
  </si>
  <si>
    <t>PL0518010100</t>
  </si>
  <si>
    <t>Westbroekpark</t>
  </si>
  <si>
    <t>Vooroorlogse buurt waar huizen en gebouwen ver van elkaar af staan. Door de ouderdom van de buurt zijn alle warmteopties ingewikkeld en is de warmteoptie nog onduidelijk. Daarom kiezen we voor de hybride warmtepomp als tussenoplossing. Uiteindelijk kunne</t>
  </si>
  <si>
    <t>BU05180373</t>
  </si>
  <si>
    <t>WK051803</t>
  </si>
  <si>
    <t>2021BU05180373</t>
  </si>
  <si>
    <t>buurten.dc9fc8ce-4e84-460a-b86a-bb0386a141e0</t>
  </si>
  <si>
    <t>PL0518010026</t>
  </si>
  <si>
    <t>Duttendel</t>
  </si>
  <si>
    <t>Vooroorlogse buurt waar huizen en gebouwen dicht op elkaar staan met weinig ruimte in de grond voor nieuwe kabels en leidingen. Door de ouderdom van de buurt zijn alle warmteopties ingewikkeld en is de warmteoptie nog onduidelijk. Daarom is de hybride wa</t>
  </si>
  <si>
    <t>BU05180374</t>
  </si>
  <si>
    <t>2021BU05180374</t>
  </si>
  <si>
    <t>buurten.94ad153b-ef35-4a8e-954e-c9fdff249507</t>
  </si>
  <si>
    <t>PL0518010001</t>
  </si>
  <si>
    <t>Archipelbuurt</t>
  </si>
  <si>
    <t>BU05180448</t>
  </si>
  <si>
    <t>Nassaubuurt</t>
  </si>
  <si>
    <t>WK051804</t>
  </si>
  <si>
    <t>2021BU05180448</t>
  </si>
  <si>
    <t>buurten.f8be8116-8ab8-4519-b17b-3025e6a6051e</t>
  </si>
  <si>
    <t>PL0518010101</t>
  </si>
  <si>
    <t>Willemspark</t>
  </si>
  <si>
    <t>In buurten met bijna geen gebouwen, zoals het Haagse Bos, zijn warmtepompen het meest logisch.</t>
  </si>
  <si>
    <t>Vooroorlogse buurt waar huizen en gebouwen dicht op elkaar staan met weinig ruimte in de grond voor nieuwe kabels en leidingen. Bestaand warmtenet in de buurt met een paar aansluitingen. Voor overige gebouwen is aansluiting op het bestaande warmtenet een</t>
  </si>
  <si>
    <t>BU05180475</t>
  </si>
  <si>
    <t>Uilennest</t>
  </si>
  <si>
    <t>2021BU05180475</t>
  </si>
  <si>
    <t>buurten.262dbf8f-4450-4734-b802-133186acce4e</t>
  </si>
  <si>
    <t>PL0518010003</t>
  </si>
  <si>
    <t>PL0629010003</t>
  </si>
  <si>
    <t>Benoordenhout  (samenvoeging van Nassaubuurt, Van Hoytemastraat e.o., Uilennest, Arendsdorp, Waalsdorp, Duinzigt)</t>
  </si>
  <si>
    <t>Wassenaar verscheidene buurten (Nieuw Wassenaar; Oud Wassenaar; De Kieviet; De Paauw (zuid);Drie Papegaaien; Oud-Clingendaal; Rijksdorp met de Pan; Duindigt met Groenendaal)</t>
  </si>
  <si>
    <t>BU05180476</t>
  </si>
  <si>
    <t>Duinzigt</t>
  </si>
  <si>
    <t>2021BU05180476</t>
  </si>
  <si>
    <t>buurten.de0963ea-a20e-401b-9840-4314bca145d9</t>
  </si>
  <si>
    <t>Vooroorlogse buurt waar de huizen en gebouwen dicht op elkaar staan en waar weinig ruimte is in de grond voor nieuwe kabels en leidingen. Door de ouderdom van de buurt zijn alle warmteopties ingewikkeld en is de warmteoptie nog onduidelijk. Daarom is de</t>
  </si>
  <si>
    <t>BU05180477</t>
  </si>
  <si>
    <t>Waalsdorp</t>
  </si>
  <si>
    <t>2021BU05180477</t>
  </si>
  <si>
    <t>buurten.659e3b49-08de-40cd-b965-297ab6455800</t>
  </si>
  <si>
    <t>BU05180478</t>
  </si>
  <si>
    <t>Arendsdorp</t>
  </si>
  <si>
    <t>2021BU05180478</t>
  </si>
  <si>
    <t>buurten.bf408597-ccf3-4a9c-9140-7d7483e98427</t>
  </si>
  <si>
    <t>Er zijn in deze buurt een paar grote gebouwen, deels van de woningcorporatie en deels aangesloten op een bestaand warmtenet. Als er ruimte is, is het logisch om deze gebouwen aan te sluiten op het bestaand warmtenet.</t>
  </si>
  <si>
    <t>Vooroorlogse buurt waar de huizen en gebouwen dicht op elkaar staan. Door de ouderdom van de buurt zijn alle warmteopties ingewikkeld en is de warmteoptie nog onduidelijk. Daarom is de hybride warmtepomp een oplossing. Hier kunnen warmtenetten komen, war</t>
  </si>
  <si>
    <t>BU05180479</t>
  </si>
  <si>
    <t>Van Hoytemastraat en omgeving</t>
  </si>
  <si>
    <t>2021BU05180479</t>
  </si>
  <si>
    <t>buurten.6632be3a-7574-4121-b829-2e2a4e773f55</t>
  </si>
  <si>
    <t>PL0518010030</t>
  </si>
  <si>
    <t>Haagse Bos</t>
  </si>
  <si>
    <t>bodemenergie en restwarmte</t>
  </si>
  <si>
    <t>BU05180546</t>
  </si>
  <si>
    <t>WK051805</t>
  </si>
  <si>
    <t>2021BU05180546</t>
  </si>
  <si>
    <t>buurten.0c31e0fa-d1a4-4ae7-8a4a-8a0f713ff78f</t>
  </si>
  <si>
    <t>PL0518010104</t>
  </si>
  <si>
    <t>Zorgvliet</t>
  </si>
  <si>
    <t>Gemengde buurt met vooroorlogse gebouwen waar huizen en gebouwen ver van elkaar af staan. Een paar naoorlogse kantoren zijn al aangesloten op een warmtenet.</t>
  </si>
  <si>
    <t>BU05180605</t>
  </si>
  <si>
    <t>Van Stolkpark en Scheveningse Bosjes</t>
  </si>
  <si>
    <t>WK051806</t>
  </si>
  <si>
    <t>2021BU05180605</t>
  </si>
  <si>
    <t>buurten.0707e4dc-94a8-403a-8f61-64adbdf8b844</t>
  </si>
  <si>
    <t>BU05180701</t>
  </si>
  <si>
    <t>Oud Scheveningen</t>
  </si>
  <si>
    <t>WK051807</t>
  </si>
  <si>
    <t>2021BU05180701</t>
  </si>
  <si>
    <t>buurten.14be21b4-8cb2-48e6-87a9-b48aa676e2fa</t>
  </si>
  <si>
    <t>PL0518010028</t>
  </si>
  <si>
    <t>PL0518010088</t>
  </si>
  <si>
    <t>Geuzenkwartier</t>
  </si>
  <si>
    <t>Vissershaven</t>
  </si>
  <si>
    <t>Er zijn mogelijk kansen voor lokale restwarmte van de bedrijven die vis verwerken.</t>
  </si>
  <si>
    <t>Gemengde buurt van vooroorlogse gebouwen, nieuwbouw en kantoren. Door de ouderdom van de buurt zijn alle warmteopties ingewikkeld en is de warmteoptie nog onduidelijk. Daarom is de hybride warmtepomp een oplossing. Hier kunnen warmtenetten komen, warmtep</t>
  </si>
  <si>
    <t>Vooroorlogse buurt waar huizen en gebouwen dicht op elkaar staan met weinig ruimte in de grond voor nieuwe kabels en leidingen. Er is een bewonersorganisatie actief die mogelijkheden van een warmtenet onderzoekt. Door de ouderdom van de buurt zijn alle w</t>
  </si>
  <si>
    <t>BU05180702</t>
  </si>
  <si>
    <t>2021BU05180702</t>
  </si>
  <si>
    <t>buurten.496cafff-7e58-4954-92e1-982be81906c1</t>
  </si>
  <si>
    <t>PL0518010025</t>
  </si>
  <si>
    <t>PL0518010092</t>
  </si>
  <si>
    <t>Duindorp</t>
  </si>
  <si>
    <t>Buurt waar huizen en gebouwen dicht op elkaar staan met weinig ruimte in de grond voor nieuwe kabels en leidingen. Zowel jonge als oude gebouwen, waaronder monumenten. De jonge gebouwen zijn voor een deel al aangesloten op een warmtenet met WKO. Voor de</t>
  </si>
  <si>
    <t>Vooroorlogse buurt waar huizen en gebouwen ver van elkaar af staan met weinig ruimte in de grond voor nieuwe kabels en leidingen. Uit onderzoek van de gemeente blijkt dat een warmtenet hier goedkoper is dan warmtepompen.Hybride warmtepompen zijn een oplo</t>
  </si>
  <si>
    <t>BU05180703</t>
  </si>
  <si>
    <t>Scheveningen Badplaats</t>
  </si>
  <si>
    <t>2021BU05180703</t>
  </si>
  <si>
    <t>buurten.f3fe008d-cdff-499a-a250-2a24ed439a7f</t>
  </si>
  <si>
    <t>PL0518010087</t>
  </si>
  <si>
    <t>Visserijbuurt</t>
  </si>
  <si>
    <t>Vooroorlogse buurt waar de huizen en gebouwen dicht op elkaar staan met weinig ruimte in de grond voor nieuwe kabels en leidingen. Door de ouderdom van de buurt zijn alle warmteopties ingewikkeld en is de warmteoptie nog onduidelijk. Daarom is de hybride</t>
  </si>
  <si>
    <t>BU05180704</t>
  </si>
  <si>
    <t>2021BU05180704</t>
  </si>
  <si>
    <t>buurten.301349a5-fa08-41df-9b31-ea134777ee71</t>
  </si>
  <si>
    <t>PL0518010062</t>
  </si>
  <si>
    <t>Vooroorlogse buurt waar huizen en gebouwen ver van elkaar af staan met weinig ruimte in de grond voor nieuwe kabels en leidingen. Door de ouderdom van de buurt zijn alle warmteopties ingewikkeld en is de warmteoptie nog onduidelijk. Daarom is de hybride</t>
  </si>
  <si>
    <t>BU05180772</t>
  </si>
  <si>
    <t>Rijslag</t>
  </si>
  <si>
    <t>2021BU05180772</t>
  </si>
  <si>
    <t>buurten.b6ac9fbe-28f4-4336-aaa9-5a29898fe2bd</t>
  </si>
  <si>
    <t>BU05180800</t>
  </si>
  <si>
    <t>WK051808</t>
  </si>
  <si>
    <t>2021BU05180800</t>
  </si>
  <si>
    <t>buurten.a430a8ed-43b8-4612-9831-a3c49ed0d92d</t>
  </si>
  <si>
    <t>BU05180907</t>
  </si>
  <si>
    <t>WK051809</t>
  </si>
  <si>
    <t>2021BU05180907</t>
  </si>
  <si>
    <t>buurten.2e05a0d9-f9c3-40d5-ae20-9f6b9d18f40b</t>
  </si>
  <si>
    <t>Buurt die voor de helft bestaat uit vooroorlogse gebouwen in die dicht op elkaar staan met weinig ruimte in de grond voor nieuwe kabels en leidingen en een deel naoorlogse flats en kantoren. Er zijn weinig huizen van woningcorporaties. Door de ouderdom v</t>
  </si>
  <si>
    <t>BU05180908</t>
  </si>
  <si>
    <t>2021BU05180908</t>
  </si>
  <si>
    <t>buurten.78fff36f-b89c-4c35-a481-9692f203c11b</t>
  </si>
  <si>
    <t>PL0518010011</t>
  </si>
  <si>
    <t>BU05181041</t>
  </si>
  <si>
    <t>WK051810</t>
  </si>
  <si>
    <t>2021BU05181041</t>
  </si>
  <si>
    <t>buurten.6a349f50-d37a-420b-a1e5-0f11ebcba17d</t>
  </si>
  <si>
    <t>BU05181142</t>
  </si>
  <si>
    <t>Stadhoudersplantsoen</t>
  </si>
  <si>
    <t>WK051811</t>
  </si>
  <si>
    <t>2021BU05181142</t>
  </si>
  <si>
    <t>buurten.87eaf8c7-4e01-4c3f-8b0b-6133595a3729</t>
  </si>
  <si>
    <t>BU05181143</t>
  </si>
  <si>
    <t>Sweelinckplein en omgeving</t>
  </si>
  <si>
    <t>2021BU05181143</t>
  </si>
  <si>
    <t>buurten.29bee6f9-0583-45a0-90c5-a5b500895b89</t>
  </si>
  <si>
    <t>Duurzaam Den Haag is in deze wijk al actief met het onderzoeken en uitwerken van mogelijke warmteopties.</t>
  </si>
  <si>
    <t>BU05181250</t>
  </si>
  <si>
    <t>WK051812</t>
  </si>
  <si>
    <t>2021BU05181250</t>
  </si>
  <si>
    <t>buurten.85ec6bab-8afd-42ab-958a-404828ea7aff</t>
  </si>
  <si>
    <t>PL0518010008</t>
  </si>
  <si>
    <t>PL0518010096</t>
  </si>
  <si>
    <t>Vruchtenbuurt (samenvoeging van Vruchtenbuurt en Eykenduynen)</t>
  </si>
  <si>
    <t>Buurt waar de huizen en gebouwen ver van elkaar af staan maar waar ook een paar naoorlogse flats zijn. De meeste huizen bevinden zich in de flats. Een warmtenet is daar logisch. Voor huizen die niet op een warmtenet kunnen worden aangesloten, zijn warmte</t>
  </si>
  <si>
    <t>BU05181251</t>
  </si>
  <si>
    <t>2021BU05181251</t>
  </si>
  <si>
    <t>buurten.33642b12-381b-4d48-93fb-f39301546882</t>
  </si>
  <si>
    <t>Vooroorlogse buurt waar huizen en gebouwen dicht op elkaar staan en weinig ruimte in de grond voor nieuwe kabels en leidingen. Door de ouderdom van de buurt zijn alle warmteopties ingewikkeld en is de warmteoptie nog onduidelijk. Daarom is de hybride war</t>
  </si>
  <si>
    <t>BU05181252</t>
  </si>
  <si>
    <t>2021BU05181252</t>
  </si>
  <si>
    <t>buurten.5c6144f3-12cf-4551-aec8-51b96c27da54</t>
  </si>
  <si>
    <t>Duurzaam Den Haag onderzoekt in deze buurt de mogelijkheden van een warmtenet.</t>
  </si>
  <si>
    <t>BU05181309</t>
  </si>
  <si>
    <t>WK051813</t>
  </si>
  <si>
    <t>2021BU05181309</t>
  </si>
  <si>
    <t>buurten.5a151f21-834f-4999-9e72-b39e6a07706e</t>
  </si>
  <si>
    <t>Zeer gemengde buurt. Vanwege de grote afstand tussen de huizen en gebouwen zijn warmtepompen hier logisch. Aansluitingen op een warmtenet voor gebouwen langs de Zandzeggelaan zijn ook logisch als er dichtbij een warmtenet komt.</t>
  </si>
  <si>
    <t>2030: (Hybride) Warmtepomp, 2040: Warmtepomp, mogelijk deels Afleverset</t>
  </si>
  <si>
    <t>BU05181481</t>
  </si>
  <si>
    <t>Bosjes van Pex</t>
  </si>
  <si>
    <t>WK051814</t>
  </si>
  <si>
    <t>2021BU05181481</t>
  </si>
  <si>
    <t>buurten.10ef9592-47a5-4be9-88c7-0612c9034e10</t>
  </si>
  <si>
    <t>PL0518010009</t>
  </si>
  <si>
    <t>BU05181492</t>
  </si>
  <si>
    <t>Bohemen en Meer en Bos</t>
  </si>
  <si>
    <t>2021BU05181492</t>
  </si>
  <si>
    <t>buurten.fed483b2-ce94-422d-8bfa-fc227d5800ec</t>
  </si>
  <si>
    <t>PL0518010010</t>
  </si>
  <si>
    <t>PL0518010097</t>
  </si>
  <si>
    <t>Waldeck-Noord</t>
  </si>
  <si>
    <t>BU05181590</t>
  </si>
  <si>
    <t>Ockenburgh</t>
  </si>
  <si>
    <t>WK051815</t>
  </si>
  <si>
    <t>2021BU05181590</t>
  </si>
  <si>
    <t>buurten.e5a331b5-3fb9-4514-af4f-c77156f91d28</t>
  </si>
  <si>
    <t>Buitengebied met grotendeels jonge huizen die ver van elkaar af staan.</t>
  </si>
  <si>
    <t>BU05181591</t>
  </si>
  <si>
    <t>Kijkduin</t>
  </si>
  <si>
    <t>2021BU05181591</t>
  </si>
  <si>
    <t>buurten.c3d26686-31a0-4601-abcb-657f38684615</t>
  </si>
  <si>
    <t>BU05181697</t>
  </si>
  <si>
    <t>Kraayenstein en Vroondaal</t>
  </si>
  <si>
    <t>WK051816</t>
  </si>
  <si>
    <t>2021BU05181697</t>
  </si>
  <si>
    <t>buurten.538634b2-d999-4a46-ae10-2c8e5c815136</t>
  </si>
  <si>
    <t>PL0518010021</t>
  </si>
  <si>
    <t>De Uithof</t>
  </si>
  <si>
    <t>BU05181785</t>
  </si>
  <si>
    <t>Kerketuinen en Zichtenburg</t>
  </si>
  <si>
    <t>WK051817</t>
  </si>
  <si>
    <t>2021BU05181785</t>
  </si>
  <si>
    <t>buurten.63cb99bf-e45d-46ea-8117-0df1776ea1fa</t>
  </si>
  <si>
    <t>PL0518010014</t>
  </si>
  <si>
    <t>PL0518010095</t>
  </si>
  <si>
    <t>Bouwlust (Venen, Oorden en Raden + een deel van Zijden, Steden en Zichten)</t>
  </si>
  <si>
    <t>Vroondaal (splitsing van Kraayenstein)</t>
  </si>
  <si>
    <t>Naoorlogse buurt waar huizen en gebouwen dicht op elkaar staan met veel huizen van woningcorporaties. Bestaand warmtenet met wen paar aansluitingen, aangesloten op de aardwarmtebron aan de Leyweg. Proeftuin Aardgasvrij aanwezig om flats aan te sluiten op</t>
  </si>
  <si>
    <t>BU05181786</t>
  </si>
  <si>
    <t>2021BU05181786</t>
  </si>
  <si>
    <t>buurten.57c99b1c-97f2-4648-a1d4-fb07df4364d9</t>
  </si>
  <si>
    <t>PL0518010033</t>
  </si>
  <si>
    <t>Buurt die voor de helft bestaat uit vooroorlogse gebouwen en monumenten, en voor de helft uit naoorlogse huizen en gebouwen die dicht op elkaar staan en met weinig ruimte in de grond voor nieuwe kabels en leidingen. Veel huizen van woningcorporaties en e</t>
  </si>
  <si>
    <t>Vooroorlogse buurt waar huizen en gebouwen dicht op elkaar staan met weinig ruimte in de grond voor nieuwe kabels en leidingen. In deze wijk is de Groene Mient gebouwd, een volledig duurzaam, ecologisch woonproject. In de buurt is een bewonersorganisatie</t>
  </si>
  <si>
    <t>BU05181795</t>
  </si>
  <si>
    <t>Kom Loosduinen</t>
  </si>
  <si>
    <t>2021BU05181795</t>
  </si>
  <si>
    <t>buurten.0ca157f1-2d1c-4f8c-89fb-b0cec8c0fb42</t>
  </si>
  <si>
    <t>PL0518010098</t>
  </si>
  <si>
    <t>Waldeck-Zuid</t>
  </si>
  <si>
    <t>Naoorlogse buurt waar huizen en gebouwen dicht op elkaar staan met weinig ruimte in de grond voor nieuwe kabels en leidingen en veel huizen van woningcorporaties.</t>
  </si>
  <si>
    <t>BU05181806</t>
  </si>
  <si>
    <t>WK051818</t>
  </si>
  <si>
    <t>2021BU05181806</t>
  </si>
  <si>
    <t>buurten.8214d004-fbd9-4fc5-99cc-07249ce9885b</t>
  </si>
  <si>
    <t>PL0518010037</t>
  </si>
  <si>
    <t>Naoorlogse buurt waar huizen en gebouwen dicht op elkaar staan met weinig ruimte in de grond voor nieuwe kabels en leidingen. Weinig huizen van woningcorporaties.</t>
  </si>
  <si>
    <t>BU05181840</t>
  </si>
  <si>
    <t>Nieuw Waldeck</t>
  </si>
  <si>
    <t>2021BU05181840</t>
  </si>
  <si>
    <t>buurten.c0988850-c07e-42b1-bd99-c51db3a660dc</t>
  </si>
  <si>
    <t>PL0518010016</t>
  </si>
  <si>
    <t>BU05181882</t>
  </si>
  <si>
    <t>Rosenburg</t>
  </si>
  <si>
    <t>2021BU05181882</t>
  </si>
  <si>
    <t>buurten.6fdb3578-d3d9-4895-b522-b0cfc1bd873a</t>
  </si>
  <si>
    <t>PL0518010012</t>
  </si>
  <si>
    <t>BU05181893</t>
  </si>
  <si>
    <t>2021BU05181893</t>
  </si>
  <si>
    <t>buurten.66c3ff00-e66f-41fe-bb9b-a8a662377d8d</t>
  </si>
  <si>
    <t>Grotendeels naoorlogse buurt waar huizen en gebouwen dicht op elkaar staan met weinig ruimte in de grond voor nieuwe kabels en leidingen. Geen concrete startkansen of huizen van woningcorporaties daarom Warmtenet starten voor 2040</t>
  </si>
  <si>
    <t>BU05181894</t>
  </si>
  <si>
    <t>2021BU05181894</t>
  </si>
  <si>
    <t>buurten.8b316e33-31b0-45e2-a903-d7b8ef19364c</t>
  </si>
  <si>
    <t>BU05181953</t>
  </si>
  <si>
    <t>Vruchtenbuurt</t>
  </si>
  <si>
    <t>WK051819</t>
  </si>
  <si>
    <t>2021BU05181953</t>
  </si>
  <si>
    <t>buurten.2a4cdfa0-d45d-4e3c-9342-f132b7218ad4</t>
  </si>
  <si>
    <t>Naoorlogse buurt met kantoren, vooroorlogse gebouwen en flats van woningcorporaties. Bestaand warmtenet in de buurt met een paar aansluitingen.</t>
  </si>
  <si>
    <t>BU05181983</t>
  </si>
  <si>
    <t>Eykenduinen</t>
  </si>
  <si>
    <t>2021BU05181983</t>
  </si>
  <si>
    <t>buurten.825d22d7-a5d2-40e3-ac47-4101b3fd5588</t>
  </si>
  <si>
    <t>PL0518010031</t>
  </si>
  <si>
    <t>Heesterbuurt</t>
  </si>
  <si>
    <t>Gemengde buurt van kantoren, naoorlogse flats en vooroorlogse gebouwen met weinig ruimte in de grond voor nieuwe kabels en leidingen. Er zijn een paar aansluitingen op een bestaand warmtenet en weinig huizen van woningcorporaties.</t>
  </si>
  <si>
    <t>BU05182054</t>
  </si>
  <si>
    <t>WK051820</t>
  </si>
  <si>
    <t>2021BU05182054</t>
  </si>
  <si>
    <t>buurten.a169e3aa-f24c-4184-896a-68e0b22c4178</t>
  </si>
  <si>
    <t>BU05182055</t>
  </si>
  <si>
    <t>Valkenboskwartier</t>
  </si>
  <si>
    <t>2021BU05182055</t>
  </si>
  <si>
    <t>buurten.1d5f7b19-2c5a-425f-8b3c-7da13d83d57e</t>
  </si>
  <si>
    <t>PL0518010085</t>
  </si>
  <si>
    <t>Gemengde buurt van vooroorlogse en naoorlogse gebouwen waar huizen en gebouwen dicht op elkaar staan met veel huizen van woningcorporaties.</t>
  </si>
  <si>
    <t>BU05182110</t>
  </si>
  <si>
    <t>Rond de Energiecentrale</t>
  </si>
  <si>
    <t>WK051821</t>
  </si>
  <si>
    <t>2021BU05182110</t>
  </si>
  <si>
    <t>buurten.651ba093-6fe3-40e6-975a-63a47d8e33ce</t>
  </si>
  <si>
    <t>PL0518010038</t>
  </si>
  <si>
    <t>PL0518010102</t>
  </si>
  <si>
    <t>Koningsplein e.o.</t>
  </si>
  <si>
    <t>Zeer gemengde buurt van kantoren, naoorlogse flats en vooroorlogse gebouwen met weinig ruimte in de grond voor nieuwe kabels en leidingen. Er zijn een paar bestaande warmtenetaansluitingen en veel huizen van woningcorporaties.</t>
  </si>
  <si>
    <t>BU05182144</t>
  </si>
  <si>
    <t>Koningsplein en omgeving</t>
  </si>
  <si>
    <t>2021BU05182144</t>
  </si>
  <si>
    <t>buurten.542affae-0956-4750-af9b-817b46395b07</t>
  </si>
  <si>
    <t>Gemengde buurt van vooroorlogse gebouwen en jonge gebouwen die dicht op elkaar staan. Er is een bestaand warmtenet waar een deel van de jonge gebouwen op is aangesloten. Voor de vooroorlogse bouw is aansluiting op het warmtenet een optie, maar dat is ing</t>
  </si>
  <si>
    <t>BU05182245</t>
  </si>
  <si>
    <t>WK051822</t>
  </si>
  <si>
    <t>2021BU05182245</t>
  </si>
  <si>
    <t>buurten.f9dc446a-7992-476e-a93f-2bdebe078def</t>
  </si>
  <si>
    <t>BU05182347</t>
  </si>
  <si>
    <t>WK051823</t>
  </si>
  <si>
    <t>2021BU05182347</t>
  </si>
  <si>
    <t>buurten.c5cd93c9-59ed-4754-80e6-2eea538e865a</t>
  </si>
  <si>
    <t>Gemengde buurt van kantoren, naoorlogse flats en vooroorlogse gebouwen met weinig ruimte in de grond voor nieuwe kabels en leidingen. Een paar bestaande warmtenetaansluitingen, weinig huizen van woningcorporaties. Overheden werken hier samen om hun gebou</t>
  </si>
  <si>
    <t>BU05182449</t>
  </si>
  <si>
    <t>WK051824</t>
  </si>
  <si>
    <t>2021BU05182449</t>
  </si>
  <si>
    <t>buurten.3520288b-31df-4387-8800-85f58e7a246c</t>
  </si>
  <si>
    <t>Deze buurt ligt in het centrum van Den Haag met veel overheidsgebouwen, monumenten en kantoren. In deze buurt zijn veel aansluitingen op het warmtenet en WKO-systemen. Uit onderzoek in opdracht van de gemeente blijkt dat een mix van warmtenetten en WKO-s</t>
  </si>
  <si>
    <t>BU05182561</t>
  </si>
  <si>
    <t>WK051825</t>
  </si>
  <si>
    <t>2021BU05182561</t>
  </si>
  <si>
    <t>buurten.e885e335-ef34-4a6e-b1be-8604f0f255f1</t>
  </si>
  <si>
    <t>GM1916</t>
  </si>
  <si>
    <t>Leidschendam-Voorburg</t>
  </si>
  <si>
    <t>DC191601</t>
  </si>
  <si>
    <t>Transitievisie warmte Leidschendam-Voorburg</t>
  </si>
  <si>
    <t>1. Laagst nationale kosten en laagste kosten voor bewoners en bedrijven 2. Inzetten op besparing 3. Benutten natuurlijke vervangingsmomenten 4. Inzetten op keuzevrijheid 5. Draagvlak voor de warmtetransitie</t>
  </si>
  <si>
    <t>Bewoners een grote rol te laten spelen in het opstellen van de wijkuitvoeringsplannen. Op deze manier wordt draagvlak gecreeerd</t>
  </si>
  <si>
    <t>https://www.ingesprekmetlv.nl/gemeentebrede+projecten/energie/documenten+energietransitie/default.aspx</t>
  </si>
  <si>
    <t>PL0518010047</t>
  </si>
  <si>
    <t>PL1916010044</t>
  </si>
  <si>
    <t>Essesteijn / Dreven</t>
  </si>
  <si>
    <t>Voorkeursoptie. Hier liggen individuele oplossingen, zoals een warmtepomp of een hybride warmtepomp, het meest voor de hand. Woningeigenaren kunnen stap voor stap maatregelen nemen, bijvoorbeeld door eerst te isoleren en een paar jaar later de CV ketel t</t>
  </si>
  <si>
    <t>omgevingswarmte en/of bodemwarmte en/of WKO</t>
  </si>
  <si>
    <t>BU05182567</t>
  </si>
  <si>
    <t>2021BU05182567</t>
  </si>
  <si>
    <t>buurten.24c0fe3a-02c7-4122-abc1-4a9f3b209e64</t>
  </si>
  <si>
    <t>Voor de bestaande woningvoorraad en kantoren lijkt door isolatie een beperking van de warmtevraag van circa 27% realistisch haalbaar. Door sloopieuwbouw van oudere, slechtgeisoleerde gebouwen en hogere efficientie van warmtesystemen verwachten we op term</t>
  </si>
  <si>
    <t>PL0518010005</t>
  </si>
  <si>
    <t>PL1916010016</t>
  </si>
  <si>
    <t>Bezuidenhout-Oost</t>
  </si>
  <si>
    <t>Mariahoeve (samenvoeging van Kampen, Burgen en Horsten, Landen en Marlot)</t>
  </si>
  <si>
    <t>In concept (afwachtend). In deze wijken zijn er kansen of ontwikkelingen waar de gemeente, samen met belanghebbenden, tijdig op wil inspelen. Maar niet op korte termijn omdat hier geen concrete aanleidingen voor zijn. De kansen voor deze wijken liggen va</t>
  </si>
  <si>
    <t>Voorsorterend. Vanwege de hoge warmtedichtheid in het midden van de wijk is een warmtenet in combinatie met een warmte-koude opslag waarschijnlijk een kansrijke oplossing. In het vervolgtraject zullen een aantal warmteoplossingen met elkaar vergeleken wo</t>
  </si>
  <si>
    <t>Voor deze buurt heeft de gemeente al een Wijkenergieplan gemaakt. Op Marlot na is Mariahoeve een naoorlogse buurt waar huizen en gebouwen dicht op elkaar staan en waar veel huizen van woningcorporaties zijn.</t>
  </si>
  <si>
    <t>WKO, warmte uit oppervlaktewater, aardwarmte, zonnewarmte, biogas,</t>
  </si>
  <si>
    <t>WKO en/of aquathermie (TEO) en/of bodemenergie en/of biogas en/of zonnewarmte</t>
  </si>
  <si>
    <t>BU05182568</t>
  </si>
  <si>
    <t>2021BU05182568</t>
  </si>
  <si>
    <t>buurten.d0109518-3127-45dc-9dcd-5d56aa164c53</t>
  </si>
  <si>
    <t>BU05182569</t>
  </si>
  <si>
    <t>Burgen en Horsten</t>
  </si>
  <si>
    <t>2021BU05182569</t>
  </si>
  <si>
    <t>buurten.16e99a2c-d188-460b-a263-54cbfa6038fc</t>
  </si>
  <si>
    <t>In concept (onderzoekend). Voor deze wijken start de gemeente vanaf 2022 met een wijkaanpak en onderzoek naar duurzame warmteoplossingen. Hierin staat de haalbaarheid (technisch en financieel) en het betrekken van bewoners, ondernemers en andere lokale p</t>
  </si>
  <si>
    <t>BU05182664</t>
  </si>
  <si>
    <t>Bezuidenhout-West</t>
  </si>
  <si>
    <t>WK051826</t>
  </si>
  <si>
    <t>2021BU05182664</t>
  </si>
  <si>
    <t>buurten.ba702342-b6f7-42b0-ab55-577df692a98d</t>
  </si>
  <si>
    <t>PL0518010004</t>
  </si>
  <si>
    <t>PL1916010052</t>
  </si>
  <si>
    <t>Bezuidenhout-Midden</t>
  </si>
  <si>
    <t>Voorburg Noord zuid</t>
  </si>
  <si>
    <t>In concept (afwachtend). Wijken (of delen daarvan) met veel oudere woningen zijn in de regel lastig aardgasvrij te maken. Ook speelt mee, dat het in het sommige wijken erg druk is in de ondergrond. Juist omdat het met de huidige warmtetechnieken nog last</t>
  </si>
  <si>
    <t>geen keuze gemaakt. Tenzij er zich nieuwe (nog onvoorziene) ontwikkelingen voordoen, wordt in deze wijken vanaf 2040 gestart met gedetailleerd onderzoek naar aardgasvrije warmtevoorzieningen. Uiterlijk 2050 zullen deze wijken niet meer met aardgas verwar</t>
  </si>
  <si>
    <t>Zeer gemengde buurt van kantoren, naoorlogse flats en vooroorlogse gebouwen. Een paar bestaande warmtenetaansluitingen, veel huizen van woningcorporaties en weinig ruimte in de grond voor nieuwe kabels en leidingen.</t>
  </si>
  <si>
    <t>Elektra, gas en omgevingswarmte of WKO, warmte uit oppervlaktewater, aardwarmte, zonnewarmte, biogas, luchtwarmtepompen, bodemenergie, warmte-koudeopslag (WKO) en bodemwarmtewisselaars</t>
  </si>
  <si>
    <t>omgevingswarmte en/of WKO en/of aquathermie (TEO) en/of bodemenergie en/of biogas en/of zonnewarmte</t>
  </si>
  <si>
    <t>BU05182665</t>
  </si>
  <si>
    <t>2021BU05182665</t>
  </si>
  <si>
    <t>buurten.0d164a95-5c3d-420f-b319-240ea9adbdfe</t>
  </si>
  <si>
    <t>BU05182666</t>
  </si>
  <si>
    <t>2021BU05182666</t>
  </si>
  <si>
    <t>buurten.54cb7632-a2a8-43f1-92be-fdb12c9f86a5</t>
  </si>
  <si>
    <t>PL1916010004</t>
  </si>
  <si>
    <t>Een gemengde buurt van huizen en kantoren, zowel vooroorlogs als naoorlogs. Daarnaast veel aansluitingen op het bestaande warmtenet en weinig huizen van woningcorporaties. Uitbreiden van het warmtenet is hier logisch.</t>
  </si>
  <si>
    <t>BU05182718</t>
  </si>
  <si>
    <t>Huygenspark</t>
  </si>
  <si>
    <t>WK051827</t>
  </si>
  <si>
    <t>2021BU05182718</t>
  </si>
  <si>
    <t>buurten.f99e0ac8-986c-488a-8682-243a255fb9f0</t>
  </si>
  <si>
    <t>PL0518010034</t>
  </si>
  <si>
    <t>PL0518010106</t>
  </si>
  <si>
    <t>Zuidwal</t>
  </si>
  <si>
    <t>Grotendeels naoorlogse buurt waar huizen en gebouwen dicht op elkaar staan met weinig ruimte in de grond voor nieuwe kabels en leidingen en veel huizen van woningcorporaties. Warmtenet in de buurt.</t>
  </si>
  <si>
    <t>Zeer gemengde buurt van kantoren, naoorlogse flats en vooroorlogse gebouwen. Er zijn een paar bestaande warmtenetaansluitingen en veel huizen van woningcorporaties.</t>
  </si>
  <si>
    <t>Aardwarmte, restwarmte en warmte uit de directe omgeving</t>
  </si>
  <si>
    <t>bodemenergie en restwarmte en omgevingswarmte</t>
  </si>
  <si>
    <t>BU05182762</t>
  </si>
  <si>
    <t>Rivierenbuurt-Zuid</t>
  </si>
  <si>
    <t>2021BU05182762</t>
  </si>
  <si>
    <t>buurten.3bb7e791-cca8-433b-8783-73dea2b06ffe</t>
  </si>
  <si>
    <t>PL0518010006</t>
  </si>
  <si>
    <t>PL0518010067</t>
  </si>
  <si>
    <t>Bezuidenhout-West (Deel van Bezuidenhout-West)</t>
  </si>
  <si>
    <t>Deze buurt wordt de komende jaren opnieuw gebouwd. Een deel van de bestaande huizen en gebouwen zijn aangesloten op een warmtenet. Nieuwbouw in het gebied krijgt een mix van warmtepompen en aansluitingen op warmtenetten. In de Binckhorst zijn goede kanse</t>
  </si>
  <si>
    <t>Aardwarmte, restwarmte enwarmte uit de directe omgeving</t>
  </si>
  <si>
    <t>BU05182763</t>
  </si>
  <si>
    <t>Rivierenbuurt-Noord</t>
  </si>
  <si>
    <t>2021BU05182763</t>
  </si>
  <si>
    <t>buurten.1ef991d0-06d3-4513-83c2-4d619a526b39</t>
  </si>
  <si>
    <t>PL0518010084</t>
  </si>
  <si>
    <t>Uilebomen (deel van Uilebomen)</t>
  </si>
  <si>
    <t>BU05182811</t>
  </si>
  <si>
    <t>Kortenbos</t>
  </si>
  <si>
    <t>WK051828</t>
  </si>
  <si>
    <t>2021BU05182811</t>
  </si>
  <si>
    <t>buurten.33f54413-8995-4741-9dca-5fd503d950b9</t>
  </si>
  <si>
    <t>PL0518010039</t>
  </si>
  <si>
    <t>In deze buurt ligt de energiecentrale van Uniper waar ook veel warmte van het Haagse warmtenet vandaan komt, waar mogelijk restwarmte uit de regio wordt aangevoerd, en waar mogelijk een aardwarmtebron wordt gerealiseerd.</t>
  </si>
  <si>
    <t>Aardwarmte en warmte uit de directe omgeving (mogelijk energiecentrale van Uniper)</t>
  </si>
  <si>
    <t>BU05182812</t>
  </si>
  <si>
    <t>Voorhout</t>
  </si>
  <si>
    <t>2021BU05182812</t>
  </si>
  <si>
    <t>buurten.0e0ab270-88a5-428b-a897-fad0f8a395e1</t>
  </si>
  <si>
    <t>PL0518010015</t>
  </si>
  <si>
    <t>CID/Policy Campus (Delen van Uilenbomen, Rivierenbuurt-Noord, Bezuidenhout-West)</t>
  </si>
  <si>
    <t>BU05182813</t>
  </si>
  <si>
    <t>Uilebomen</t>
  </si>
  <si>
    <t>2021BU05182813</t>
  </si>
  <si>
    <t>buurten.57547c6e-9d83-4412-bf4d-c8e06afbbf52</t>
  </si>
  <si>
    <t>BU05182814</t>
  </si>
  <si>
    <t>2021BU05182814</t>
  </si>
  <si>
    <t>buurten.8040e56b-d331-495c-87ee-e324f5fabcc7</t>
  </si>
  <si>
    <t>BU05182915</t>
  </si>
  <si>
    <t>Schildersbuurt-West</t>
  </si>
  <si>
    <t>WK051829</t>
  </si>
  <si>
    <t>2021BU05182915</t>
  </si>
  <si>
    <t>buurten.6440c877-d5b4-4eec-b9a9-5f1f271f315b</t>
  </si>
  <si>
    <t>PL0518010029</t>
  </si>
  <si>
    <t>Groente- en Fruitmarkt</t>
  </si>
  <si>
    <t>BU05182916</t>
  </si>
  <si>
    <t>Schildersbuurt-Noord</t>
  </si>
  <si>
    <t>2021BU05182916</t>
  </si>
  <si>
    <t>buurten.5aa9ff6d-aa8e-4247-b527-e9b731b3551a</t>
  </si>
  <si>
    <t>BU05182917</t>
  </si>
  <si>
    <t>Schildersbuurt-Oost</t>
  </si>
  <si>
    <t>2021BU05182917</t>
  </si>
  <si>
    <t>buurten.72312367-a9b9-416b-b128-c7bc00986ef8</t>
  </si>
  <si>
    <t>PL0518010074</t>
  </si>
  <si>
    <t>BU05183032</t>
  </si>
  <si>
    <t>Transvaalkwartier-Noord</t>
  </si>
  <si>
    <t>WK051830</t>
  </si>
  <si>
    <t>2021BU05183032</t>
  </si>
  <si>
    <t>buurten.1565fc4e-6c93-4442-8164-5e14753bcf75</t>
  </si>
  <si>
    <t>PL0518010059</t>
  </si>
  <si>
    <t>PL0518010082</t>
  </si>
  <si>
    <t>Oostbroek-Noord</t>
  </si>
  <si>
    <t>Vooroorlogse buurt waar huizen en gebouwen dicht op elkaar staan en weinig huizen van woningcorporaties zijn. Door de ouderdom van de buurt zijn alle warmteopties ingewikkeld en is de warmteoptie nog onduidelijk. Daarom is de hybride warmtepomp een oplos</t>
  </si>
  <si>
    <t>BU05183033</t>
  </si>
  <si>
    <t>Transvaalkwartier-Midden</t>
  </si>
  <si>
    <t>2021BU05183033</t>
  </si>
  <si>
    <t>buurten.943d1d77-7339-462c-9ea2-05384fa24a68</t>
  </si>
  <si>
    <t>PL0518010083</t>
  </si>
  <si>
    <t>Transvaalkwartier-Zuid</t>
  </si>
  <si>
    <t>BU05183034</t>
  </si>
  <si>
    <t>2021BU05183034</t>
  </si>
  <si>
    <t>buurten.9a4f624c-e311-4051-a0bd-abfa43424642</t>
  </si>
  <si>
    <t>BU05183130</t>
  </si>
  <si>
    <t>WK051831</t>
  </si>
  <si>
    <t>2021BU05183130</t>
  </si>
  <si>
    <t>buurten.f816172a-406c-4e9b-b7a9-77d0fb82f863</t>
  </si>
  <si>
    <t>BU05183131</t>
  </si>
  <si>
    <t>2021BU05183131</t>
  </si>
  <si>
    <t>buurten.252cb7c1-f97c-4357-8150-6e6948b5b417</t>
  </si>
  <si>
    <t>Vooroorlogse buurt waar huizen en gebouwen dicht op elkaar staan met weinig huizen van woningcorporaties. Door de ouderdom van de buurt zijn alle warmteopties ingewikkeld en is de warmteoptie nog onduidelijk. Daarom is de hybride warmtepomp een oplossing</t>
  </si>
  <si>
    <t>BU05183135</t>
  </si>
  <si>
    <t>Oostbroek-Zuid</t>
  </si>
  <si>
    <t>2021BU05183135</t>
  </si>
  <si>
    <t>buurten.68f813e3-a644-4bb3-9ffa-0c8aba2dbd4d</t>
  </si>
  <si>
    <t>PL0518010105</t>
  </si>
  <si>
    <t>BU05183284</t>
  </si>
  <si>
    <t>Leyenburg</t>
  </si>
  <si>
    <t>WK051832</t>
  </si>
  <si>
    <t>2021BU05183284</t>
  </si>
  <si>
    <t>buurten.b42bb7bc-c77a-4497-a509-733d90be80ef</t>
  </si>
  <si>
    <t>BU05183387</t>
  </si>
  <si>
    <t>Venen, Oorden en Raden</t>
  </si>
  <si>
    <t>WK051833</t>
  </si>
  <si>
    <t>2021BU05183387</t>
  </si>
  <si>
    <t>buurten.bae42ef1-7176-4eac-a2f9-8b28f4dffb5d</t>
  </si>
  <si>
    <t>PL0518010094</t>
  </si>
  <si>
    <t>Vrederust (Dreven en Gaarden en deel van Zijden, Steden en Zichten)</t>
  </si>
  <si>
    <t>Buitengebied met grotendeels jonge huizen en gebouwen die ver van elkaar af staan. Hier zijn warmtepompen logisch. Daarnaast vier grote flats van de woningcorporatie aan de Lozerlaan. Het is logisch dat deze een aansluitingen krijgen op een warmtenet. In</t>
  </si>
  <si>
    <t>Naoorlogse buurt waar huizen en gebouwen dicht op elkaar staan met veel huizen van woningcorporaties. In deze wijk zijn huizen aangesloten op de aardwarmtebron aan de Leyweg.</t>
  </si>
  <si>
    <t>BU05183396</t>
  </si>
  <si>
    <t>Zijden, Steden en Zichten</t>
  </si>
  <si>
    <t>2021BU05183396</t>
  </si>
  <si>
    <t>buurten.5719d6b3-3b3a-46eb-96aa-09770cf27665</t>
  </si>
  <si>
    <t>BU05183398</t>
  </si>
  <si>
    <t>Dreven en Gaarden</t>
  </si>
  <si>
    <t>2021BU05183398</t>
  </si>
  <si>
    <t>buurten.80cbda40-e213-4188-90f0-263e24c82d71</t>
  </si>
  <si>
    <t>BU05183399</t>
  </si>
  <si>
    <t>2021BU05183399</t>
  </si>
  <si>
    <t>buurten.dd497cb8-4c34-4418-88c9-970f97be58ff</t>
  </si>
  <si>
    <t>BU05183480</t>
  </si>
  <si>
    <t>Morgenstond-Zuid</t>
  </si>
  <si>
    <t>WK051834</t>
  </si>
  <si>
    <t>2021BU05183480</t>
  </si>
  <si>
    <t>buurten.d81abc7f-1904-49fb-9621-d9b0ed1ac24e</t>
  </si>
  <si>
    <t>PL0518010027</t>
  </si>
  <si>
    <t>Erasmus Veld</t>
  </si>
  <si>
    <t>In deze buurt is de komende jaren veel sloop en nieuwbouw, waarbij de afstand tussen de gebouwen afneemt en er veel nieuwe huizen bij komen Een groot deel van de bestaande gebouwen en huizen blijven ook staan. Dat zijn naoorlogse, flats, grotendeels van</t>
  </si>
  <si>
    <t>BU05183488</t>
  </si>
  <si>
    <t>Morgenstond-West</t>
  </si>
  <si>
    <t>2021BU05183488</t>
  </si>
  <si>
    <t>buurten.6854bc72-e840-442e-8127-93cf499287b9</t>
  </si>
  <si>
    <t>BU05183489</t>
  </si>
  <si>
    <t>Morgenstond-Oost</t>
  </si>
  <si>
    <t>2021BU05183489</t>
  </si>
  <si>
    <t>buurten.850847f2-0eb2-45cd-bd11-3b8c9f8541a6</t>
  </si>
  <si>
    <t>PL0518010046</t>
  </si>
  <si>
    <t>BU05183536</t>
  </si>
  <si>
    <t>WK051835</t>
  </si>
  <si>
    <t>2021BU05183536</t>
  </si>
  <si>
    <t>buurten.845482fe-67b9-4ded-a95b-fd4904321f37</t>
  </si>
  <si>
    <t>BU05183620</t>
  </si>
  <si>
    <t>Moerwijk-Oost</t>
  </si>
  <si>
    <t>WK051836</t>
  </si>
  <si>
    <t>2021BU05183620</t>
  </si>
  <si>
    <t>buurten.0a088856-4cad-44b3-9286-571bc318335c</t>
  </si>
  <si>
    <t>PL0518010048</t>
  </si>
  <si>
    <t>Spoorwijk</t>
  </si>
  <si>
    <t>Gemengde buurt van vooroorlogs en naoorlogse gebouwen waar huizen en gebouwen dicht op elkaar staan met weinig ruimte in de grond voor nieuwe kabels en leidingen. De naoorlogse gebouwen hebben al grotendeels warmtepompen. Veel huizen van woningcorporatie</t>
  </si>
  <si>
    <t>BU05183637</t>
  </si>
  <si>
    <t>Moerwijk-West</t>
  </si>
  <si>
    <t>2021BU05183637</t>
  </si>
  <si>
    <t>buurten.1d3c88f4-bfb6-45f1-8fb1-da91ed509c03</t>
  </si>
  <si>
    <t>Moerwijk-Noord</t>
  </si>
  <si>
    <t>Grotendeels naoorlogse buurt waar huizen en gebouwen dicht op elkaar staan met veel huizen van woningcorporaties.</t>
  </si>
  <si>
    <t>Naoorlogse buurt waar huizen en gebouwen dicht op elkaar staan met veel huizen van woningcorporaties. Lokaal onderzoek in opdracht van Duurzaam Den Haag toont aan dat een warmtenet in Moerwijk-Oost een logische warmteoptie is.</t>
  </si>
  <si>
    <t>BU05183638</t>
  </si>
  <si>
    <t>2021BU05183638</t>
  </si>
  <si>
    <t>buurten.56a9cdbe-c8b9-4e63-a2a6-cd17f0e4c7f0</t>
  </si>
  <si>
    <t>BU05183639</t>
  </si>
  <si>
    <t>Moerwijk-Zuid</t>
  </si>
  <si>
    <t>2021BU05183639</t>
  </si>
  <si>
    <t>buurten.59399654-e803-4e84-a8b9-80ab1d7a152f</t>
  </si>
  <si>
    <t>PL0603010003</t>
  </si>
  <si>
    <t>Jonge buurt waar huizen en gebouwen ver van elkaar af staan en weinig huizen van woningcorporaties. Een paar gebouwen zijn aangesloten op een bestaand warmtenet. Warmtepompen zijn logisch voor de jonge gebouwen. Voor een paar naoorlogse gebouwen naast Mo</t>
  </si>
  <si>
    <t>BU05183721</t>
  </si>
  <si>
    <t>WK051837</t>
  </si>
  <si>
    <t>2021BU05183721</t>
  </si>
  <si>
    <t>buurten.6b033b21-69ff-4fc6-83ea-fd988bfeba49</t>
  </si>
  <si>
    <t>BU05183819</t>
  </si>
  <si>
    <t>Laakhaven-Oost</t>
  </si>
  <si>
    <t>WK051838</t>
  </si>
  <si>
    <t>2021BU05183819</t>
  </si>
  <si>
    <t>buurten.8f9e1197-5732-4dbb-87f5-0330ee54f148</t>
  </si>
  <si>
    <t>PL0518010007</t>
  </si>
  <si>
    <t>PL0518010057</t>
  </si>
  <si>
    <t>Binckhorst</t>
  </si>
  <si>
    <t>Noordpolderbuurt</t>
  </si>
  <si>
    <t>BU05183822</t>
  </si>
  <si>
    <t>Laakhaven-West</t>
  </si>
  <si>
    <t>2021BU05183822</t>
  </si>
  <si>
    <t>buurten.89c87d50-03f0-46dd-80f4-e95bf8446be2</t>
  </si>
  <si>
    <t>PL0518010076</t>
  </si>
  <si>
    <t>BU05183823</t>
  </si>
  <si>
    <t>2021BU05183823</t>
  </si>
  <si>
    <t>buurten.a47ed7ff-c918-4240-8a44-a7dbeda01008</t>
  </si>
  <si>
    <t>PL0518010044</t>
  </si>
  <si>
    <t>Laakkwartier-West</t>
  </si>
  <si>
    <t>BU05183824</t>
  </si>
  <si>
    <t>2021BU05183824</t>
  </si>
  <si>
    <t>buurten.e8faa3bc-668b-4232-a61e-86d608569d1b</t>
  </si>
  <si>
    <t>PL0518010042</t>
  </si>
  <si>
    <t>BU05183825</t>
  </si>
  <si>
    <t>Laakkwartier-Oost</t>
  </si>
  <si>
    <t>2021BU05183825</t>
  </si>
  <si>
    <t>buurten.75e9f5f2-bb90-49f5-928f-de21c8e1cf28</t>
  </si>
  <si>
    <t>PL0518010041</t>
  </si>
  <si>
    <t>PL0603010002</t>
  </si>
  <si>
    <t>Oud-rijswijk</t>
  </si>
  <si>
    <t>Gemengde buurt van vooroorlogs en naoorlogse gebouwen die dicht op elkaar staan. Er zijn veel huizen van woningcorporaties. Lokaal onderzoek in opdracht van Duurzaam Den Haag wijst uit dat een warmtenet in Noordpolderbuurt een logische oplossing is.</t>
  </si>
  <si>
    <t>BU05183826</t>
  </si>
  <si>
    <t>2021BU05183826</t>
  </si>
  <si>
    <t>buurten.dfce7838-6ec6-4b5f-a301-93a789adc5ec</t>
  </si>
  <si>
    <t>Vlietzoom-West</t>
  </si>
  <si>
    <t>Buitengebied met verschillende bouwjaren en een klein bedrijventerrein.</t>
  </si>
  <si>
    <t>BU05183960</t>
  </si>
  <si>
    <t>WK051839</t>
  </si>
  <si>
    <t>2021BU05183960</t>
  </si>
  <si>
    <t>buurten.f7e992fd-69ad-42ea-86fb-da7de5fdd6c2</t>
  </si>
  <si>
    <t>PL1916010055</t>
  </si>
  <si>
    <t>Voorburg West noord</t>
  </si>
  <si>
    <t>In deze buurt is de komende jaren veel sloop en nieuwbouw. Een deel van de gebouwen is al aangesloten op een warmtenet. Nieuwbouw krijgt waarschijnlijk een mix van warmtepompen en warmtenetten met WKO.</t>
  </si>
  <si>
    <t>BU05184001</t>
  </si>
  <si>
    <t>WK051840</t>
  </si>
  <si>
    <t>2021BU05184001</t>
  </si>
  <si>
    <t>buurten.1eadb1a3-8990-4200-9cd6-7c5bc4469be9</t>
  </si>
  <si>
    <t>Deze buurt is bijna volledig aangesloten op een bestaand warmtenet.</t>
  </si>
  <si>
    <t>elektriciteit, collectieve warmtepomp</t>
  </si>
  <si>
    <t>BU05184002</t>
  </si>
  <si>
    <t>Hoge Veld</t>
  </si>
  <si>
    <t>2021BU05184002</t>
  </si>
  <si>
    <t>buurten.15129273-8a7e-4475-8599-0182b59dff59</t>
  </si>
  <si>
    <t>Parkbuurt Oosteinde</t>
  </si>
  <si>
    <t>BU05184003</t>
  </si>
  <si>
    <t>Parkbuurt oosteinde</t>
  </si>
  <si>
    <t>2021BU05184003</t>
  </si>
  <si>
    <t>buurten.6fc3dbe7-b132-474e-a78e-abb328f8e81f</t>
  </si>
  <si>
    <t>PL0518010032</t>
  </si>
  <si>
    <t>PL1783010008</t>
  </si>
  <si>
    <t>Westland buurten middellange termijn (overige dorpskernen en twee bedrijventerreinen)</t>
  </si>
  <si>
    <t>elektrisch of uitbreiding Warmtesysteem Westland</t>
  </si>
  <si>
    <t>BU05184004</t>
  </si>
  <si>
    <t>Lage Veld</t>
  </si>
  <si>
    <t>2021BU05184004</t>
  </si>
  <si>
    <t>buurten.bb4bb01b-e94d-4e40-a505-e8452ad459bd</t>
  </si>
  <si>
    <t>PL0518010045</t>
  </si>
  <si>
    <t>Jonge buurt waar huizen en gebouwen ver van elkaar af staan en weinig huizen van woningcorporaties en weinig ruimte in de grond voor nieuwe kabels en leidingen.</t>
  </si>
  <si>
    <t>BU05184005</t>
  </si>
  <si>
    <t>Zonne Veld</t>
  </si>
  <si>
    <t>2021BU05184005</t>
  </si>
  <si>
    <t>buurten.f371f546-5245-4a54-a010-6644c4661144</t>
  </si>
  <si>
    <t>Bedrijventerrein Wateringen;</t>
  </si>
  <si>
    <t>12 woningen (1 TJ), 649 bedrijven (111 TJ) voor 2030</t>
  </si>
  <si>
    <t>restwarmte bedrijventerrein en/of WKO en/of zon en/of elek, WKO, zonthermie, collectieve warmtepomp</t>
  </si>
  <si>
    <t>restwarmte en/of WKO en/of zonnewarmte en/of collectieve warmtepomp</t>
  </si>
  <si>
    <t>BU05184106</t>
  </si>
  <si>
    <t>WK051841</t>
  </si>
  <si>
    <t>2021BU05184106</t>
  </si>
  <si>
    <t>buurten.be41c345-9213-499a-8bf5-ec4790841119</t>
  </si>
  <si>
    <t>PL0518010013</t>
  </si>
  <si>
    <t>PL1916010037</t>
  </si>
  <si>
    <t>Bosweide</t>
  </si>
  <si>
    <t>BU05184107</t>
  </si>
  <si>
    <t>Vliegeniersbuurt</t>
  </si>
  <si>
    <t>2021BU05184107</t>
  </si>
  <si>
    <t>buurten.a061687f-93c1-49f1-89a6-6ffa01b8e12a</t>
  </si>
  <si>
    <t>PL0603010005</t>
  </si>
  <si>
    <t>Waterbuurt (Waterbuurt en een deel van Singels)</t>
  </si>
  <si>
    <t>Aansluiting op het warmtenet is ook een optie. Dit hangt onder andere af van de ruimte op het bestaande warmtenet en het kostenverschil tussen warmtepompen en het warmtenet.</t>
  </si>
  <si>
    <t>Deze buurt is bijna volledig aangesloten op een bestaand warmtenet. Aansluiting op een toekomstige aardwarmtebron in Ypenburg is kansrijk.</t>
  </si>
  <si>
    <t>BU05184110</t>
  </si>
  <si>
    <t>De Reef</t>
  </si>
  <si>
    <t>2021BU05184110</t>
  </si>
  <si>
    <t>buurten.05d80279-51d8-4697-9974-8b95196edbd9</t>
  </si>
  <si>
    <t>PL0518010019</t>
  </si>
  <si>
    <t>PL0518010080</t>
  </si>
  <si>
    <t>Tedingerbroek</t>
  </si>
  <si>
    <t>Buurt met een paar jonge gebouwen.</t>
  </si>
  <si>
    <t>Jonge buurt waar huizen en gebouwen dicht op elkaar staan. Deels aangesloten op een bestaand warmtenet, deels al warmtepompen. Aansluiting op een toekomstige aardwarmtebron in Ypenburg is kansrijk</t>
  </si>
  <si>
    <t>BU05184208</t>
  </si>
  <si>
    <t>WK051842</t>
  </si>
  <si>
    <t>2021BU05184208</t>
  </si>
  <si>
    <t>buurten.b503f566-cc50-45f7-a79b-8a7de55ea59b</t>
  </si>
  <si>
    <t>PL0518010089</t>
  </si>
  <si>
    <t>Deze buurt is bijna volledig aangesloten op een bestaand warmtenet. Aansluiting op een toekomstige aardwarmtebron in Ypenburg is kansrijk</t>
  </si>
  <si>
    <t>Jonge buurt en weinig huizen van woningcorporaties waardoor warmtepompen logisch zijn. Maar in de buurt ligt ook een warmtenet.</t>
  </si>
  <si>
    <t>BU05184209</t>
  </si>
  <si>
    <t>Tedingerbuurt</t>
  </si>
  <si>
    <t>2021BU05184209</t>
  </si>
  <si>
    <t>buurten.8ce529f2-3be6-4e4b-b088-7c59dbc1a34c</t>
  </si>
  <si>
    <t>Buurt met vrijwel geen bebouwing. Deze buurt is een kansrijke locatie voor een aardwarmtebron.</t>
  </si>
  <si>
    <t>BU05184211</t>
  </si>
  <si>
    <t>2021BU05184211</t>
  </si>
  <si>
    <t>buurten.2e1ffbc2-6dd2-4dc8-9164-940696557f29</t>
  </si>
  <si>
    <t>PL0518010023</t>
  </si>
  <si>
    <t>PL1926010012</t>
  </si>
  <si>
    <t>Achter het raadhuis, Vrouwtjeslant, Nootdorp Centrum</t>
  </si>
  <si>
    <t>de Venen Craevenburg &amp; Oost</t>
  </si>
  <si>
    <t>BU05184212</t>
  </si>
  <si>
    <t>Morgenweide</t>
  </si>
  <si>
    <t>2021BU05184212</t>
  </si>
  <si>
    <t>buurten.e4912ff8-0b5f-4b25-8b4e-f5348821ac74</t>
  </si>
  <si>
    <t>PL0518010055</t>
  </si>
  <si>
    <t>PL1926010016</t>
  </si>
  <si>
    <t>De Venen Centrum</t>
  </si>
  <si>
    <t>zon en wind</t>
  </si>
  <si>
    <t>BU05184213</t>
  </si>
  <si>
    <t>Singels</t>
  </si>
  <si>
    <t>2021BU05184213</t>
  </si>
  <si>
    <t>buurten.93146096-a92a-416e-b380-fb0d0b1eb013</t>
  </si>
  <si>
    <t>PL0518010075</t>
  </si>
  <si>
    <t>PL0518010099</t>
  </si>
  <si>
    <t>Singels (deel van Singels)</t>
  </si>
  <si>
    <t>BU05184214</t>
  </si>
  <si>
    <t>Waterbuurt</t>
  </si>
  <si>
    <t>2021BU05184214</t>
  </si>
  <si>
    <t>buurten.2f8602ef-e96f-4466-8174-16412ded56b8</t>
  </si>
  <si>
    <t>PL1926010010</t>
  </si>
  <si>
    <t>BU05184215</t>
  </si>
  <si>
    <t>2021BU05184215</t>
  </si>
  <si>
    <t>buurten.cbeb030f-1199-423c-90b0-5d0109dd4986</t>
  </si>
  <si>
    <t>BU05184316</t>
  </si>
  <si>
    <t>Vlietzoom-Oost</t>
  </si>
  <si>
    <t>WK051843</t>
  </si>
  <si>
    <t>2021BU05184316</t>
  </si>
  <si>
    <t>buurten.abf685dc-06fe-4ff9-ae9b-9f3c5747e92a</t>
  </si>
  <si>
    <t>PL1916010029</t>
  </si>
  <si>
    <t>In deze buurt is een bedrijventerrein. Een mix van warmtenetten en warmtepompen is hier logisch.</t>
  </si>
  <si>
    <t>omgevingswarmte en/of bodemwarmte en/of WKO en/of zonnewarmte</t>
  </si>
  <si>
    <t>BU05184317</t>
  </si>
  <si>
    <t>2021BU05184317</t>
  </si>
  <si>
    <t>buurten.a37249bd-7ef1-42d6-b373-f7f5080be160</t>
  </si>
  <si>
    <t>PL0518010018</t>
  </si>
  <si>
    <t>PL1916010028</t>
  </si>
  <si>
    <t>De Lanen</t>
  </si>
  <si>
    <t>Jonge buurt waar huizen en gebouwen ver van elkaar af staan met weinig ruimte in de grond voor nieuwe kabels en leidingen en weinig huizen van woningcorporaties.</t>
  </si>
  <si>
    <t>BU05184418</t>
  </si>
  <si>
    <t>WK051844</t>
  </si>
  <si>
    <t>2021BU05184418</t>
  </si>
  <si>
    <t>buurten.5f14cb2f-29ee-49e5-8215-e9d39f0bef50</t>
  </si>
  <si>
    <t>PL0518010064</t>
  </si>
  <si>
    <t>Rietbuurt</t>
  </si>
  <si>
    <t>BU05184419</t>
  </si>
  <si>
    <t>2021BU05184419</t>
  </si>
  <si>
    <t>buurten.4fc3fc40-d761-47f9-8321-14489d0fa7d2</t>
  </si>
  <si>
    <t>Jonge buurt waar huizen en gebouwen ver van elkaar af staan met weinig ruimte in de grond voor nieuwe kabels en leidingen en bijna geen huizen van woningcorporaties.</t>
  </si>
  <si>
    <t>BU05184420</t>
  </si>
  <si>
    <t>De Vissen</t>
  </si>
  <si>
    <t>2021BU05184420</t>
  </si>
  <si>
    <t>buurten.a2c0c9db-0754-48fc-b57c-ced214150d23</t>
  </si>
  <si>
    <t>PL0518010022</t>
  </si>
  <si>
    <t>PL1916010027</t>
  </si>
  <si>
    <t>Elektra en omgevingswarmte (Luchtwarmtepompen, Warmte-koudeopslag (WKO) en bodemwarmtepompen, Zonnewarmte (dak), Pelletkachels, Infraroodpanelen)</t>
  </si>
  <si>
    <t>BU05184421</t>
  </si>
  <si>
    <t>2021BU05184421</t>
  </si>
  <si>
    <t>buurten.2c653586-c69a-4b1b-b45c-d9262e8cda46</t>
  </si>
  <si>
    <t>PL0518010020</t>
  </si>
  <si>
    <t>PL1926010013</t>
  </si>
  <si>
    <t>Boezem Oost, Heron</t>
  </si>
  <si>
    <t>Ruijven, Boezemwest, Oostambacht, s Gravenhout, Nootdorp winkelcentrum</t>
  </si>
  <si>
    <t>BU05230101</t>
  </si>
  <si>
    <t>WK052301</t>
  </si>
  <si>
    <t>GM0523</t>
  </si>
  <si>
    <t>Hardinxveld-Giessendam</t>
  </si>
  <si>
    <t>2021BU05230101</t>
  </si>
  <si>
    <t>buurten.76e0a513-58ac-4e9e-adeb-6e3ea1843ec0</t>
  </si>
  <si>
    <t>DC052301</t>
  </si>
  <si>
    <t>Transitievisie Warmte Hardinxveld-Giessendam 2021</t>
  </si>
  <si>
    <t>2021-06-21</t>
  </si>
  <si>
    <t>draagvlak is voorwaarde. Consequenties voor woonlasten moeten bekend zijn.</t>
  </si>
  <si>
    <t>in beeld brengen wat er de komende dertig jaar te doen staat om aardgasvrij te worden, zodat bewoners beslissingen daarop af kunnen stemmen</t>
  </si>
  <si>
    <t>https://raad.hardinxveld-giessendam.nl/Vergaderingen/Gemeenteraad-Het-Debat-en-Het-Besluit-GHG/2021/23-september/19:30/Transitie-Visie-Warmte-HG-2021-Raadsvoorstel/</t>
  </si>
  <si>
    <t>PL0523010002</t>
  </si>
  <si>
    <t>De Peulen</t>
  </si>
  <si>
    <t>oplossing is voor alle partijen financierbaar, technisch haalbaar en duurzaam. Voldoende tijd voor bewoners en gebouweigenaren om aanpassingen uit te voeren, draagvlak bij ruime meerderheid van bewoners, bedrijven en andere belanghebbenden</t>
  </si>
  <si>
    <t>vormen warmtecoalitie en met lokale partijen een uitvoeringsplan opstellen</t>
  </si>
  <si>
    <t>restwarmte (RWZI) en aquathermie (opties)</t>
  </si>
  <si>
    <t>BU05230102</t>
  </si>
  <si>
    <t>Wielwijk-zuid</t>
  </si>
  <si>
    <t>2021BU05230102</t>
  </si>
  <si>
    <t>buurten.da73fa59-16aa-4466-9a7a-ded5d22f96f7</t>
  </si>
  <si>
    <t>BU05230103</t>
  </si>
  <si>
    <t>Wielwijk-noord</t>
  </si>
  <si>
    <t>2021BU05230103</t>
  </si>
  <si>
    <t>buurten.70eeeb97-2dda-4974-9f75-aef7e5274b52</t>
  </si>
  <si>
    <t>PL0523010001</t>
  </si>
  <si>
    <t>Wielwijk</t>
  </si>
  <si>
    <t>BU05230104</t>
  </si>
  <si>
    <t>Giessenzoom</t>
  </si>
  <si>
    <t>2021BU05230104</t>
  </si>
  <si>
    <t>buurten.3d5df449-548a-42b0-a09d-bae40beaac3e</t>
  </si>
  <si>
    <t>BU05230105</t>
  </si>
  <si>
    <t>Parallelweg</t>
  </si>
  <si>
    <t>2021BU05230105</t>
  </si>
  <si>
    <t>buurten.4781f980-dd60-48f1-b76e-f32fff2bfae7</t>
  </si>
  <si>
    <t>BU05230106</t>
  </si>
  <si>
    <t>Bedrijventerrein Nieuweweg</t>
  </si>
  <si>
    <t>2021BU05230106</t>
  </si>
  <si>
    <t>buurten.1a4b9552-4fca-4164-b941-2d075b8b28c8</t>
  </si>
  <si>
    <t>BU05230107</t>
  </si>
  <si>
    <t>Bedrijventerrein Langeveer</t>
  </si>
  <si>
    <t>2021BU05230107</t>
  </si>
  <si>
    <t>buurten.6b4e69a9-34a2-4346-b3f6-80ab0e42df81</t>
  </si>
  <si>
    <t>BU05230108</t>
  </si>
  <si>
    <t>De Sluisweg</t>
  </si>
  <si>
    <t>2021BU05230108</t>
  </si>
  <si>
    <t>buurten.d0294a95-1478-4b82-a616-057b000435f3</t>
  </si>
  <si>
    <t>BU05230201</t>
  </si>
  <si>
    <t>Bedrijventerrein De Peulen</t>
  </si>
  <si>
    <t>WK052302</t>
  </si>
  <si>
    <t>2021BU05230201</t>
  </si>
  <si>
    <t>buurten.14e6c4d7-0877-4d13-9d6d-245e03281ca5</t>
  </si>
  <si>
    <t>BU05230202</t>
  </si>
  <si>
    <t>De Peulen-Oost</t>
  </si>
  <si>
    <t>2021BU05230202</t>
  </si>
  <si>
    <t>buurten.d6b31f3b-7bab-4f50-b6bc-0e9cdd6788e3</t>
  </si>
  <si>
    <t>BU05230301</t>
  </si>
  <si>
    <t>BH west</t>
  </si>
  <si>
    <t>WK052303</t>
  </si>
  <si>
    <t>2021BU05230301</t>
  </si>
  <si>
    <t>buurten.e71ed3ea-17d6-405b-8b3e-c6e3842ff919</t>
  </si>
  <si>
    <t>BU05230302</t>
  </si>
  <si>
    <t>BH oost</t>
  </si>
  <si>
    <t>2021BU05230302</t>
  </si>
  <si>
    <t>buurten.a5f2d1ee-a64a-4069-b020-63dd62f63d1f</t>
  </si>
  <si>
    <t>PL0523010003</t>
  </si>
  <si>
    <t>Boven-Hardinxveld</t>
  </si>
  <si>
    <t>BU05230303</t>
  </si>
  <si>
    <t>Tienmorgen</t>
  </si>
  <si>
    <t>2021BU05230303</t>
  </si>
  <si>
    <t>buurten.b40cfe19-5a24-4d2c-b33c-888755e23ddf</t>
  </si>
  <si>
    <t>BU05230304</t>
  </si>
  <si>
    <t>Tienmorgen Buitengebied</t>
  </si>
  <si>
    <t>2021BU05230304</t>
  </si>
  <si>
    <t>buurten.dd92f6da-f910-410d-abd4-1c3e2d602627</t>
  </si>
  <si>
    <t>BU05230305</t>
  </si>
  <si>
    <t>Rvierdijk oost</t>
  </si>
  <si>
    <t>2021BU05230305</t>
  </si>
  <si>
    <t>buurten.7c6bca45-22df-46ec-85cf-70b6e83eab07</t>
  </si>
  <si>
    <t>BU05230306</t>
  </si>
  <si>
    <t>Rivierdijk west</t>
  </si>
  <si>
    <t>2021BU05230306</t>
  </si>
  <si>
    <t>buurten.43205b75-3060-438f-8b52-22271157d1ee</t>
  </si>
  <si>
    <t>BU05230307</t>
  </si>
  <si>
    <t>Bedrijventerrein Buitenwei</t>
  </si>
  <si>
    <t>2021BU05230307</t>
  </si>
  <si>
    <t>buurten.58bc915c-ca7f-43bc-ba15-66528c86144f</t>
  </si>
  <si>
    <t>BU05230308</t>
  </si>
  <si>
    <t>Tienmorgen rijksweg</t>
  </si>
  <si>
    <t>2021BU05230308</t>
  </si>
  <si>
    <t>buurten.88eb0066-5204-43cb-bcc5-6cac715f5a4e</t>
  </si>
  <si>
    <t>BU05230309</t>
  </si>
  <si>
    <t>Buitengebied BH</t>
  </si>
  <si>
    <t>2021BU05230309</t>
  </si>
  <si>
    <t>buurten.7426d08f-8ec3-4df1-8686-29dc4c1f14b8</t>
  </si>
  <si>
    <t>BU05230310</t>
  </si>
  <si>
    <t>Avelinge diep</t>
  </si>
  <si>
    <t>2021BU05230310</t>
  </si>
  <si>
    <t>buurten.1374c804-174f-43c4-bab6-aa4b059ffe0e</t>
  </si>
  <si>
    <t>BU05230401</t>
  </si>
  <si>
    <t>Giessendam-West</t>
  </si>
  <si>
    <t>WK052304</t>
  </si>
  <si>
    <t>2021BU05230401</t>
  </si>
  <si>
    <t>buurten.d1fcd87e-4f3f-4ef0-af46-8e9813a73681</t>
  </si>
  <si>
    <t>PL0523010004</t>
  </si>
  <si>
    <t>eind jaren 90 &amp; begin jaren 00 woningen Giessendam</t>
  </si>
  <si>
    <t>BU05230402</t>
  </si>
  <si>
    <t>Blauwe Zoom</t>
  </si>
  <si>
    <t>2021BU05230402</t>
  </si>
  <si>
    <t>buurten.bfd98b6b-17ac-4bfa-94a9-d9c822b9d244</t>
  </si>
  <si>
    <t>BU05230403</t>
  </si>
  <si>
    <t>Giessendam Over 't Spoor</t>
  </si>
  <si>
    <t>2021BU05230403</t>
  </si>
  <si>
    <t>buurten.be5fbeef-0b57-4d89-9932-821dc2628aa5</t>
  </si>
  <si>
    <t>BU05230404</t>
  </si>
  <si>
    <t>Giessendam Het oog</t>
  </si>
  <si>
    <t>2021BU05230404</t>
  </si>
  <si>
    <t>buurten.989ef056-f1a5-4080-8fd8-37f11c7a54ab</t>
  </si>
  <si>
    <t>BU05230405</t>
  </si>
  <si>
    <t>Buitengebied Giessendam</t>
  </si>
  <si>
    <t>2021BU05230405</t>
  </si>
  <si>
    <t>buurten.e1ced3c0-6164-420c-beaf-20052676dd38</t>
  </si>
  <si>
    <t>PL0610010004</t>
  </si>
  <si>
    <t>BU05300000</t>
  </si>
  <si>
    <t>De Vesting</t>
  </si>
  <si>
    <t>WK053000</t>
  </si>
  <si>
    <t>2021BU05300000</t>
  </si>
  <si>
    <t>buurten.18005d16-a4e8-404c-8146-7adb705a3695</t>
  </si>
  <si>
    <t>BU05300001</t>
  </si>
  <si>
    <t>Glaciswijk</t>
  </si>
  <si>
    <t>2021BU05300001</t>
  </si>
  <si>
    <t>buurten.db474729-f237-428c-b094-3827de873e72</t>
  </si>
  <si>
    <t>BU05300003</t>
  </si>
  <si>
    <t>Groote Weergors</t>
  </si>
  <si>
    <t>2021BU05300003</t>
  </si>
  <si>
    <t>buurten.ba0cedb0-07c1-48b2-b3c2-1f1ee18ff737</t>
  </si>
  <si>
    <t>BU05300004</t>
  </si>
  <si>
    <t>Marinebuurt</t>
  </si>
  <si>
    <t>2021BU05300004</t>
  </si>
  <si>
    <t>buurten.3a51f603-f743-46e0-9dff-800ee163d750</t>
  </si>
  <si>
    <t>BU05300005</t>
  </si>
  <si>
    <t>Dichters- en Schrijversbuurt</t>
  </si>
  <si>
    <t>2021BU05300005</t>
  </si>
  <si>
    <t>buurten.2d24bd18-22a6-48f4-bc1f-80b0e4710e80</t>
  </si>
  <si>
    <t>BU05300100</t>
  </si>
  <si>
    <t>Nieuw-Helvoet</t>
  </si>
  <si>
    <t>WK053001</t>
  </si>
  <si>
    <t>2021BU05300100</t>
  </si>
  <si>
    <t>buurten.6e255b0f-cdb3-48e8-9d74-6840bd2cb4bc</t>
  </si>
  <si>
    <t>BU05300101</t>
  </si>
  <si>
    <t>Bloemen- en Plantenbuurt</t>
  </si>
  <si>
    <t>2021BU05300101</t>
  </si>
  <si>
    <t>buurten.79398ab5-a86c-453e-b6cc-233819224771</t>
  </si>
  <si>
    <t>BU05300102</t>
  </si>
  <si>
    <t>Kulck-Noord</t>
  </si>
  <si>
    <t>2021BU05300102</t>
  </si>
  <si>
    <t>buurten.82f4a3e7-35a4-41dc-8f67-819d643ca09b</t>
  </si>
  <si>
    <t>BU05300103</t>
  </si>
  <si>
    <t>Kulck-Zuid</t>
  </si>
  <si>
    <t>2021BU05300103</t>
  </si>
  <si>
    <t>buurten.5ba8e57d-7e76-4770-a596-8c4da9595485</t>
  </si>
  <si>
    <t>BU05300104</t>
  </si>
  <si>
    <t>Rijksstraatweg en omgeving</t>
  </si>
  <si>
    <t>2021BU05300104</t>
  </si>
  <si>
    <t>buurten.7dc67362-651c-47ae-9b7b-4b49540b0ca3</t>
  </si>
  <si>
    <t>BU05300105</t>
  </si>
  <si>
    <t>Dorp en Hoonaart</t>
  </si>
  <si>
    <t>2021BU05300105</t>
  </si>
  <si>
    <t>buurten.b0044bd1-5b68-4d08-b232-3c3b1e7f89e6</t>
  </si>
  <si>
    <t>BU05300106</t>
  </si>
  <si>
    <t>2021BU05300106</t>
  </si>
  <si>
    <t>buurten.3054c334-ea64-4be2-869e-1458653210bf</t>
  </si>
  <si>
    <t>BU05300107</t>
  </si>
  <si>
    <t>Boomgaard</t>
  </si>
  <si>
    <t>2021BU05300107</t>
  </si>
  <si>
    <t>buurten.1f749c7b-2cf2-4560-b376-932b3ee47e7f</t>
  </si>
  <si>
    <t>BU05300200</t>
  </si>
  <si>
    <t>Nieuwenhoorn</t>
  </si>
  <si>
    <t>WK053002</t>
  </si>
  <si>
    <t>2021BU05300200</t>
  </si>
  <si>
    <t>buurten.ff148fa3-f6c7-4d6b-9d29-ac9b43c8fac1</t>
  </si>
  <si>
    <t>BU05300201</t>
  </si>
  <si>
    <t>'t Lange Land</t>
  </si>
  <si>
    <t>2021BU05300201</t>
  </si>
  <si>
    <t>buurten.c900031f-92b0-48bb-b6b1-e81242ac9c86</t>
  </si>
  <si>
    <t>BU05300300</t>
  </si>
  <si>
    <t>Kanaalzicht</t>
  </si>
  <si>
    <t>WK053003</t>
  </si>
  <si>
    <t>2021BU05300300</t>
  </si>
  <si>
    <t>buurten.902dc4ae-6597-41bb-b535-5bb8c7d99e95</t>
  </si>
  <si>
    <t>BU05300301</t>
  </si>
  <si>
    <t>Wittens Hoeck</t>
  </si>
  <si>
    <t>2021BU05300301</t>
  </si>
  <si>
    <t>buurten.dae6498b-81e3-483a-9ab6-2a02bca993b2</t>
  </si>
  <si>
    <t>BU05300302</t>
  </si>
  <si>
    <t>Gorsingen Hoeck</t>
  </si>
  <si>
    <t>2021BU05300302</t>
  </si>
  <si>
    <t>buurten.4a55ee45-a894-4cab-8b75-31fdb20dc330</t>
  </si>
  <si>
    <t>BU05300303</t>
  </si>
  <si>
    <t>Hooghen Hoeck</t>
  </si>
  <si>
    <t>2021BU05300303</t>
  </si>
  <si>
    <t>buurten.f05477cf-64c5-4472-9064-cd50e3496b0c</t>
  </si>
  <si>
    <t>BU05300400</t>
  </si>
  <si>
    <t>Hout Hoeffe</t>
  </si>
  <si>
    <t>WK053004</t>
  </si>
  <si>
    <t>2021BU05300400</t>
  </si>
  <si>
    <t>buurten.c6641a8a-09dd-4e1e-a3a2-41ece6d9b924</t>
  </si>
  <si>
    <t>BU05300401</t>
  </si>
  <si>
    <t>Koele Nacht</t>
  </si>
  <si>
    <t>2021BU05300401</t>
  </si>
  <si>
    <t>buurten.bb2d1666-e803-4ec6-b116-d3832f6ddfa8</t>
  </si>
  <si>
    <t>BU05300402</t>
  </si>
  <si>
    <t>Morgen Stont</t>
  </si>
  <si>
    <t>2021BU05300402</t>
  </si>
  <si>
    <t>buurten.f961bea6-b65d-4b97-b228-f6cdb723dccf</t>
  </si>
  <si>
    <t>PL0501010004</t>
  </si>
  <si>
    <t>Kickersbloem Hellevoetsluis</t>
  </si>
  <si>
    <t>BU05300404</t>
  </si>
  <si>
    <t>Vlotbrug</t>
  </si>
  <si>
    <t>2021BU05300404</t>
  </si>
  <si>
    <t>buurten.f9c6fb41-325b-4837-b72c-6c51dadecddf</t>
  </si>
  <si>
    <t>BU05300500</t>
  </si>
  <si>
    <t>Tolhoeck</t>
  </si>
  <si>
    <t>WK053005</t>
  </si>
  <si>
    <t>2021BU05300500</t>
  </si>
  <si>
    <t>buurten.ec998f66-4d29-46b4-a8e2-15089a91c310</t>
  </si>
  <si>
    <t>BU05300502</t>
  </si>
  <si>
    <t>Out Jaar</t>
  </si>
  <si>
    <t>2021BU05300502</t>
  </si>
  <si>
    <t>buurten.1b8d21f2-a375-4e45-ab41-a73cc363071d</t>
  </si>
  <si>
    <t>BU05300503</t>
  </si>
  <si>
    <t>Logendal</t>
  </si>
  <si>
    <t>2021BU05300503</t>
  </si>
  <si>
    <t>buurten.f0459a4d-48d5-440e-b0cc-24581ce5b501</t>
  </si>
  <si>
    <t>BU05300504</t>
  </si>
  <si>
    <t>Kruis Hoeffe</t>
  </si>
  <si>
    <t>2021BU05300504</t>
  </si>
  <si>
    <t>buurten.e7d9b136-1e3c-402c-b347-e9fda323eb9e</t>
  </si>
  <si>
    <t>BU05300505</t>
  </si>
  <si>
    <t>Salem</t>
  </si>
  <si>
    <t>2021BU05300505</t>
  </si>
  <si>
    <t>buurten.45233510-86bc-4649-80cb-466fde81fc9c</t>
  </si>
  <si>
    <t>BU05300600</t>
  </si>
  <si>
    <t>Wagenzicht</t>
  </si>
  <si>
    <t>WK053006</t>
  </si>
  <si>
    <t>2021BU05300600</t>
  </si>
  <si>
    <t>buurten.b43b2a8f-1fab-4ff2-92a7-67a3ba1c57ad</t>
  </si>
  <si>
    <t>BU05300601</t>
  </si>
  <si>
    <t>2021BU05300601</t>
  </si>
  <si>
    <t>buurten.9d43f731-67d4-4510-ab05-3d9794f29105</t>
  </si>
  <si>
    <t>BU05300700</t>
  </si>
  <si>
    <t>Centrumgebied-West</t>
  </si>
  <si>
    <t>WK053007</t>
  </si>
  <si>
    <t>2021BU05300700</t>
  </si>
  <si>
    <t>buurten.438e6cc1-aa15-4ce8-92b2-dfbbb46b9a19</t>
  </si>
  <si>
    <t>BU05300701</t>
  </si>
  <si>
    <t>Centrumgebied-Oost</t>
  </si>
  <si>
    <t>2021BU05300701</t>
  </si>
  <si>
    <t>buurten.34169522-213e-499f-af2c-c568f0f0fa56</t>
  </si>
  <si>
    <t>BU05300800</t>
  </si>
  <si>
    <t>Kickers Bloem</t>
  </si>
  <si>
    <t>WK053008</t>
  </si>
  <si>
    <t>2021BU05300800</t>
  </si>
  <si>
    <t>buurten.3e2e6ab4-58ff-49c5-8d0a-8676a3af9942</t>
  </si>
  <si>
    <t>BU05300900</t>
  </si>
  <si>
    <t>Duinhoeck</t>
  </si>
  <si>
    <t>WK053009</t>
  </si>
  <si>
    <t>2021BU05300900</t>
  </si>
  <si>
    <t>buurten.8a5be3fe-7601-4d30-aed3-1d38c9cf4543</t>
  </si>
  <si>
    <t>BU05300901</t>
  </si>
  <si>
    <t>2021BU05300901</t>
  </si>
  <si>
    <t>buurten.5629d7e8-cc4f-4b58-b0e0-99a5d91eea38</t>
  </si>
  <si>
    <t>BU05300902</t>
  </si>
  <si>
    <t>Heliushaven</t>
  </si>
  <si>
    <t>2021BU05300902</t>
  </si>
  <si>
    <t>buurten.7a4b0ebc-0f68-4bc0-ad17-7a0e061e0af4</t>
  </si>
  <si>
    <t>BU05301001</t>
  </si>
  <si>
    <t>Kern Oudenhoorn</t>
  </si>
  <si>
    <t>WK053010</t>
  </si>
  <si>
    <t>2021BU05301001</t>
  </si>
  <si>
    <t>buurten.b2798fca-945f-442d-892c-a5b199155e11</t>
  </si>
  <si>
    <t>BU05301002</t>
  </si>
  <si>
    <t>Poldergebied Oudenhoorn</t>
  </si>
  <si>
    <t>2021BU05301002</t>
  </si>
  <si>
    <t>buurten.405b697e-6e12-4963-ab3a-e16da199c131</t>
  </si>
  <si>
    <t>BU05301003</t>
  </si>
  <si>
    <t>Poldergebied Nieuwenhoorn</t>
  </si>
  <si>
    <t>2021BU05301003</t>
  </si>
  <si>
    <t>buurten.13178279-e906-4dd6-b174-7f03a1f7ed51</t>
  </si>
  <si>
    <t>BU05310101</t>
  </si>
  <si>
    <t>Dorp</t>
  </si>
  <si>
    <t>WK053101</t>
  </si>
  <si>
    <t>2021BU05310101</t>
  </si>
  <si>
    <t>buurten.cdfabe49-194f-473a-9f95-40d104b11bff</t>
  </si>
  <si>
    <t>PL0531010002</t>
  </si>
  <si>
    <t>All electric jonge wijken</t>
  </si>
  <si>
    <t>voortzetting bestaande subsidies, acquisitietraject van HVC, WCW</t>
  </si>
  <si>
    <t>1500-2500 warmtenetaansluitingen</t>
  </si>
  <si>
    <t>aquathermie en/of geothermie en/of restwarmte (industrie)</t>
  </si>
  <si>
    <t>BU05310102</t>
  </si>
  <si>
    <t>Oostendam</t>
  </si>
  <si>
    <t>2021BU05310102</t>
  </si>
  <si>
    <t>buurten.0d966ef5-383b-4710-9e71-fbfdd282e725</t>
  </si>
  <si>
    <t>BU05310103</t>
  </si>
  <si>
    <t>Kruiswiel</t>
  </si>
  <si>
    <t>2021BU05310103</t>
  </si>
  <si>
    <t>buurten.c65e3cfd-6078-4865-a5a0-5133984a1c9c</t>
  </si>
  <si>
    <t>PL0531010001</t>
  </si>
  <si>
    <t>PL0531010003</t>
  </si>
  <si>
    <t>Warmtenetten vanaf 2031</t>
  </si>
  <si>
    <t>aquathermie (mogelijk aangevuld met geothermie en restwarmte van industriegebied Zwijndrecht)</t>
  </si>
  <si>
    <t>BU05310201</t>
  </si>
  <si>
    <t>Krommeweg-Noord</t>
  </si>
  <si>
    <t>WK053102</t>
  </si>
  <si>
    <t>2021BU05310201</t>
  </si>
  <si>
    <t>buurten.3ab50ea1-f18f-4cd4-969e-107f15e28e25</t>
  </si>
  <si>
    <t>BU05310202</t>
  </si>
  <si>
    <t>Krommeweg-Zuid</t>
  </si>
  <si>
    <t>2021BU05310202</t>
  </si>
  <si>
    <t>buurten.43f70f44-32fa-4a48-b4db-35e531306fd0</t>
  </si>
  <si>
    <t>BU05310203</t>
  </si>
  <si>
    <t>De Sandeling</t>
  </si>
  <si>
    <t>2021BU05310203</t>
  </si>
  <si>
    <t>buurten.23bdc735-caf4-4362-b9ef-0ad2604b74cb</t>
  </si>
  <si>
    <t>BU05310204</t>
  </si>
  <si>
    <t>Ambachtszone</t>
  </si>
  <si>
    <t>2021BU05310204</t>
  </si>
  <si>
    <t>buurten.a4e6633f-7c58-4a15-84fd-eebc3157b55f</t>
  </si>
  <si>
    <t>PL0531010004</t>
  </si>
  <si>
    <t>PL0642010007</t>
  </si>
  <si>
    <t>All electric oude wijken</t>
  </si>
  <si>
    <t>BU05310301</t>
  </si>
  <si>
    <t>Volgerlanden-West</t>
  </si>
  <si>
    <t>WK053103</t>
  </si>
  <si>
    <t>2021BU05310301</t>
  </si>
  <si>
    <t>buurten.0036a620-cf99-4dc3-8fc6-543f02ff85e2</t>
  </si>
  <si>
    <t>PL0642010002</t>
  </si>
  <si>
    <t>Warmtenetten startbuurten</t>
  </si>
  <si>
    <t>voortzetting bestaande subsidies, nieuwe subsidies, acquisitietraject van HVC, WCW</t>
  </si>
  <si>
    <t>1347 woningen aansluiten op warmtenet</t>
  </si>
  <si>
    <t>restwarmte (industriegebied in de gemeente) en/of ondiepe aardwarmte en aquathermie</t>
  </si>
  <si>
    <t>restwarmte (industrie) en/of geothermie en/of aquathermie</t>
  </si>
  <si>
    <t>BU05310302</t>
  </si>
  <si>
    <t>Volgerlanden-Oost</t>
  </si>
  <si>
    <t>2021BU05310302</t>
  </si>
  <si>
    <t>buurten.1cbbe7b3-0d70-4a8c-b347-586cace4b9a9</t>
  </si>
  <si>
    <t>BU05310400</t>
  </si>
  <si>
    <t>Sandelingen-Ambacht</t>
  </si>
  <si>
    <t>WK053104</t>
  </si>
  <si>
    <t>2021BU05310400</t>
  </si>
  <si>
    <t>buurten.d9633199-2c7d-42bb-95c3-f917508555f3</t>
  </si>
  <si>
    <t>BU05310501</t>
  </si>
  <si>
    <t>Antoniapolder</t>
  </si>
  <si>
    <t>WK053105</t>
  </si>
  <si>
    <t>2021BU05310501</t>
  </si>
  <si>
    <t>buurten.b386afc8-c167-4bab-acfa-39522821746a</t>
  </si>
  <si>
    <t>BU05310502</t>
  </si>
  <si>
    <t>Noordoevers</t>
  </si>
  <si>
    <t>2021BU05310502</t>
  </si>
  <si>
    <t>buurten.8f511303-5590-45bc-a581-bc3997f3439f</t>
  </si>
  <si>
    <t>bedrijventerreinen oosteind, kooy B en westpolder A</t>
  </si>
  <si>
    <t>BU05320101</t>
  </si>
  <si>
    <t>Lutjebroek buitengebied noord</t>
  </si>
  <si>
    <t>WK053201</t>
  </si>
  <si>
    <t>2021BU05320101</t>
  </si>
  <si>
    <t>buurten.7f3b41b0-6265-4d14-b104-51544c8e98f6</t>
  </si>
  <si>
    <t>BU05320102</t>
  </si>
  <si>
    <t>Grootebroek buitengebied noord</t>
  </si>
  <si>
    <t>2021BU05320102</t>
  </si>
  <si>
    <t>buurten.110c5740-9aa1-44d6-a5d4-0af0c47898d2</t>
  </si>
  <si>
    <t>BU05320103</t>
  </si>
  <si>
    <t>Bovenkarspel buitengebied noord</t>
  </si>
  <si>
    <t>2021BU05320103</t>
  </si>
  <si>
    <t>buurten.70942cd7-49d8-4f9e-96c0-345a65bcc2a5</t>
  </si>
  <si>
    <t>BU05320201</t>
  </si>
  <si>
    <t>Lutjebroek</t>
  </si>
  <si>
    <t>WK053202</t>
  </si>
  <si>
    <t>2021BU05320201</t>
  </si>
  <si>
    <t>buurten.d1f90c68-d7e1-4def-bf35-aaf6948de40d</t>
  </si>
  <si>
    <t>BU05320202</t>
  </si>
  <si>
    <t>Oosterweed</t>
  </si>
  <si>
    <t>2021BU05320202</t>
  </si>
  <si>
    <t>buurten.74dc39d7-1726-4082-824c-63990bba4304</t>
  </si>
  <si>
    <t>BU05320203</t>
  </si>
  <si>
    <t>Oud Grootebroek</t>
  </si>
  <si>
    <t>2021BU05320203</t>
  </si>
  <si>
    <t>buurten.ac7fa505-318f-45cf-8560-5173b704a340</t>
  </si>
  <si>
    <t>BU05320204</t>
  </si>
  <si>
    <t>Zesstedenpark</t>
  </si>
  <si>
    <t>2021BU05320204</t>
  </si>
  <si>
    <t>buurten.f1546f4b-b441-40f5-ab65-3d6c914c7cf9</t>
  </si>
  <si>
    <t>BU05320205</t>
  </si>
  <si>
    <t>Hooge Sluis</t>
  </si>
  <si>
    <t>2021BU05320205</t>
  </si>
  <si>
    <t>buurten.5ccacc5c-a35c-45cc-9bf0-dbbb2978014d</t>
  </si>
  <si>
    <t>PL0532010002</t>
  </si>
  <si>
    <t>Centrum Grootebroek</t>
  </si>
  <si>
    <t>lage kosten</t>
  </si>
  <si>
    <t>open dialoog met bewoners</t>
  </si>
  <si>
    <t>BU05320206</t>
  </si>
  <si>
    <t>Noordertocht</t>
  </si>
  <si>
    <t>2021BU05320206</t>
  </si>
  <si>
    <t>buurten.9bfa42e9-37a8-47c5-99c0-f432cfb8bb37</t>
  </si>
  <si>
    <t>BU05320207</t>
  </si>
  <si>
    <t>Rozeboom</t>
  </si>
  <si>
    <t>2021BU05320207</t>
  </si>
  <si>
    <t>buurten.1b0a15c0-57e4-4779-b555-f27724550e1a</t>
  </si>
  <si>
    <t>BU05320208</t>
  </si>
  <si>
    <t>2021BU05320208</t>
  </si>
  <si>
    <t>buurten.da0b00b1-d656-414a-a998-2fc2777054fb</t>
  </si>
  <si>
    <t>BU05320209</t>
  </si>
  <si>
    <t>Zuidervoert</t>
  </si>
  <si>
    <t>2021BU05320209</t>
  </si>
  <si>
    <t>buurten.28b3682d-f7de-44f9-9b3f-b20640ffa5b4</t>
  </si>
  <si>
    <t>BU05320210</t>
  </si>
  <si>
    <t>Oud Bovenkarpel</t>
  </si>
  <si>
    <t>2021BU05320210</t>
  </si>
  <si>
    <t>buurten.3fd39a16-2eb1-4eae-ba48-c40f30ba4295</t>
  </si>
  <si>
    <t>BU05320211</t>
  </si>
  <si>
    <t>CNB</t>
  </si>
  <si>
    <t>2021BU05320211</t>
  </si>
  <si>
    <t>buurten.0755aedb-ef13-4242-813f-f456ffa39793</t>
  </si>
  <si>
    <t>BU05320301</t>
  </si>
  <si>
    <t>Lutjebroek buitengebied zuid</t>
  </si>
  <si>
    <t>WK053203</t>
  </si>
  <si>
    <t>2021BU05320301</t>
  </si>
  <si>
    <t>buurten.cf6fc53c-fb29-4d0d-a908-efcf86cd3155</t>
  </si>
  <si>
    <t>BU05320302</t>
  </si>
  <si>
    <t>Centrale zone Grootebroek</t>
  </si>
  <si>
    <t>2021BU05320302</t>
  </si>
  <si>
    <t>buurten.2f38c327-695e-40d1-bb63-3a9969abd6b6</t>
  </si>
  <si>
    <t>BU05320303</t>
  </si>
  <si>
    <t>Grootebroek buitengebied zuid</t>
  </si>
  <si>
    <t>2021BU05320303</t>
  </si>
  <si>
    <t>buurten.3c6e7726-dd21-4596-be0e-b1461c27fd5c</t>
  </si>
  <si>
    <t>BU05320304</t>
  </si>
  <si>
    <t>Kloosterhof Monniksveld</t>
  </si>
  <si>
    <t>2021BU05320304</t>
  </si>
  <si>
    <t>buurten.fb05d53d-7cc9-41db-b0a3-517b0ea7daa0</t>
  </si>
  <si>
    <t>BU05320305</t>
  </si>
  <si>
    <t>Waterweide</t>
  </si>
  <si>
    <t>2021BU05320305</t>
  </si>
  <si>
    <t>buurten.b115c0a4-a335-49cb-b706-feaa2b792dfe</t>
  </si>
  <si>
    <t>BU05320306</t>
  </si>
  <si>
    <t>Oostersluis</t>
  </si>
  <si>
    <t>2021BU05320306</t>
  </si>
  <si>
    <t>buurten.eb012f98-a83a-4c73-ae22-643701341119</t>
  </si>
  <si>
    <t>BU05320307</t>
  </si>
  <si>
    <t>Princenhof Grootebroek</t>
  </si>
  <si>
    <t>2021BU05320307</t>
  </si>
  <si>
    <t>buurten.6d5e68dc-e26e-4c0d-b5a1-2e58ac8ba23d</t>
  </si>
  <si>
    <t>BU05320308</t>
  </si>
  <si>
    <t>Princenhof Bovenkarspel</t>
  </si>
  <si>
    <t>2021BU05320308</t>
  </si>
  <si>
    <t>buurten.72ed1273-0a9f-489e-8063-4f6629fd2ad7</t>
  </si>
  <si>
    <t>BU05320309</t>
  </si>
  <si>
    <t>Centrale zone Bovenkarspel</t>
  </si>
  <si>
    <t>2021BU05320309</t>
  </si>
  <si>
    <t>buurten.40829eb4-5c36-479e-840d-ac728a045837</t>
  </si>
  <si>
    <t>PL0532010001</t>
  </si>
  <si>
    <t>Plan zuid en Princenhof</t>
  </si>
  <si>
    <t>BU05320310</t>
  </si>
  <si>
    <t>Plan Zuid</t>
  </si>
  <si>
    <t>2021BU05320310</t>
  </si>
  <si>
    <t>buurten.c52c6f89-fd9d-4ea6-8953-1a71f79b5737</t>
  </si>
  <si>
    <t>BU05320311</t>
  </si>
  <si>
    <t>Broekerhaven</t>
  </si>
  <si>
    <t>2021BU05320311</t>
  </si>
  <si>
    <t>buurten.fef6f610-417d-4a37-b499-7beb3f54a551</t>
  </si>
  <si>
    <t>BU05320312</t>
  </si>
  <si>
    <t>Buitengebied Bovenkarspel zuid</t>
  </si>
  <si>
    <t>2021BU05320312</t>
  </si>
  <si>
    <t>buurten.0d179533-0171-4675-9abe-11e8ccde7e7c</t>
  </si>
  <si>
    <t>BU05340101</t>
  </si>
  <si>
    <t>WK053401</t>
  </si>
  <si>
    <t>2021BU05340101</t>
  </si>
  <si>
    <t>buurten.87c5b17d-dde8-48ba-8e87-6cf0ba71528d</t>
  </si>
  <si>
    <t>BU05340102</t>
  </si>
  <si>
    <t>2021BU05340102</t>
  </si>
  <si>
    <t>buurten.8377a3ab-41d4-485d-82d9-9d4806bd6a66</t>
  </si>
  <si>
    <t>BU05340103</t>
  </si>
  <si>
    <t>Vosselaankwartier</t>
  </si>
  <si>
    <t>2021BU05340103</t>
  </si>
  <si>
    <t>buurten.3e220594-d8e2-4985-a386-77856c6e6fe6</t>
  </si>
  <si>
    <t>BU05340104</t>
  </si>
  <si>
    <t>Hillegommerbeek</t>
  </si>
  <si>
    <t>2021BU05340104</t>
  </si>
  <si>
    <t>buurten.a2f249d6-1b73-46e7-92a7-5bb84ab6d66c</t>
  </si>
  <si>
    <t>BU05340105</t>
  </si>
  <si>
    <t>Brouwerlaankwartier</t>
  </si>
  <si>
    <t>2021BU05340105</t>
  </si>
  <si>
    <t>buurten.d3e72bac-1d8f-481c-adf2-42eaef5c5812</t>
  </si>
  <si>
    <t>BU05340201</t>
  </si>
  <si>
    <t>WK053402</t>
  </si>
  <si>
    <t>2021BU05340201</t>
  </si>
  <si>
    <t>buurten.54ef0103-a030-4b4e-9486-30dc01bc28ab</t>
  </si>
  <si>
    <t>BU05340202</t>
  </si>
  <si>
    <t>Horst ten Daal</t>
  </si>
  <si>
    <t>2021BU05340202</t>
  </si>
  <si>
    <t>buurten.6da7a9b9-10da-4f99-b752-9a7ad9ebd529</t>
  </si>
  <si>
    <t>BU05340203</t>
  </si>
  <si>
    <t>Treslong</t>
  </si>
  <si>
    <t>2021BU05340203</t>
  </si>
  <si>
    <t>buurten.c8ababa4-c108-42ee-bbc8-afd656da7afc</t>
  </si>
  <si>
    <t>BU05340204</t>
  </si>
  <si>
    <t>2021BU05340204</t>
  </si>
  <si>
    <t>buurten.c75f9aa2-60e0-46d9-8a64-ad5dd3b73e4a</t>
  </si>
  <si>
    <t>BU05340205</t>
  </si>
  <si>
    <t>Vossepolder</t>
  </si>
  <si>
    <t>2021BU05340205</t>
  </si>
  <si>
    <t>buurten.ea35bd59-43a6-471f-8ddd-1d1d2c951969</t>
  </si>
  <si>
    <t>BU05340206</t>
  </si>
  <si>
    <t>2021BU05340206</t>
  </si>
  <si>
    <t>buurten.cb5657bb-5515-452c-b450-a4615ef86041</t>
  </si>
  <si>
    <t>BU05340301</t>
  </si>
  <si>
    <t>Leidsestraat</t>
  </si>
  <si>
    <t>WK053403</t>
  </si>
  <si>
    <t>2021BU05340301</t>
  </si>
  <si>
    <t>buurten.b2f8403b-1582-44eb-9f9b-47e1264f77e8</t>
  </si>
  <si>
    <t>BU05340302</t>
  </si>
  <si>
    <t>Olympiakwartier</t>
  </si>
  <si>
    <t>2021BU05340302</t>
  </si>
  <si>
    <t>buurten.30680ecf-a5a5-4020-bcc7-774a253231b8</t>
  </si>
  <si>
    <t>BU05340303</t>
  </si>
  <si>
    <t>2021BU05340303</t>
  </si>
  <si>
    <t>buurten.97b2391a-b880-462b-ad9f-a94aab904643</t>
  </si>
  <si>
    <t>BU05340304</t>
  </si>
  <si>
    <t>Wendes</t>
  </si>
  <si>
    <t>2021BU05340304</t>
  </si>
  <si>
    <t>buurten.b6769fb8-cd96-4f6a-a7e2-b79fc86c047c</t>
  </si>
  <si>
    <t>BU05340305</t>
  </si>
  <si>
    <t>Hemen</t>
  </si>
  <si>
    <t>2021BU05340305</t>
  </si>
  <si>
    <t>buurten.cbdf2f0e-f896-4dd0-ab05-7fad6a965162</t>
  </si>
  <si>
    <t>BU05340306</t>
  </si>
  <si>
    <t>Ringoevers</t>
  </si>
  <si>
    <t>2021BU05340306</t>
  </si>
  <si>
    <t>buurten.ee2561d5-b85a-4f44-862d-b7603313a477</t>
  </si>
  <si>
    <t>BU05340401</t>
  </si>
  <si>
    <t>Om de Zanderij</t>
  </si>
  <si>
    <t>WK053404</t>
  </si>
  <si>
    <t>2021BU05340401</t>
  </si>
  <si>
    <t>buurten.be8394d5-ead4-4bd6-8523-482c039bf167</t>
  </si>
  <si>
    <t>BU05340402</t>
  </si>
  <si>
    <t>Weerestein</t>
  </si>
  <si>
    <t>2021BU05340402</t>
  </si>
  <si>
    <t>buurten.373885b8-4b94-42fc-baeb-d3a543e5741c</t>
  </si>
  <si>
    <t>BU05340501</t>
  </si>
  <si>
    <t>De Zanderij</t>
  </si>
  <si>
    <t>WK053405</t>
  </si>
  <si>
    <t>2021BU05340501</t>
  </si>
  <si>
    <t>buurten.ec48020d-6b5a-4bdb-b3b4-daf9c8ab0b84</t>
  </si>
  <si>
    <t>BU05340502</t>
  </si>
  <si>
    <t>De Arnoud</t>
  </si>
  <si>
    <t>2021BU05340502</t>
  </si>
  <si>
    <t>buurten.7bfa1226-0c0e-45cd-a011-a244ce6340fe</t>
  </si>
  <si>
    <t>BU05340503</t>
  </si>
  <si>
    <t>2021BU05340503</t>
  </si>
  <si>
    <t>buurten.a5fecfaa-00f8-4751-86f4-8ba5d98fc1c9</t>
  </si>
  <si>
    <t>BU05370101</t>
  </si>
  <si>
    <t>Rijnsoever-West</t>
  </si>
  <si>
    <t>WK053701</t>
  </si>
  <si>
    <t>2021BU05370101</t>
  </si>
  <si>
    <t>buurten.3a2f6f14-f875-4293-8729-68e25fe159a4</t>
  </si>
  <si>
    <t>aardgasvrij en klimaatneutraal in 2050, 33% energiebesparing in 2050</t>
  </si>
  <si>
    <t>DC053701</t>
  </si>
  <si>
    <t>Warmtevisie Katwijk 2022-2026Stap voor stap naar duurzame warmte</t>
  </si>
  <si>
    <t>2021-11-18</t>
  </si>
  <si>
    <t>[p. 64] Een deugdelijk wettelijk kader: dit houdt in de wettelijke verplichting tot het afkoppelen van individuele huishoudens; Rijksmiddelen ten behoeve van de inzet van voldoende formatie om een professionele uitvoeringsorganisatie op te zetten voor he</t>
  </si>
  <si>
    <t>de visie weer te geven hoe en op welke wijze de gemeente Katwijk kan overstappen op duurzame manieren van verwarming. Dit geldt uitsluitend voor woningen en utiliteitsbouw (sporthallen, kantoren, zwembaden etc.).</t>
  </si>
  <si>
    <t>klimaat-neutraal te zijn in 2050, het energieverbruik met een derde te verlagen en geen aardgas meer te gebruiken</t>
  </si>
  <si>
    <t>https://extra.katwijk.nl/wonen-verkeer-en-leefomgeving/duurzaamheid/warmtevisie</t>
  </si>
  <si>
    <t>PL0537010001</t>
  </si>
  <si>
    <t>PL0537010003</t>
  </si>
  <si>
    <t>Hoornes-Oost en Hoornes-West (inclusief huidige project Hoornes Aardgasvrij)</t>
  </si>
  <si>
    <t>Rijnsoever West, Midden en Oost</t>
  </si>
  <si>
    <t>1300 woningen aardgasvrij in 2030</t>
  </si>
  <si>
    <t>2700 woningen aardgasvrij in 2030</t>
  </si>
  <si>
    <t>MT warmte uit Aardwarmte</t>
  </si>
  <si>
    <t>MT warmte uit Aquathermie</t>
  </si>
  <si>
    <t>MT warmte: aquathermie</t>
  </si>
  <si>
    <t>BU05370102</t>
  </si>
  <si>
    <t>Rijnsoever-Oost</t>
  </si>
  <si>
    <t>2021BU05370102</t>
  </si>
  <si>
    <t>buurten.2883e39a-2e6c-47ce-b7cf-7d1c2185d1dd</t>
  </si>
  <si>
    <t>BU05370103</t>
  </si>
  <si>
    <t>Hoornes-West</t>
  </si>
  <si>
    <t>2021BU05370103</t>
  </si>
  <si>
    <t>buurten.fbd5f5ab-47f1-4beb-b7f4-749877f797e7</t>
  </si>
  <si>
    <t>PL0537010004</t>
  </si>
  <si>
    <t>In het zuidoosten van Katwijk (t Joght, Molenwijk, Koestal, Cleijn Duin, De Hoek, Westerhaghe, Frederiksoord-Noord, Frederiksoord-Zuid, deel van Kamphuizerpolder en deel van Kleipetten)</t>
  </si>
  <si>
    <t>onderzoekend. Haalbaarheidsonderzoek in elke geselecteerde buurt (techniek, betaalbaarheid en financierbaarheid).</t>
  </si>
  <si>
    <t>Nader te bepalen aantal woningen aargasvrij maken in 2030</t>
  </si>
  <si>
    <t>BU05370104</t>
  </si>
  <si>
    <t>Hoornes-Oost</t>
  </si>
  <si>
    <t>2021BU05370104</t>
  </si>
  <si>
    <t>buurten.d8cd985f-8f09-4caa-8426-4415332e2e43</t>
  </si>
  <si>
    <t>BU05370105</t>
  </si>
  <si>
    <t>Rijnsoever-Noord</t>
  </si>
  <si>
    <t>2021BU05370105</t>
  </si>
  <si>
    <t>buurten.2feca6ba-84b3-445d-b1a5-029608f5949b</t>
  </si>
  <si>
    <t>PL0537010002</t>
  </si>
  <si>
    <t>1000 woningen aardgasvrij in 2030</t>
  </si>
  <si>
    <t>BU05370106</t>
  </si>
  <si>
    <t>Rijnsoever-Midden</t>
  </si>
  <si>
    <t>2021BU05370106</t>
  </si>
  <si>
    <t>buurten.be3a931b-9191-4cbc-a1cb-fabbd5ee4140</t>
  </si>
  <si>
    <t>BU05370201</t>
  </si>
  <si>
    <t>'t Heen-Zuid</t>
  </si>
  <si>
    <t>WK053702</t>
  </si>
  <si>
    <t>2021BU05370201</t>
  </si>
  <si>
    <t>buurten.b7777236-ca5e-4e20-8e1e-ccb0e88018ee</t>
  </si>
  <si>
    <t>BU05370202</t>
  </si>
  <si>
    <t>'t Heen-Noord</t>
  </si>
  <si>
    <t>2021BU05370202</t>
  </si>
  <si>
    <t>buurten.0a850829-3f9e-4c26-9421-153d49ce5a5d</t>
  </si>
  <si>
    <t>BU05370301</t>
  </si>
  <si>
    <t>WK053703</t>
  </si>
  <si>
    <t>2021BU05370301</t>
  </si>
  <si>
    <t>buurten.1f075f45-b76c-44ed-ba86-5f2f000395d2</t>
  </si>
  <si>
    <t>BU05370302</t>
  </si>
  <si>
    <t>'t Sandt</t>
  </si>
  <si>
    <t>2021BU05370302</t>
  </si>
  <si>
    <t>buurten.4383fc7d-5100-45cc-8fcf-adb785a27980</t>
  </si>
  <si>
    <t>BU05370303</t>
  </si>
  <si>
    <t>2021BU05370303</t>
  </si>
  <si>
    <t>buurten.254cd426-0f4e-4469-be93-c78893fcf2e6</t>
  </si>
  <si>
    <t>BU05370304</t>
  </si>
  <si>
    <t>Cleijn Duin</t>
  </si>
  <si>
    <t>2021BU05370304</t>
  </si>
  <si>
    <t>buurten.ae601f9b-5d31-4c24-8cfc-d9b54117dfa3</t>
  </si>
  <si>
    <t>BU05370305</t>
  </si>
  <si>
    <t>Koestal</t>
  </si>
  <si>
    <t>2021BU05370305</t>
  </si>
  <si>
    <t>buurten.e7509e71-a8c0-48ec-9032-f6c25c24c45c</t>
  </si>
  <si>
    <t>BU05370306</t>
  </si>
  <si>
    <t>Zanderij</t>
  </si>
  <si>
    <t>2021BU05370306</t>
  </si>
  <si>
    <t>buurten.71c261c1-8c4d-4c56-aa43-d10ac18e95cd</t>
  </si>
  <si>
    <t>BU05370501</t>
  </si>
  <si>
    <t>Strand</t>
  </si>
  <si>
    <t>WK053705</t>
  </si>
  <si>
    <t>2021BU05370501</t>
  </si>
  <si>
    <t>buurten.1c9afeb5-88c1-4a40-8e21-36403abe360c</t>
  </si>
  <si>
    <t>Rijnsoever-Noord, t Duyfrak, Zuid-West (rondom oude Zeehospitium), de Horn (nieuwbouw gedeelte) (woningen na 2006)</t>
  </si>
  <si>
    <t>BU05370502</t>
  </si>
  <si>
    <t>2021BU05370502</t>
  </si>
  <si>
    <t>buurten.04a85625-50c6-4912-8f78-1eb879f19ae0</t>
  </si>
  <si>
    <t>BU05370503</t>
  </si>
  <si>
    <t>Noord-Oost</t>
  </si>
  <si>
    <t>2021BU05370503</t>
  </si>
  <si>
    <t>buurten.c6791675-f775-4559-ba97-063631a38c99</t>
  </si>
  <si>
    <t>BU05370504</t>
  </si>
  <si>
    <t>2021BU05370504</t>
  </si>
  <si>
    <t>buurten.31c71dd6-49b4-48b6-a335-d21ac5856b72</t>
  </si>
  <si>
    <t>BU05370505</t>
  </si>
  <si>
    <t>2021BU05370505</t>
  </si>
  <si>
    <t>buurten.67c0c8b8-bfd7-4b94-9f10-abf0c05ad27f</t>
  </si>
  <si>
    <t>BU05370506</t>
  </si>
  <si>
    <t>Zuid-West</t>
  </si>
  <si>
    <t>2021BU05370506</t>
  </si>
  <si>
    <t>buurten.b60f86cf-8766-4d88-8388-7ae29b2e4087</t>
  </si>
  <si>
    <t>BU05370507</t>
  </si>
  <si>
    <t>2021BU05370507</t>
  </si>
  <si>
    <t>buurten.8f423d1f-7536-4a65-b4ce-6f32f2d321a6</t>
  </si>
  <si>
    <t>BU05370508</t>
  </si>
  <si>
    <t>Zuid-Oost</t>
  </si>
  <si>
    <t>2021BU05370508</t>
  </si>
  <si>
    <t>buurten.c1530fe3-32cd-4a6e-87bd-aae33d62830f</t>
  </si>
  <si>
    <t>BU05370509</t>
  </si>
  <si>
    <t>Witte Hek</t>
  </si>
  <si>
    <t>2021BU05370509</t>
  </si>
  <si>
    <t>buurten.8bf1569b-446a-40fc-a415-04b87ded8aeb</t>
  </si>
  <si>
    <t>BU05370510</t>
  </si>
  <si>
    <t>Overduin</t>
  </si>
  <si>
    <t>2021BU05370510</t>
  </si>
  <si>
    <t>buurten.0163ec57-6381-4bfb-8438-bf62a3028c54</t>
  </si>
  <si>
    <t>BU05370601</t>
  </si>
  <si>
    <t>Noordduinen</t>
  </si>
  <si>
    <t>WK053706</t>
  </si>
  <si>
    <t>2021BU05370601</t>
  </si>
  <si>
    <t>buurten.bc00a88e-34d6-4de2-875a-b563c56ae0f6</t>
  </si>
  <si>
    <t>Villawijk-Zuid, Dorpskern Noordwijk aan Zee, De Noord, Beeklaan-kwartier, Dorpskern Noordwijk binnen, Boerenburg en Grashoek</t>
  </si>
  <si>
    <t>WKO, aquathermie (oppervlaktewater), geothermie</t>
  </si>
  <si>
    <t>BU05370602</t>
  </si>
  <si>
    <t>Zuidduinen</t>
  </si>
  <si>
    <t>2021BU05370602</t>
  </si>
  <si>
    <t>buurten.1ca8c9cf-b242-4e55-a067-52234d3e295d</t>
  </si>
  <si>
    <t>BU05370604</t>
  </si>
  <si>
    <t>De Mient en Kooltuin</t>
  </si>
  <si>
    <t>2021BU05370604</t>
  </si>
  <si>
    <t>buurten.15d70133-f3fc-47d3-b02e-d71be17fae2d</t>
  </si>
  <si>
    <t>BU05370700</t>
  </si>
  <si>
    <t>WK053707</t>
  </si>
  <si>
    <t>2021BU05370700</t>
  </si>
  <si>
    <t>buurten.5cc296a9-8185-407c-aef6-206842843874</t>
  </si>
  <si>
    <t>BU05370701</t>
  </si>
  <si>
    <t>Kleipetten</t>
  </si>
  <si>
    <t>2021BU05370701</t>
  </si>
  <si>
    <t>buurten.9fb7ff95-5f21-4bc0-8f23-c5565827c5fe</t>
  </si>
  <si>
    <t>GM0579</t>
  </si>
  <si>
    <t>Oegstgeest</t>
  </si>
  <si>
    <t>DC057901</t>
  </si>
  <si>
    <t>Transitivisie Warmte Oegstgeest</t>
  </si>
  <si>
    <t>2021-06-03</t>
  </si>
  <si>
    <t>Keuzevrijheid voor bewoners moet mogelijk bijven. Maatregelen dienen afgestemt te worden met geplande werkzaamheden.  Capaciteit en middelen bij zowel de gemeente als de stakeholders en uitvoerende partijen zijn nodig om na het vaststellen van de transit</t>
  </si>
  <si>
    <t>De TVW geeft een logische volgorde en tempo voor het aardgasvrij maken van alle wijken in Oegstgeest. Deze TVW is geen eindpunt en dient op basis van ontwikkelingen herijkt te worden. De TVW zal daarom inimaal eens in de 5 jaar geactualiseerd worden, geb</t>
  </si>
  <si>
    <t>De TVW wijst 4 startwijken aan, en geeft een tijdlijn voor de warmtetransitie in andere wijken, inclusief voorkeursoptie. Het doel is in 2050 uiteindelijk aardgasvrij.</t>
  </si>
  <si>
    <t>https://www.oegstgeest.nl/fileadmin/Oegstgeest_bestanden/Documenten/Inwoners/Wonen___ver_bouwen_en_leefomgeving/Wonen/Oegstgeest_2030ransitievisie_Warmte_1.0_gemeente_Oegstgeest_Definitief.pdf</t>
  </si>
  <si>
    <t>PL0579010001</t>
  </si>
  <si>
    <t>Nieuw Rhijngeest (Rijnfront)</t>
  </si>
  <si>
    <t>Er zal met Liander moeten worden gecoordineerd of verzwaring van het elektriciteitsnet noodzakelijk is om de elektriciteitsvraag van de additionele woningen aan te kunnen.</t>
  </si>
  <si>
    <t>Laatste overgebleven aardgaswoningen van het gas af, lange doorlooptijd i.v.m. de individuele oplossing.</t>
  </si>
  <si>
    <t>Basisniveau (conform Standaard), reeds behaald</t>
  </si>
  <si>
    <t>Groene energie</t>
  </si>
  <si>
    <t>BU05370702</t>
  </si>
  <si>
    <t>2021BU05370702</t>
  </si>
  <si>
    <t>buurten.230a1d02-3a06-4101-bb79-e2efefec6a30</t>
  </si>
  <si>
    <t>BU05370703</t>
  </si>
  <si>
    <t>Frederiksoord-Noord</t>
  </si>
  <si>
    <t>2021BU05370703</t>
  </si>
  <si>
    <t>buurten.1d74eb29-8c26-4386-8cc8-631e9ab050c3</t>
  </si>
  <si>
    <t>BU05370704</t>
  </si>
  <si>
    <t>Frederiksoord-Zuid</t>
  </si>
  <si>
    <t>2021BU05370704</t>
  </si>
  <si>
    <t>buurten.622c524b-e53e-4d5d-b45c-0e6003f5101a</t>
  </si>
  <si>
    <t>PL0579010008</t>
  </si>
  <si>
    <t>We willen niet starten daar waar de transitie het meest kostbaar is of waar het nu nog de vraag is wat technisch haalbaar is. Hoe meer geisoleerd moet worden voordat een aardgasvrije technologie kan worden toegepast, hoe langer het over het algemeen zal</t>
  </si>
  <si>
    <t>BU05370705</t>
  </si>
  <si>
    <t>2021BU05370705</t>
  </si>
  <si>
    <t>buurten.346ac269-9dec-45ff-a4f8-83923a510cb5</t>
  </si>
  <si>
    <t>BU05370706</t>
  </si>
  <si>
    <t>De Hoek</t>
  </si>
  <si>
    <t>2021BU05370706</t>
  </si>
  <si>
    <t>buurten.abe747c3-dc24-49dc-b230-7a4405970dd5</t>
  </si>
  <si>
    <t>BU05370707</t>
  </si>
  <si>
    <t>Westerhaghe</t>
  </si>
  <si>
    <t>2021BU05370707</t>
  </si>
  <si>
    <t>buurten.a76bdcbe-6580-4e1a-82c2-025381b97bfd</t>
  </si>
  <si>
    <t>BU05370708</t>
  </si>
  <si>
    <t>Kamphuizerpolder</t>
  </si>
  <si>
    <t>2021BU05370708</t>
  </si>
  <si>
    <t>buurten.786668c6-ffb8-4931-940a-7f29fe66beb5</t>
  </si>
  <si>
    <t>Voscuyl</t>
  </si>
  <si>
    <t>Om het vastgoed voor te bereiden op een aardgasvrije toekomst en tussentijds al CO2 te gaan besparen is het altijd aan te bevelen om te kijken naar isolatiemaatregelen, duurzame opwek met zonnepanelen op daken en mogelijk een hybride warmtepomp als de CV</t>
  </si>
  <si>
    <t>BU05370709</t>
  </si>
  <si>
    <t>Rijnsburg-Noord</t>
  </si>
  <si>
    <t>2021BU05370709</t>
  </si>
  <si>
    <t>buurten.95651a89-e7e7-4890-80e4-984755c8c069</t>
  </si>
  <si>
    <t>GM1525</t>
  </si>
  <si>
    <t>DC152501</t>
  </si>
  <si>
    <t>TVW Teylingen Transitievisie Warmte</t>
  </si>
  <si>
    <t>PL1525010002</t>
  </si>
  <si>
    <t>De bebouwde kom van Teylingen (kernen van Sassenheim, Voorhout en Warmond)</t>
  </si>
  <si>
    <t>warmtenet met geothermie of restwarmte uit Rotterdam, aquathermie uit de Kagerplassen of Klinkenbergerplas met WKO, zonthermie</t>
  </si>
  <si>
    <t>restwarmte en/of geothermie en/of aquathermie (TEO) en/of zonnewarmte</t>
  </si>
  <si>
    <t>BU05370800</t>
  </si>
  <si>
    <t>WK053708</t>
  </si>
  <si>
    <t>2021BU05370800</t>
  </si>
  <si>
    <t>buurten.0ec72368-679c-4ae4-af2f-bad08ecc7015</t>
  </si>
  <si>
    <t>BU05370801</t>
  </si>
  <si>
    <t>'t Joght</t>
  </si>
  <si>
    <t>2021BU05370801</t>
  </si>
  <si>
    <t>buurten.fe4b4dea-02ec-4779-bf8d-9077998bebcc</t>
  </si>
  <si>
    <t>BU05370802</t>
  </si>
  <si>
    <t>'t Duyfrak</t>
  </si>
  <si>
    <t>2021BU05370802</t>
  </si>
  <si>
    <t>buurten.f1e65bbd-2d9b-4adf-bbe4-71f9fb719dd4</t>
  </si>
  <si>
    <t>BU05370808</t>
  </si>
  <si>
    <t>Valkenburgse Meer</t>
  </si>
  <si>
    <t>2021BU05370808</t>
  </si>
  <si>
    <t>buurten.b0873c3e-10d0-4079-8bac-f1fd721d496b</t>
  </si>
  <si>
    <t>GM0546</t>
  </si>
  <si>
    <t>Leiden</t>
  </si>
  <si>
    <t>DC054601</t>
  </si>
  <si>
    <t>TVW Leiden 2021-2026</t>
  </si>
  <si>
    <t>geen verplichte aansluiting op collectief warmtenet.  Meedenken van betrokkenen.  oplossing voor het onrendabele deel en voorfinanciering aanleg collectieve warmteoplossingen; 2. geld voor bewoners; 3. snel bevoegdheden voor gemeenten; 4. Gelden gemeente</t>
  </si>
  <si>
    <t>de Transitievisie Warmte beschrijft hoe we de stad verder voorbereiden op de omschakeling</t>
  </si>
  <si>
    <t>in 2050 klimaatneutraal. Voor 2050 bijna 60.000 bestaande woningen en ruim 7.000 bedrijven in Leiden klaar maken om over te gaan op een ander warmtesysteem. Dit is een besparing van 40% in CO2</t>
  </si>
  <si>
    <t>https://gemeente.leiden.nl/bestuur/publicaties/college-en-burgemeestersbesluiten/later-openbaar-gemaakte-collegebesluiten-14-oktober/</t>
  </si>
  <si>
    <t>PL0546010002</t>
  </si>
  <si>
    <t>Overige wijken Leiden; gemengd</t>
  </si>
  <si>
    <t>1.  oplossing bieden voor het onrendabele deel en voorfinanciering bij de aanleg van collectieve warmteoplossingen. 2.  geld voor bewoners. 3. Maak snelheid met voldoende bevoegdheden voor gemeenten. 4. Gelden voor gemeenten.</t>
  </si>
  <si>
    <t>vwb warmtenetten; op termijn de Rotterdamse haven en/of geothermie, mix HM/MT/LT warmte</t>
  </si>
  <si>
    <t>restwarmte (industrie) en/of geothermie</t>
  </si>
  <si>
    <t>BU05370809</t>
  </si>
  <si>
    <t>Overige verspreide huizen Valkenburg</t>
  </si>
  <si>
    <t>2021BU05370809</t>
  </si>
  <si>
    <t>buurten.d8c750e2-1899-4342-8c82-4059c526121a</t>
  </si>
  <si>
    <t>BU05420000</t>
  </si>
  <si>
    <t>Oud Krimpen</t>
  </si>
  <si>
    <t>WK054200</t>
  </si>
  <si>
    <t>2021BU05420000</t>
  </si>
  <si>
    <t>buurten.90fc9d02-701c-4044-88b2-1b190993900b</t>
  </si>
  <si>
    <t>BU05420001</t>
  </si>
  <si>
    <t>Kortland-Noord</t>
  </si>
  <si>
    <t>2021BU05420001</t>
  </si>
  <si>
    <t>buurten.c68bfae5-8ea4-4c87-9712-26dda57e05d6</t>
  </si>
  <si>
    <t>BU05420002</t>
  </si>
  <si>
    <t>Kortland-Zuid</t>
  </si>
  <si>
    <t>2021BU05420002</t>
  </si>
  <si>
    <t>buurten.72efff0c-34e2-4c41-acd0-698afb268fb3</t>
  </si>
  <si>
    <t>Verzwaring elektriciteitsnet, bewonersplan</t>
  </si>
  <si>
    <t>BU05420003</t>
  </si>
  <si>
    <t>Boveneind</t>
  </si>
  <si>
    <t>2021BU05420003</t>
  </si>
  <si>
    <t>buurten.314ed284-7c58-4611-ba21-7bfdb7c61345</t>
  </si>
  <si>
    <t>BU05420004</t>
  </si>
  <si>
    <t>Langeland</t>
  </si>
  <si>
    <t>2021BU05420004</t>
  </si>
  <si>
    <t>buurten.7e2935a6-61c8-46cb-82a7-46684f3d5ba3</t>
  </si>
  <si>
    <t>BU05420005</t>
  </si>
  <si>
    <t>Lansingh-Zuid</t>
  </si>
  <si>
    <t>2021BU05420005</t>
  </si>
  <si>
    <t>buurten.54487e20-410b-47a5-b31f-e37db503d9ef</t>
  </si>
  <si>
    <t>BU05460000</t>
  </si>
  <si>
    <t>Pieterswijk</t>
  </si>
  <si>
    <t>WK054600</t>
  </si>
  <si>
    <t>2021BU05460000</t>
  </si>
  <si>
    <t>buurten.e925fa20-d65c-46cb-9648-d0006abc5bcd</t>
  </si>
  <si>
    <t>PL0546010001</t>
  </si>
  <si>
    <t>PL0546010003</t>
  </si>
  <si>
    <t>Leiden binnenstad</t>
  </si>
  <si>
    <t>Stadsbrede isolatieaanpak</t>
  </si>
  <si>
    <t>plan met mix van meerdere opties</t>
  </si>
  <si>
    <t>geen aansluitverplichting collectief warmtenet.  Meedenken van betrokkenen. 1. oplossing  voor het onrendabele deel en voorfinanciering aanleg collectieve warmteoplossingen 2.  geld voor bewoners 3. snel bevoegdheden voor gemeenten 4. Gelden gemeenten.</t>
  </si>
  <si>
    <t>stadsbrede aanpak; isolatie woningen tot minimaal label B in 2050 (p 28 TVW)</t>
  </si>
  <si>
    <t>BU05460001</t>
  </si>
  <si>
    <t>Academiewijk</t>
  </si>
  <si>
    <t>2021BU05460001</t>
  </si>
  <si>
    <t>buurten.aa1ce69e-b9d2-4916-bd23-390e0f60881a</t>
  </si>
  <si>
    <t>BU05460002</t>
  </si>
  <si>
    <t>Levendaal-West</t>
  </si>
  <si>
    <t>2021BU05460002</t>
  </si>
  <si>
    <t>buurten.5fe2b69c-25a2-4445-b511-817c6c9cb1f7</t>
  </si>
  <si>
    <t>BU05460003</t>
  </si>
  <si>
    <t>Levendaal-Oost</t>
  </si>
  <si>
    <t>2021BU05460003</t>
  </si>
  <si>
    <t>buurten.eb77d842-c6b0-4ced-8a00-29d7e1fd3396</t>
  </si>
  <si>
    <t>BU05460100</t>
  </si>
  <si>
    <t>De Camp</t>
  </si>
  <si>
    <t>WK054601</t>
  </si>
  <si>
    <t>2021BU05460100</t>
  </si>
  <si>
    <t>buurten.8c4314c6-6360-4bd7-bf2f-0dfb36592633</t>
  </si>
  <si>
    <t>BU05460101</t>
  </si>
  <si>
    <t>Marewijk</t>
  </si>
  <si>
    <t>2021BU05460101</t>
  </si>
  <si>
    <t>buurten.ef6c5554-182a-4320-9c85-8c687ba6b5e3</t>
  </si>
  <si>
    <t>BU05460102</t>
  </si>
  <si>
    <t>Pancras-West</t>
  </si>
  <si>
    <t>2021BU05460102</t>
  </si>
  <si>
    <t>buurten.c7ca0264-3b3d-46d9-a3ba-7a6fb5adefde</t>
  </si>
  <si>
    <t>BU05460103</t>
  </si>
  <si>
    <t>Pancras-Oost</t>
  </si>
  <si>
    <t>2021BU05460103</t>
  </si>
  <si>
    <t>buurten.99f762c9-a8bf-4559-b85a-556d2ab220b2</t>
  </si>
  <si>
    <t>BU05460104</t>
  </si>
  <si>
    <t>d'Oude Morsch</t>
  </si>
  <si>
    <t>2021BU05460104</t>
  </si>
  <si>
    <t>buurten.1648b6cc-0296-49b0-80e1-5b492fac33dc</t>
  </si>
  <si>
    <t>BU05460105</t>
  </si>
  <si>
    <t>Noordvest</t>
  </si>
  <si>
    <t>2021BU05460105</t>
  </si>
  <si>
    <t>buurten.5b172dc7-cf0e-4e48-8e9c-a0c94e12c9d6</t>
  </si>
  <si>
    <t>BU05460106</t>
  </si>
  <si>
    <t>Havenwijk-Noord</t>
  </si>
  <si>
    <t>2021BU05460106</t>
  </si>
  <si>
    <t>buurten.402aa2c3-0a61-418a-9bc7-6a894dcf1f7c</t>
  </si>
  <si>
    <t>BU05460107</t>
  </si>
  <si>
    <t>Havenwijk-Zuid</t>
  </si>
  <si>
    <t>2021BU05460107</t>
  </si>
  <si>
    <t>buurten.1e6ff0af-c68c-4692-8292-0fd86323c776</t>
  </si>
  <si>
    <t>BU05460108</t>
  </si>
  <si>
    <t>2021BU05460108</t>
  </si>
  <si>
    <t>buurten.e6f2417b-6264-448a-8ce0-66ecda0fdd4d</t>
  </si>
  <si>
    <t>BU05460109</t>
  </si>
  <si>
    <t>2021BU05460109</t>
  </si>
  <si>
    <t>buurten.0339bd82-73fa-4413-8b20-3bbff43875e5</t>
  </si>
  <si>
    <t>PL0547010007</t>
  </si>
  <si>
    <t>Zijlkwartier, Buitenhof-Midden-West, Voorhof, Binnenhof, Oranjewijk, Doeskwartier, De Baanderij</t>
  </si>
  <si>
    <t>BU05460200</t>
  </si>
  <si>
    <t>WK054602</t>
  </si>
  <si>
    <t>2021BU05460200</t>
  </si>
  <si>
    <t>buurten.28689218-4791-41c0-82c5-c2b99e0102f7</t>
  </si>
  <si>
    <t>BU05460300</t>
  </si>
  <si>
    <t>WK054603</t>
  </si>
  <si>
    <t>2021BU05460300</t>
  </si>
  <si>
    <t>buurten.a1e87349-d45d-4558-b89e-390190d59a4b</t>
  </si>
  <si>
    <t>BU05460301</t>
  </si>
  <si>
    <t>2021BU05460301</t>
  </si>
  <si>
    <t>buurten.953396aa-6878-4c18-9b82-c921730f33a3</t>
  </si>
  <si>
    <t>BU05460302</t>
  </si>
  <si>
    <t>2021BU05460302</t>
  </si>
  <si>
    <t>buurten.dad3209e-d5da-4458-92c3-e20c3a884de1</t>
  </si>
  <si>
    <t>Kerkwijk, Verspreide huizen</t>
  </si>
  <si>
    <t>BU05460400</t>
  </si>
  <si>
    <t>Meerburg</t>
  </si>
  <si>
    <t>WK054604</t>
  </si>
  <si>
    <t>2021BU05460400</t>
  </si>
  <si>
    <t>buurten.f11d874a-fcdc-4c8c-ae46-1ff0ce68aad6</t>
  </si>
  <si>
    <t>BU05460401</t>
  </si>
  <si>
    <t>Rijndijkbuurt</t>
  </si>
  <si>
    <t>2021BU05460401</t>
  </si>
  <si>
    <t>buurten.50820328-8abd-4479-bdc4-d8d96122c6e2</t>
  </si>
  <si>
    <t>BU05460402</t>
  </si>
  <si>
    <t>Professorenwijk-Oost</t>
  </si>
  <si>
    <t>2021BU05460402</t>
  </si>
  <si>
    <t>buurten.e26c1d7a-f343-4189-bedf-fec58fb4b4d5</t>
  </si>
  <si>
    <t>BU05460403</t>
  </si>
  <si>
    <t>2021BU05460403</t>
  </si>
  <si>
    <t>buurten.989214e6-1674-4119-bd91-3a8d69b59078</t>
  </si>
  <si>
    <t>BU05460404</t>
  </si>
  <si>
    <t>Professorenwijk-West</t>
  </si>
  <si>
    <t>2021BU05460404</t>
  </si>
  <si>
    <t>buurten.c2624a2b-c4b4-4a6e-b4f1-d4a394a26ee3</t>
  </si>
  <si>
    <t>BU05460405</t>
  </si>
  <si>
    <t>Tuinstadwijk</t>
  </si>
  <si>
    <t>2021BU05460405</t>
  </si>
  <si>
    <t>buurten.037c3383-49e3-47f4-90e6-4a9945b5a0d8</t>
  </si>
  <si>
    <t>BU05460406</t>
  </si>
  <si>
    <t>Cronestein</t>
  </si>
  <si>
    <t>2021BU05460406</t>
  </si>
  <si>
    <t>buurten.1872a99d-fbdf-4805-bbea-c12b97d71ec3</t>
  </si>
  <si>
    <t>BU05460407</t>
  </si>
  <si>
    <t>Klein Cronestein</t>
  </si>
  <si>
    <t>2021BU05460407</t>
  </si>
  <si>
    <t>buurten.596ae33b-6794-457f-9d47-0993c70bcca9</t>
  </si>
  <si>
    <t>BU05460408</t>
  </si>
  <si>
    <t>Roomburg</t>
  </si>
  <si>
    <t>2021BU05460408</t>
  </si>
  <si>
    <t>buurten.d2b0fd3d-87dc-4a8a-8776-6fc130743c61</t>
  </si>
  <si>
    <t>BU05460409</t>
  </si>
  <si>
    <t>Waardeiland</t>
  </si>
  <si>
    <t>2021BU05460409</t>
  </si>
  <si>
    <t>buurten.d6af65c3-18e1-4d06-8d6b-c480bdb1c6d1</t>
  </si>
  <si>
    <t>Ouderzorg inclusief De Houtkamp, De Vogelwijk</t>
  </si>
  <si>
    <t>Hierin zal onderzocht en opgenomen worden welke wijken, buurten en woningen daadwerkelijk aangesloten kunnen worden op het bestaande warmtenet en hoe dit in gezamenlijkheid met de renovatieplannen van de gemeente (riolering en wegen) en Rijnhart Wonen (c</t>
  </si>
  <si>
    <t>BU05460500</t>
  </si>
  <si>
    <t>WK054605</t>
  </si>
  <si>
    <t>2021BU05460500</t>
  </si>
  <si>
    <t>buurten.b70c78eb-9d1c-4705-8022-9ca2946429c6</t>
  </si>
  <si>
    <t>BU05460501</t>
  </si>
  <si>
    <t>Haagweg-Noord</t>
  </si>
  <si>
    <t>2021BU05460501</t>
  </si>
  <si>
    <t>buurten.a4bc053c-aa04-43cd-918b-5cbcfaa43360</t>
  </si>
  <si>
    <t>BU05460502</t>
  </si>
  <si>
    <t>Gasthuiswijk</t>
  </si>
  <si>
    <t>2021BU05460502</t>
  </si>
  <si>
    <t>buurten.3d822790-6819-4810-98fc-4729842e15e8</t>
  </si>
  <si>
    <t>BU05460503</t>
  </si>
  <si>
    <t>Fortuinwijk-Noord</t>
  </si>
  <si>
    <t>2021BU05460503</t>
  </si>
  <si>
    <t>buurten.102c8016-db03-4f9a-9eea-f1b925f82d8b</t>
  </si>
  <si>
    <t>GM0626</t>
  </si>
  <si>
    <t>Voorschoten</t>
  </si>
  <si>
    <t>DC062601</t>
  </si>
  <si>
    <t>woonlastenneutraliteit voor bewoners, als hiervoor subsidie nodig dan uitsluitend via Rijksregelingen; isolatiestandaard nodig</t>
  </si>
  <si>
    <t>ambitie voor 2030: 11% reductie gemiddelde CO2 uitstoot per gebouw, per buurt een routekaart inclusief doelstellingen en tijdpad en wup, elke 5 jaar herziening TVW</t>
  </si>
  <si>
    <t>https://wassenaar.bestuurlijkeinformatie.nl/Agenda/Document/09feb5aa-78fb-4eb7-afe8-fa916c961484?documentId=8c7dfddf-192a-479e-a4b5-345c9a5da7ee&amp;agendaItemId=c91e915a-b76a-44f2-8bc5-4795e5188ee4</t>
  </si>
  <si>
    <t>PL0626010001</t>
  </si>
  <si>
    <t>Noord-Hofland</t>
  </si>
  <si>
    <t>buurtgerichte routekaart, selectie lokale warmtebron</t>
  </si>
  <si>
    <t>warmtenet Leiden (uitbreiding) en LT restwarmte</t>
  </si>
  <si>
    <t>bestaande warmtenet uitbreiden en/of LT warmte: restwarmte</t>
  </si>
  <si>
    <t>BU05460504</t>
  </si>
  <si>
    <t>Boshuizen</t>
  </si>
  <si>
    <t>2021BU05460504</t>
  </si>
  <si>
    <t>buurten.edde5267-49a7-41b3-8b39-8452780ecbb5</t>
  </si>
  <si>
    <t>BU05460505</t>
  </si>
  <si>
    <t>Oostvliet</t>
  </si>
  <si>
    <t>2021BU05460505</t>
  </si>
  <si>
    <t>buurten.ced6481b-003f-466f-adaf-e99ca58ddbc1</t>
  </si>
  <si>
    <t>Zoeterwoude-Dorp en Zuidbuurt</t>
  </si>
  <si>
    <t>startbuurt</t>
  </si>
  <si>
    <t>warmtenet Adegeest</t>
  </si>
  <si>
    <t>BU05460506</t>
  </si>
  <si>
    <t>Haagweg-Zuid</t>
  </si>
  <si>
    <t>2021BU05460506</t>
  </si>
  <si>
    <t>buurten.39693fe5-89ea-4632-b88d-1d25efe8066d</t>
  </si>
  <si>
    <t>BU05460507</t>
  </si>
  <si>
    <t>Fortuinwijk-Zuid</t>
  </si>
  <si>
    <t>2021BU05460507</t>
  </si>
  <si>
    <t>buurten.69711bd3-5c25-46f7-9880-05ddf6946309</t>
  </si>
  <si>
    <t>PL0626010008</t>
  </si>
  <si>
    <t>Krimwijk</t>
  </si>
  <si>
    <t>BU05460600</t>
  </si>
  <si>
    <t>WK054606</t>
  </si>
  <si>
    <t>2021BU05460600</t>
  </si>
  <si>
    <t>buurten.7d5d02f0-07fe-48b6-8f75-a0aa6637fe7a</t>
  </si>
  <si>
    <t>BU05460601</t>
  </si>
  <si>
    <t>Lage Mors</t>
  </si>
  <si>
    <t>2021BU05460601</t>
  </si>
  <si>
    <t>buurten.afd7305e-244c-4446-a7bf-23baf9516c4d</t>
  </si>
  <si>
    <t>BU05460602</t>
  </si>
  <si>
    <t>Hoge Mors</t>
  </si>
  <si>
    <t>2021BU05460602</t>
  </si>
  <si>
    <t>buurten.bb4600a5-0bbd-4647-a104-6c3419e168dc</t>
  </si>
  <si>
    <t>BU05460700</t>
  </si>
  <si>
    <t>Pesthuiswijk</t>
  </si>
  <si>
    <t>WK054607</t>
  </si>
  <si>
    <t>2021BU05460700</t>
  </si>
  <si>
    <t>buurten.88349cff-9420-47ea-ab5f-fa70155bfb19</t>
  </si>
  <si>
    <t>BU05460701</t>
  </si>
  <si>
    <t>Houtkwartier</t>
  </si>
  <si>
    <t>2021BU05460701</t>
  </si>
  <si>
    <t>buurten.90483d14-0fdf-4c26-9450-4e42a27d5d5e</t>
  </si>
  <si>
    <t>PL0579010009</t>
  </si>
  <si>
    <t>Oudenhof</t>
  </si>
  <si>
    <t>BU05460702</t>
  </si>
  <si>
    <t>Raadsherenbuurt</t>
  </si>
  <si>
    <t>2021BU05460702</t>
  </si>
  <si>
    <t>buurten.538e6139-ddd7-4b6c-ad20-40167bdb1a54</t>
  </si>
  <si>
    <t>BU05460703</t>
  </si>
  <si>
    <t>2021BU05460703</t>
  </si>
  <si>
    <t>buurten.f58f050c-c759-4973-a2d2-34fd6142c1fc</t>
  </si>
  <si>
    <t>PL0579010007</t>
  </si>
  <si>
    <t>BU05460704</t>
  </si>
  <si>
    <t>Leeuwenhoek</t>
  </si>
  <si>
    <t>2021BU05460704</t>
  </si>
  <si>
    <t>buurten.55b59857-d5c1-4562-84cd-93eb44efe1a4</t>
  </si>
  <si>
    <t>BU05460800</t>
  </si>
  <si>
    <t>Slaaghwijk</t>
  </si>
  <si>
    <t>WK054608</t>
  </si>
  <si>
    <t>2021BU05460800</t>
  </si>
  <si>
    <t>buurten.9dbcdbde-8edb-4195-8b33-0e1f297c1ba6</t>
  </si>
  <si>
    <t>BU05460801</t>
  </si>
  <si>
    <t>Zijlwijk-Zuid</t>
  </si>
  <si>
    <t>2021BU05460801</t>
  </si>
  <si>
    <t>buurten.c44c0709-2544-48df-a00f-48da8fa01107</t>
  </si>
  <si>
    <t>PL0547010006</t>
  </si>
  <si>
    <t>BU05460802</t>
  </si>
  <si>
    <t>Zijlwijk-Noord</t>
  </si>
  <si>
    <t>2021BU05460802</t>
  </si>
  <si>
    <t>buurten.cd13dc6d-5906-4e65-9a1d-672e383a41da</t>
  </si>
  <si>
    <t>In 2050 klimaatneutraal. In 2025: 12% energiebesparing in de gebouwde omgeving ten opzichte van 2014; In 2030: 15% energiebesparing in de gebouwde omgeving ten opzichte van 2014.</t>
  </si>
  <si>
    <t>BU05460803</t>
  </si>
  <si>
    <t>Merenwijk-Centrum</t>
  </si>
  <si>
    <t>2021BU05460803</t>
  </si>
  <si>
    <t>buurten.2d2595cd-adeb-40f5-9b4b-69c3deccca81</t>
  </si>
  <si>
    <t>BU05460804</t>
  </si>
  <si>
    <t>Leedewijk-Zuid</t>
  </si>
  <si>
    <t>2021BU05460804</t>
  </si>
  <si>
    <t>buurten.8c995a66-38ee-4081-9f5d-dcf078471447</t>
  </si>
  <si>
    <t>BU05460805</t>
  </si>
  <si>
    <t>Leedewijk-Noord</t>
  </si>
  <si>
    <t>2021BU05460805</t>
  </si>
  <si>
    <t>buurten.0254140c-e091-4807-866f-8b2d29d43e15</t>
  </si>
  <si>
    <t>Onderzoek naar hoe groot de kans is dat de gasinfrastructuur (na 2050) aanwezig blijft.</t>
  </si>
  <si>
    <t>BU05460900</t>
  </si>
  <si>
    <t>Schenkwijk</t>
  </si>
  <si>
    <t>WK054609</t>
  </si>
  <si>
    <t>2021BU05460900</t>
  </si>
  <si>
    <t>buurten.83ab4a3f-9657-4eda-9165-f7eef36b7fc6</t>
  </si>
  <si>
    <t>BU05460901</t>
  </si>
  <si>
    <t>Kloosterhof</t>
  </si>
  <si>
    <t>2021BU05460901</t>
  </si>
  <si>
    <t>buurten.cfb442ad-f6c3-4cd9-a98b-5831b438183a</t>
  </si>
  <si>
    <t>BU05460902</t>
  </si>
  <si>
    <t>Dobbewijk-Noord</t>
  </si>
  <si>
    <t>2021BU05460902</t>
  </si>
  <si>
    <t>buurten.e216ded8-29ad-47b0-90d6-29246a60b54f</t>
  </si>
  <si>
    <t>BU05460903</t>
  </si>
  <si>
    <t>Dobbewijk-Zuid</t>
  </si>
  <si>
    <t>2021BU05460903</t>
  </si>
  <si>
    <t>buurten.acd4f9f9-606e-4b00-974c-ef0e6cebb525</t>
  </si>
  <si>
    <t>Adegeest</t>
  </si>
  <si>
    <t>Hernieuwbaar gas, duurzaam gas</t>
  </si>
  <si>
    <t>BU05470000</t>
  </si>
  <si>
    <t>WK054700</t>
  </si>
  <si>
    <t>2021BU05470000</t>
  </si>
  <si>
    <t>buurten.374aa99c-aadf-488b-80c3-8a26df590281</t>
  </si>
  <si>
    <t>Elizabethof+</t>
  </si>
  <si>
    <t>Het Alrijne Ziekenhuis wil de mogelijkheden onderzoeken van het koppelen van haar eigen WKO-systeem (met een warmteoverschot) en het nieuw te ontwikkelen WKO-systeem van het verpleegtehuis Leythenrode (en eventueel zelfs het WKO-systeem van het gemeenteh</t>
  </si>
  <si>
    <t>BU05470001</t>
  </si>
  <si>
    <t>Ouderzorg inclusief De Houtkamp</t>
  </si>
  <si>
    <t>2021BU05470001</t>
  </si>
  <si>
    <t>buurten.9c240e1a-f816-494f-a9cb-e211b76e99f6</t>
  </si>
  <si>
    <t>Buitenhof (OZ), Winkelhof</t>
  </si>
  <si>
    <t>BU05470002</t>
  </si>
  <si>
    <t>Zijlkwartier</t>
  </si>
  <si>
    <t>2021BU05470002</t>
  </si>
  <si>
    <t>buurten.c96eefa5-f0d1-4016-8afc-5f4f1909cc9d</t>
  </si>
  <si>
    <t>BU05470003</t>
  </si>
  <si>
    <t>De Vogelwijk</t>
  </si>
  <si>
    <t>2021BU05470003</t>
  </si>
  <si>
    <t>buurten.f21d8884-5241-4761-9ae8-530360a10577</t>
  </si>
  <si>
    <t>PL0547010001</t>
  </si>
  <si>
    <t>In het scenario met WarmtelinQ wordt hier een warmtenet als de beste optie gezien.</t>
  </si>
  <si>
    <t>Momenteel beperkte bron capaciteit bij Vattenfal. Afhankelijk van WarmtelinQ.</t>
  </si>
  <si>
    <t>Handelingsperspectief bieden en gezamenlijk verduurzamen. Gaan we centrale verwarmingsketels nog vervangen of warmtenet ready aansluiten? (Met tijdelijke collectieve warmtebron die elektrisch of gasgestookt is.)</t>
  </si>
  <si>
    <t>Restwarmte WarmtelinQ</t>
  </si>
  <si>
    <t>BU05470004</t>
  </si>
  <si>
    <t>De Baanderij</t>
  </si>
  <si>
    <t>2021BU05470004</t>
  </si>
  <si>
    <t>buurten.7a05a558-96ad-458f-abff-258076921cc2</t>
  </si>
  <si>
    <t>De Schansen</t>
  </si>
  <si>
    <t>BU05470005</t>
  </si>
  <si>
    <t>2021BU05470005</t>
  </si>
  <si>
    <t>buurten.5bf28010-af4f-4fef-9b94-a4fbd8d988fb</t>
  </si>
  <si>
    <t>PL0547010004</t>
  </si>
  <si>
    <t>BU05470006</t>
  </si>
  <si>
    <t>Winkelhof</t>
  </si>
  <si>
    <t>2021BU05470006</t>
  </si>
  <si>
    <t>buurten.6085d0ed-28ac-4318-96b2-37ad7b456a53</t>
  </si>
  <si>
    <t>BU05470007</t>
  </si>
  <si>
    <t>Binnenhof</t>
  </si>
  <si>
    <t>2021BU05470007</t>
  </si>
  <si>
    <t>buurten.975e94bc-eb3e-4700-a4fb-a519c8014e87</t>
  </si>
  <si>
    <t>PL0547010005</t>
  </si>
  <si>
    <t>BU05470008</t>
  </si>
  <si>
    <t>Voorhof</t>
  </si>
  <si>
    <t>2021BU05470008</t>
  </si>
  <si>
    <t>buurten.6004551b-6865-4679-9756-87a0598bfec1</t>
  </si>
  <si>
    <t>BU05470009</t>
  </si>
  <si>
    <t>Elizabethhof</t>
  </si>
  <si>
    <t>2021BU05470009</t>
  </si>
  <si>
    <t>buurten.240841de-2905-455f-b83b-ec6bdc55a5b7</t>
  </si>
  <si>
    <t>BU05470100</t>
  </si>
  <si>
    <t>WK054701</t>
  </si>
  <si>
    <t>2021BU05470100</t>
  </si>
  <si>
    <t>buurten.57b21409-6c7d-4882-a5d9-75b4aca01af5</t>
  </si>
  <si>
    <t>BU05470101</t>
  </si>
  <si>
    <t>Doeskwartier</t>
  </si>
  <si>
    <t>2021BU05470101</t>
  </si>
  <si>
    <t>buurten.e1694edd-0366-4ebb-ab56-632d0ddf12ea</t>
  </si>
  <si>
    <t>BU05470109</t>
  </si>
  <si>
    <t>2021BU05470109</t>
  </si>
  <si>
    <t>buurten.fab9e1a9-8962-48b7-afda-0cac15f7c972</t>
  </si>
  <si>
    <t>BU05470200</t>
  </si>
  <si>
    <t>Buitenhof-Oost-Zuid</t>
  </si>
  <si>
    <t>WK054702</t>
  </si>
  <si>
    <t>2021BU05470200</t>
  </si>
  <si>
    <t>buurten.bdb26d0a-1557-444f-8d62-81ff668bde3c</t>
  </si>
  <si>
    <t>PL0547010003</t>
  </si>
  <si>
    <t>Tijdig handelingsperspectief bieden aan bewoners zodat ze weten welke haalbare bron er is voor deze wijk.</t>
  </si>
  <si>
    <t>BU05470201</t>
  </si>
  <si>
    <t>Buitenhof-Midden-West</t>
  </si>
  <si>
    <t>2021BU05470201</t>
  </si>
  <si>
    <t>buurten.4b422e83-e975-46a3-b2ad-9468fd90c979</t>
  </si>
  <si>
    <t>BU05470202</t>
  </si>
  <si>
    <t>Leyhof</t>
  </si>
  <si>
    <t>2021BU05470202</t>
  </si>
  <si>
    <t>buurten.b0150f88-bac4-416e-a2c8-3accc3817706</t>
  </si>
  <si>
    <t>BU05530101</t>
  </si>
  <si>
    <t>Meer en Duin</t>
  </si>
  <si>
    <t>WK055301</t>
  </si>
  <si>
    <t>2021BU05530101</t>
  </si>
  <si>
    <t>buurten.2de54ada-0006-42aa-9874-0d1240f6d160</t>
  </si>
  <si>
    <t>BU05530102</t>
  </si>
  <si>
    <t>Meerenburgh</t>
  </si>
  <si>
    <t>2021BU05530102</t>
  </si>
  <si>
    <t>buurten.fe753db2-edb3-45ec-aebb-a288e09779f8</t>
  </si>
  <si>
    <t>BU05530103</t>
  </si>
  <si>
    <t>De Blinkerd</t>
  </si>
  <si>
    <t>2021BU05530103</t>
  </si>
  <si>
    <t>buurten.410e5608-0495-4fe9-af85-3134a78db393</t>
  </si>
  <si>
    <t>BU05530104</t>
  </si>
  <si>
    <t>2021BU05530104</t>
  </si>
  <si>
    <t>buurten.143256c4-89f0-40ad-982f-9a8ded0d4cdc</t>
  </si>
  <si>
    <t>BU05530105</t>
  </si>
  <si>
    <t>2021BU05530105</t>
  </si>
  <si>
    <t>buurten.9f8a7615-0744-4586-a256-6c945916b8bc</t>
  </si>
  <si>
    <t>BU05530201</t>
  </si>
  <si>
    <t>Berkhout</t>
  </si>
  <si>
    <t>WK055302</t>
  </si>
  <si>
    <t>2021BU05530201</t>
  </si>
  <si>
    <t>buurten.cc37f70a-0403-4d9d-8433-da178993c5c6</t>
  </si>
  <si>
    <t>BU05530202</t>
  </si>
  <si>
    <t>Blokhuis</t>
  </si>
  <si>
    <t>2021BU05530202</t>
  </si>
  <si>
    <t>buurten.b69ef5bd-fab5-4933-aad8-f606de002990</t>
  </si>
  <si>
    <t>BU05530203</t>
  </si>
  <si>
    <t>Het Vierkant</t>
  </si>
  <si>
    <t>2021BU05530203</t>
  </si>
  <si>
    <t>buurten.cdef431c-7f8a-43da-94af-2bb31dffb1ce</t>
  </si>
  <si>
    <t>BU05530204</t>
  </si>
  <si>
    <t>Van Rijckevorsel</t>
  </si>
  <si>
    <t>2021BU05530204</t>
  </si>
  <si>
    <t>buurten.23b384d6-5cf4-47dc-9c03-f9f70f82987c</t>
  </si>
  <si>
    <t>BU05530205</t>
  </si>
  <si>
    <t>2021BU05530205</t>
  </si>
  <si>
    <t>buurten.0fbd7b2b-ede0-4b27-b4cf-2ec41f7ea6e7</t>
  </si>
  <si>
    <t>BU05530301</t>
  </si>
  <si>
    <t>Dever</t>
  </si>
  <si>
    <t>WK055303</t>
  </si>
  <si>
    <t>2021BU05530301</t>
  </si>
  <si>
    <t>buurten.8290f76b-bb1a-494d-8aa6-04bec78031d3</t>
  </si>
  <si>
    <t>BU05530302</t>
  </si>
  <si>
    <t>2021BU05530302</t>
  </si>
  <si>
    <t>buurten.a7e18e36-613b-435a-9afc-de8e320dbdfb</t>
  </si>
  <si>
    <t>BU05530303</t>
  </si>
  <si>
    <t>2021BU05530303</t>
  </si>
  <si>
    <t>buurten.b4fd82af-6e44-4d01-b280-735ef38efed5</t>
  </si>
  <si>
    <t>BU05530304</t>
  </si>
  <si>
    <t>2021BU05530304</t>
  </si>
  <si>
    <t>buurten.d5995c2a-91ab-47a7-bc12-60817bb97fe9</t>
  </si>
  <si>
    <t>BU05530305</t>
  </si>
  <si>
    <t>Geestwater</t>
  </si>
  <si>
    <t>2021BU05530305</t>
  </si>
  <si>
    <t>buurten.02890695-0382-45ee-bc59-7ef64cc91c76</t>
  </si>
  <si>
    <t>BU05530306</t>
  </si>
  <si>
    <t>Vrouwenpolder</t>
  </si>
  <si>
    <t>2021BU05530306</t>
  </si>
  <si>
    <t>buurten.1ff5644b-9cc3-45e0-9ac5-e5f4c0bdea15</t>
  </si>
  <si>
    <t>BU05530307</t>
  </si>
  <si>
    <t>Lisse Rond</t>
  </si>
  <si>
    <t>2021BU05530307</t>
  </si>
  <si>
    <t>buurten.95243413-6d6c-4565-b508-9f41d9130a42</t>
  </si>
  <si>
    <t>BU05530401</t>
  </si>
  <si>
    <t>WK055304</t>
  </si>
  <si>
    <t>2021BU05530401</t>
  </si>
  <si>
    <t>buurten.9b52c9a7-d9d6-4fde-964d-c61ee7b92131</t>
  </si>
  <si>
    <t>BU05530402</t>
  </si>
  <si>
    <t>De Engel</t>
  </si>
  <si>
    <t>2021BU05530402</t>
  </si>
  <si>
    <t>buurten.7ffadfc0-6e50-4d35-9b61-1b27e8cabd91</t>
  </si>
  <si>
    <t>BU05530403</t>
  </si>
  <si>
    <t>Ter Beek</t>
  </si>
  <si>
    <t>2021BU05530403</t>
  </si>
  <si>
    <t>buurten.41d3890f-b781-4d0d-b87f-a658d310de97</t>
  </si>
  <si>
    <t>BU05530404</t>
  </si>
  <si>
    <t>3e Poellaan</t>
  </si>
  <si>
    <t>2021BU05530404</t>
  </si>
  <si>
    <t>buurten.f1e28227-a5ec-46a2-b4d3-34552f04ae45</t>
  </si>
  <si>
    <t>Willen samenwerken en samen kennis delen om de verduurzaming te versnellen ; Zorgen dat de warmtetransitie realistisch en betaalbaar is voor iedereen ; Alle beschikbare en betrouwbare warmtebronnen onderzoeken en vervolgens een bronnenstrategie opstellen</t>
  </si>
  <si>
    <t>PL1525010001</t>
  </si>
  <si>
    <t>Onderzoek naar de technische mogelijkheden.</t>
  </si>
  <si>
    <t>BU05530405</t>
  </si>
  <si>
    <t>2021BU05530405</t>
  </si>
  <si>
    <t>buurten.e5917e8e-3795-4e2b-ac65-09444dbaa631</t>
  </si>
  <si>
    <t>BU05560101</t>
  </si>
  <si>
    <t>Taanschuurpolder</t>
  </si>
  <si>
    <t>WK055601</t>
  </si>
  <si>
    <t>GM0556</t>
  </si>
  <si>
    <t>Maassluis</t>
  </si>
  <si>
    <t>2021BU05560101</t>
  </si>
  <si>
    <t>buurten.b93ac759-efb3-49d3-b787-caf4bb0b88d8</t>
  </si>
  <si>
    <t>aardgasvrij en CO2-neutraal in 2050</t>
  </si>
  <si>
    <t>aardgasvrij en klimaatneutraal in 2050 (263.000 aardgasaansluitingen)</t>
  </si>
  <si>
    <t>DC055601</t>
  </si>
  <si>
    <t>DC059901</t>
  </si>
  <si>
    <t>Rotterdam aardgasvrij.</t>
  </si>
  <si>
    <t>Transitievisie Warmte Maassluis</t>
  </si>
  <si>
    <t>6: 1. compensatie kosten gemeente 2. gelden plus capaciteit voor wocos 3. oplossingen onrendabele deel aanleg collectieve oplossingen, plus voorfinanciering 4. financiering voor bewoners 5. bevoegdheden gemeente 6. (on)mogelijkheden in de RO</t>
  </si>
  <si>
    <t>haalbaar en betaalbaar; Zonder extra geld en duidelijke wet- en regelgeving is het niet mogelijk om deze visie volledig uit te voeren</t>
  </si>
  <si>
    <t>deze Rotterdamse Transitievisie Warmte beschrijft waarom we dit willen, wat onze plannen zijn en wanneer en hoe we die willen uitvoeren.</t>
  </si>
  <si>
    <t>het te volgen pad naar een aardgasvrij Maassluis zoals wij dit nu voor ons zien</t>
  </si>
  <si>
    <t>https://maassluis.raadsinformatie.nl/document/10759523/1/Raadsbesluit%2012-10-2021%20transitiewarmte%20getekend</t>
  </si>
  <si>
    <t>https://rotterdam.raadsinformatie.nl/document/10359456/1#search=%22transitievisie%22</t>
  </si>
  <si>
    <t>PL0556010002</t>
  </si>
  <si>
    <t>PL0599010001</t>
  </si>
  <si>
    <t>Maassluis all-electric</t>
  </si>
  <si>
    <t>Rotterdamse wijken gebiedsaanpak gestart in 2018</t>
  </si>
  <si>
    <t>1.compensatie kosten en capaciteit gemeente; 2.gelden plus capaciteit voor wocos; 3.oplossingen onrendabele deel aanleg collectieve warmteoplossingen, plus voorfinanciering; 4.financiering bewoners. 5.bevoegdheden gemeente; 6.(on)mogelijkheden in de RO.</t>
  </si>
  <si>
    <t>haalbaar en betaalbaar. Zonder extra geld en duidelijke wet- en regelgeving is het niet mogelijk om deze visie volledig uit te voeren</t>
  </si>
  <si>
    <t>1362 woningen</t>
  </si>
  <si>
    <t>ongeveer 10.000 woningen</t>
  </si>
  <si>
    <t>restwarmte van de industrie en/of geothermie en/of aquathermie (voldoende aanwezig volgens studie vanuit RES)</t>
  </si>
  <si>
    <t>geothermie, zon, collectieve warmtepomp</t>
  </si>
  <si>
    <t>BU05560201</t>
  </si>
  <si>
    <t>Vertobuurt</t>
  </si>
  <si>
    <t>WK055602</t>
  </si>
  <si>
    <t>2021BU05560201</t>
  </si>
  <si>
    <t>buurten.585bd870-07dc-4c20-b450-24f50d541b05</t>
  </si>
  <si>
    <t>PL0556010001</t>
  </si>
  <si>
    <t>Maassluis overig warmtenet</t>
  </si>
  <si>
    <t>Maassluis warmtenet centrum 2030</t>
  </si>
  <si>
    <t>2500 tot 4000 woningen aardgasvrij</t>
  </si>
  <si>
    <t>geothermie of restwarmte havengebied</t>
  </si>
  <si>
    <t>geothermie of restwarmte (industrie)</t>
  </si>
  <si>
    <t>35</t>
  </si>
  <si>
    <t>BU05560202</t>
  </si>
  <si>
    <t>2021BU05560202</t>
  </si>
  <si>
    <t>buurten.be32bf63-1f51-4164-ae3a-00f2b68fe583</t>
  </si>
  <si>
    <t>BU05560203</t>
  </si>
  <si>
    <t>Bomendal</t>
  </si>
  <si>
    <t>2021BU05560203</t>
  </si>
  <si>
    <t>buurten.b45147c8-1510-4e89-81ee-f0f3bc9a04cc</t>
  </si>
  <si>
    <t>BU05560301</t>
  </si>
  <si>
    <t>Sluispolder Oost</t>
  </si>
  <si>
    <t>WK055603</t>
  </si>
  <si>
    <t>2021BU05560301</t>
  </si>
  <si>
    <t>buurten.fd67df66-57ec-4dba-ae86-0bfe86bd9cd9</t>
  </si>
  <si>
    <t>BU05560302</t>
  </si>
  <si>
    <t>Sluispolder West</t>
  </si>
  <si>
    <t>2021BU05560302</t>
  </si>
  <si>
    <t>buurten.c28bc1ab-5ae0-4aff-b6f9-5f4e606b1f4d</t>
  </si>
  <si>
    <t>BU05560303</t>
  </si>
  <si>
    <t>2021BU05560303</t>
  </si>
  <si>
    <t>buurten.975d3947-5373-4d87-9ab0-a09e6904e37d</t>
  </si>
  <si>
    <t>BU05560401</t>
  </si>
  <si>
    <t>Kapelpolder</t>
  </si>
  <si>
    <t>WK055604</t>
  </si>
  <si>
    <t>2021BU05560401</t>
  </si>
  <si>
    <t>buurten.f4b33568-c2d2-425b-ab24-64408abffe59</t>
  </si>
  <si>
    <t>BU05560402</t>
  </si>
  <si>
    <t>2021BU05560402</t>
  </si>
  <si>
    <t>buurten.12376ab5-2028-4ba7-bd72-2452340fda42</t>
  </si>
  <si>
    <t>BU05560403</t>
  </si>
  <si>
    <t>Koningshoek</t>
  </si>
  <si>
    <t>2021BU05560403</t>
  </si>
  <si>
    <t>buurten.4132ba02-52b2-4723-ad66-7654d2df4f15</t>
  </si>
  <si>
    <t>PL0556010003</t>
  </si>
  <si>
    <t>BU05560404</t>
  </si>
  <si>
    <t>Het Balkon</t>
  </si>
  <si>
    <t>2021BU05560404</t>
  </si>
  <si>
    <t>buurten.40212191-056a-43ab-bd6b-bf2ce1067153</t>
  </si>
  <si>
    <t>BU05560405</t>
  </si>
  <si>
    <t>Nieuwe waterweg</t>
  </si>
  <si>
    <t>2021BU05560405</t>
  </si>
  <si>
    <t>buurten.977f4f4c-b21f-4fd2-9966-b98c52ac4546</t>
  </si>
  <si>
    <t>BU05560501</t>
  </si>
  <si>
    <t>WK055605</t>
  </si>
  <si>
    <t>2021BU05560501</t>
  </si>
  <si>
    <t>buurten.4dd032d3-dce3-4fb7-a911-d7c9045a90a3</t>
  </si>
  <si>
    <t>BU05560502</t>
  </si>
  <si>
    <t>2021BU05560502</t>
  </si>
  <si>
    <t>buurten.44dd02a2-e160-42a8-870b-e2dca95f2ff0</t>
  </si>
  <si>
    <t>BU05560601</t>
  </si>
  <si>
    <t>Steendijkpolder Noord</t>
  </si>
  <si>
    <t>WK055606</t>
  </si>
  <si>
    <t>2021BU05560601</t>
  </si>
  <si>
    <t>buurten.6624a514-6b15-4cf1-8cc2-d8410aceaf21</t>
  </si>
  <si>
    <t>aardgasvrij tussen 2035-2040</t>
  </si>
  <si>
    <t>BU05560602</t>
  </si>
  <si>
    <t>Steendijkpolder Zuid</t>
  </si>
  <si>
    <t>2021BU05560602</t>
  </si>
  <si>
    <t>buurten.8873e560-2599-47e5-8d10-f0c10f12e6d2</t>
  </si>
  <si>
    <t>BU05560701</t>
  </si>
  <si>
    <t>WK055607</t>
  </si>
  <si>
    <t>2021BU05560701</t>
  </si>
  <si>
    <t>buurten.81d0f022-3cf9-466a-b961-123c0ae8e5e9</t>
  </si>
  <si>
    <t>Vlaardingen</t>
  </si>
  <si>
    <t>1 beschikbaarheid en toepasbaarheid van warmtebronnen; 2 voortvarender en consistenter beleid en wetgeving op Rijksniveau; 3 voldoende uitvoeringskracht bij gemeenten, stakeholders en marktpartijen; 4 bekostiging lokale uitvoeringslasten.</t>
  </si>
  <si>
    <t>samen met inwoners en partners tot een concreet uitvoeringplan te komen. Dat er ruimte blijft in het proces voor eigen initiatief.</t>
  </si>
  <si>
    <t>https://vlaardingen.raadsinformatie.nl/document/10789951/1/RB%20Transitievisie%20Warmte</t>
  </si>
  <si>
    <t>voorbereidend: Bewoners stimuleren met no-regret isolatiemaatregelen</t>
  </si>
  <si>
    <t>opzetten energieloket, aanpak energie-armoede, prestatie-afspraken met woningcorporaties.</t>
  </si>
  <si>
    <t>Label D (minimaal)</t>
  </si>
  <si>
    <t>BU05560702</t>
  </si>
  <si>
    <t>De Dijk</t>
  </si>
  <si>
    <t>2021BU05560702</t>
  </si>
  <si>
    <t>buurten.82caa16b-fac5-47e9-9c9e-cbb9d95b9773</t>
  </si>
  <si>
    <t>GM0622</t>
  </si>
  <si>
    <t>DC062201</t>
  </si>
  <si>
    <t>Transitievisie Warmte Vlaardingen</t>
  </si>
  <si>
    <t>PL0622010003</t>
  </si>
  <si>
    <t>BU05560801</t>
  </si>
  <si>
    <t>Wilgenrijk</t>
  </si>
  <si>
    <t>WK055608</t>
  </si>
  <si>
    <t>2021BU05560801</t>
  </si>
  <si>
    <t>buurten.f4ff3d6c-e643-4749-a52a-f33779b485b3</t>
  </si>
  <si>
    <t>BU05690000</t>
  </si>
  <si>
    <t>WK056900</t>
  </si>
  <si>
    <t>2021BU05690000</t>
  </si>
  <si>
    <t>buurten.e63b7a46-10b3-4262-a6fc-66fef6f9f01b</t>
  </si>
  <si>
    <t>BU05690001</t>
  </si>
  <si>
    <t>Noorden (gedeeltelijk)</t>
  </si>
  <si>
    <t>2021BU05690001</t>
  </si>
  <si>
    <t>buurten.b4de2340-725c-4c7c-979d-57535a195045</t>
  </si>
  <si>
    <t>PL0569010005</t>
  </si>
  <si>
    <t>PL0569010010</t>
  </si>
  <si>
    <t>Noorden, Langeraar</t>
  </si>
  <si>
    <t>Dorpsgerichte aanpak energiebesparing Woerdense Verlaat. Als gelijkwaardige partner samen met de dorpelingen bekijken hoe we de warmtetransitie in Woerdense Verlaat kunnen versnellen en wat daarvoor nodig is.</t>
  </si>
  <si>
    <t>BU05690002</t>
  </si>
  <si>
    <t>Nieuwveenseweg</t>
  </si>
  <si>
    <t>2021BU05690002</t>
  </si>
  <si>
    <t>buurten.2a9d5e00-cb22-4ec0-a1b9-139309893ce2</t>
  </si>
  <si>
    <t>PL0569010003</t>
  </si>
  <si>
    <t>De Olm</t>
  </si>
  <si>
    <t>In 2022 willen we samen met de gebiedscooperatie - met de ondernemers op en rond het bedrijventerrein De Olm in gesprek over de mogelijkheden om gebiedsgericht naar het energievraagstuk te kijken en na te gaan waar koppelkansen liggen. Het doel, wat wij</t>
  </si>
  <si>
    <t>BU05690003</t>
  </si>
  <si>
    <t>Uitbreiding dorpskern Nieuwkoop</t>
  </si>
  <si>
    <t>2021BU05690003</t>
  </si>
  <si>
    <t>buurten.4997487d-c049-4eef-b13b-d7c2372f6159</t>
  </si>
  <si>
    <t>BU05690004</t>
  </si>
  <si>
    <t>Achttienhoven</t>
  </si>
  <si>
    <t>2021BU05690004</t>
  </si>
  <si>
    <t>buurten.eb1bda48-e635-4bf6-be9d-5627b4cc50d6</t>
  </si>
  <si>
    <t>Woerdense Verlaat</t>
  </si>
  <si>
    <t>BU05690005</t>
  </si>
  <si>
    <t>Uitbreiding dorpskern Noorden</t>
  </si>
  <si>
    <t>2021BU05690005</t>
  </si>
  <si>
    <t>buurten.4a53d901-87e2-4296-bbd3-dfe7a8335f0e</t>
  </si>
  <si>
    <t>TEO (Noordse Plassen), WKO</t>
  </si>
  <si>
    <t>BU05690006</t>
  </si>
  <si>
    <t>2021BU05690006</t>
  </si>
  <si>
    <t>buurten.50bb93fe-e9a7-4c00-9eec-a6b8e985a118</t>
  </si>
  <si>
    <t>BU05690008</t>
  </si>
  <si>
    <t>Verspreide huizen in het Noorden</t>
  </si>
  <si>
    <t>2021BU05690008</t>
  </si>
  <si>
    <t>buurten.f4fc9f95-b9e9-4749-9167-a1d0354f4509</t>
  </si>
  <si>
    <t>BU05690009</t>
  </si>
  <si>
    <t>Verspreide huizen en Nieuwkoop Plassengebied</t>
  </si>
  <si>
    <t>2021BU05690009</t>
  </si>
  <si>
    <t>buurten.2d950a06-df11-469e-a27b-4a3bbc6cd0cc</t>
  </si>
  <si>
    <t>BU05690100</t>
  </si>
  <si>
    <t>Nieuwveen</t>
  </si>
  <si>
    <t>WK056901</t>
  </si>
  <si>
    <t>2021BU05690100</t>
  </si>
  <si>
    <t>buurten.8dc604fd-cd02-429a-b914-32287f115b0e</t>
  </si>
  <si>
    <t>PL0569010001</t>
  </si>
  <si>
    <t>aardgas voor de glastuinbouw wordt uitgefaseerd</t>
  </si>
  <si>
    <t>We willen nader onderzoeken of er warmte-uitwisseling in het gebied mogelijk is door aansluiting te zoeken met het project van de gebiedscooperatie om een haalbaarheidsstudie uit te voeren naar een duurzaam energiegebiedssysteem (smart grid) in het gebie</t>
  </si>
  <si>
    <t>Afhankelijk van temperatuur warmteoplossing</t>
  </si>
  <si>
    <t>Aquathermie, WKO, en misschien ook (lage temperatuur) aardwarmte</t>
  </si>
  <si>
    <t>Geothermie, restwarmte (AWZI, glastuinbouw)</t>
  </si>
  <si>
    <t>aquathermie en/of WKO en/of aardwarmte</t>
  </si>
  <si>
    <t>BU05690101</t>
  </si>
  <si>
    <t>Schoterveld</t>
  </si>
  <si>
    <t>2021BU05690101</t>
  </si>
  <si>
    <t>buurten.f20ba6d3-2129-4018-b14b-be743ae88c37</t>
  </si>
  <si>
    <t>Onderzoeken wat de mogelijkheden zijn voor warmtenetten en de mogelijkheden om tuinbouwkassen aan te sluiten op een mogelijk toekomstig geothermie. netwerk</t>
  </si>
  <si>
    <t>geothermie en/of aquathermie (RWZI) en/of restwarmte (GLTB)</t>
  </si>
  <si>
    <t>BU05690104</t>
  </si>
  <si>
    <t>Vrouwenakker</t>
  </si>
  <si>
    <t>2021BU05690104</t>
  </si>
  <si>
    <t>buurten.d859ddbe-88b9-43e6-9845-21827187365d</t>
  </si>
  <si>
    <t>BU05690108</t>
  </si>
  <si>
    <t>Verspreide huizen in het Oosten en Zuiden</t>
  </si>
  <si>
    <t>2021BU05690108</t>
  </si>
  <si>
    <t>buurten.5881ba8e-d4ed-40f1-a899-3806ba1edb9d</t>
  </si>
  <si>
    <t>aquathermie (TEO) en/of WKO en/of geothermie</t>
  </si>
  <si>
    <t>BU05690109</t>
  </si>
  <si>
    <t>2021BU05690109</t>
  </si>
  <si>
    <t>buurten.12765f3e-a9d4-41df-8ee5-a5a47398c9ff</t>
  </si>
  <si>
    <t>BU05690200</t>
  </si>
  <si>
    <t>Zevenhoven</t>
  </si>
  <si>
    <t>WK056902</t>
  </si>
  <si>
    <t>2021BU05690200</t>
  </si>
  <si>
    <t>buurten.9ae2508a-234e-43f9-b223-f0cc565b2cf1</t>
  </si>
  <si>
    <t>BU05690201</t>
  </si>
  <si>
    <t>Noordse Dorp</t>
  </si>
  <si>
    <t>2021BU05690201</t>
  </si>
  <si>
    <t>buurten.f9d82387-7105-4482-bf2f-ba0765e89e48</t>
  </si>
  <si>
    <t>BU05690202</t>
  </si>
  <si>
    <t>Recreatiegebied</t>
  </si>
  <si>
    <t>2021BU05690202</t>
  </si>
  <si>
    <t>buurten.aa7065f8-71a1-4666-afd7-8ae490c715a1</t>
  </si>
  <si>
    <t>BU05690203</t>
  </si>
  <si>
    <t>Noordse Buurt</t>
  </si>
  <si>
    <t>2021BU05690203</t>
  </si>
  <si>
    <t>buurten.ba05451e-ed34-4b05-a569-0a7e5d721439</t>
  </si>
  <si>
    <t>BU05690208</t>
  </si>
  <si>
    <t>Verspreide huizen in het Westen</t>
  </si>
  <si>
    <t>2021BU05690208</t>
  </si>
  <si>
    <t>buurten.5cdf85d1-c076-4b62-82bd-c2e31794a499</t>
  </si>
  <si>
    <t>BU05690209</t>
  </si>
  <si>
    <t>Verspreide huizen in het Oosten</t>
  </si>
  <si>
    <t>2021BU05690209</t>
  </si>
  <si>
    <t>buurten.eedd0767-a52e-4df6-9b91-ecb76d589c83</t>
  </si>
  <si>
    <t>PL0569010007</t>
  </si>
  <si>
    <t>BU05690300</t>
  </si>
  <si>
    <t>Ter Aar (buitengebied)</t>
  </si>
  <si>
    <t>WK056903</t>
  </si>
  <si>
    <t>2021BU05690300</t>
  </si>
  <si>
    <t>buurten.9bfa3c36-8d82-43b5-b3b0-36a5b7f4df92</t>
  </si>
  <si>
    <t>BU05690301</t>
  </si>
  <si>
    <t>Langeraar</t>
  </si>
  <si>
    <t>2021BU05690301</t>
  </si>
  <si>
    <t>buurten.aef40944-bc2b-43f4-a51a-6f92b96ce032</t>
  </si>
  <si>
    <t>BU05690302</t>
  </si>
  <si>
    <t>Papenveer</t>
  </si>
  <si>
    <t>2021BU05690302</t>
  </si>
  <si>
    <t>buurten.ee222deb-3b9e-490d-a6f9-56f04b5c3e0a</t>
  </si>
  <si>
    <t>BU05690303</t>
  </si>
  <si>
    <t>Korteraar</t>
  </si>
  <si>
    <t>2021BU05690303</t>
  </si>
  <si>
    <t>buurten.785b466c-1bc1-4952-bba3-7894918641a6</t>
  </si>
  <si>
    <t>Voldoende warmtevraag is nodig, hiervoor zou het merendeel van de bedrijven mee moeten doen en is er weinig ruimte voor andere warmtebronnen.</t>
  </si>
  <si>
    <t>BU05690305</t>
  </si>
  <si>
    <t>Ter Aar-Centrum (voorheen Aardam)</t>
  </si>
  <si>
    <t>2021BU05690305</t>
  </si>
  <si>
    <t>buurten.9aed2d18-25ce-4419-840e-0fa90269e3f3</t>
  </si>
  <si>
    <t>PL0569010004</t>
  </si>
  <si>
    <t>PL0569010011</t>
  </si>
  <si>
    <t>Ter Aar</t>
  </si>
  <si>
    <t>een passende bronnenstrategie die past bij Ter Aar</t>
  </si>
  <si>
    <t>Collectieve aanpak voor individuele energiemaatregelen, Vogelenbuurt Ter Aar</t>
  </si>
  <si>
    <t>BU05690306</t>
  </si>
  <si>
    <t>Langeraar-Nieuwbouw</t>
  </si>
  <si>
    <t>2021BU05690306</t>
  </si>
  <si>
    <t>buurten.98e4525b-8209-45de-b8cf-87ba440d2e2c</t>
  </si>
  <si>
    <t>BU05690309</t>
  </si>
  <si>
    <t>Verspreide huizen Ter Aar</t>
  </si>
  <si>
    <t>2021BU05690309</t>
  </si>
  <si>
    <t>buurten.a5fe68e6-8679-44c4-9a8f-c1d1a74a24c3</t>
  </si>
  <si>
    <t>BU05750000</t>
  </si>
  <si>
    <t>WK057500</t>
  </si>
  <si>
    <t>2021BU05750000</t>
  </si>
  <si>
    <t>buurten.f481420d-8376-4c80-91ec-da6fcab0c034</t>
  </si>
  <si>
    <t>PL0575010001</t>
  </si>
  <si>
    <t>WKO en/of aquathermie (TEO) en/of geothermie</t>
  </si>
  <si>
    <t>BU05750001</t>
  </si>
  <si>
    <t>Boulevard</t>
  </si>
  <si>
    <t>2021BU05750001</t>
  </si>
  <si>
    <t>buurten.50b52006-3ffb-4a33-9689-b8cf4b367f33</t>
  </si>
  <si>
    <t>BU05750002</t>
  </si>
  <si>
    <t>Kern Zee</t>
  </si>
  <si>
    <t>2021BU05750002</t>
  </si>
  <si>
    <t>buurten.df7fd00d-21e4-4a53-97fb-a9a77833aadd</t>
  </si>
  <si>
    <t>BU05750003</t>
  </si>
  <si>
    <t>Dobbelmannduin</t>
  </si>
  <si>
    <t>2021BU05750003</t>
  </si>
  <si>
    <t>buurten.0af94db4-9682-4360-a20c-7cb0b047c2cf</t>
  </si>
  <si>
    <t>BU05750004</t>
  </si>
  <si>
    <t>2021BU05750004</t>
  </si>
  <si>
    <t>buurten.f6738b77-8873-4dff-ac38-d924ee2f84f4</t>
  </si>
  <si>
    <t>BU05750005</t>
  </si>
  <si>
    <t>Auteursbuurt</t>
  </si>
  <si>
    <t>2021BU05750005</t>
  </si>
  <si>
    <t>buurten.621980b1-17c9-43ce-b483-7727e6f08801</t>
  </si>
  <si>
    <t>BU05750006</t>
  </si>
  <si>
    <t>Prinsessenbuurt</t>
  </si>
  <si>
    <t>2021BU05750006</t>
  </si>
  <si>
    <t>buurten.2a7532f2-2847-4c51-bee6-fa9da1c82154</t>
  </si>
  <si>
    <t>BU05750007</t>
  </si>
  <si>
    <t>Duinpark</t>
  </si>
  <si>
    <t>2021BU05750007</t>
  </si>
  <si>
    <t>buurten.d9fce214-2330-4489-9629-2ecbe546a0f7</t>
  </si>
  <si>
    <t>BU05750100</t>
  </si>
  <si>
    <t>Middengebied Zuid</t>
  </si>
  <si>
    <t>WK057501</t>
  </si>
  <si>
    <t>2021BU05750100</t>
  </si>
  <si>
    <t>buurten.cca23f2d-1b1a-4e52-8cfb-aa1a054259a3</t>
  </si>
  <si>
    <t>BU05750101</t>
  </si>
  <si>
    <t>Middengebied Midden</t>
  </si>
  <si>
    <t>2021BU05750101</t>
  </si>
  <si>
    <t>buurten.ac48938b-694e-47d0-b897-e2db8f7913b2</t>
  </si>
  <si>
    <t>BU05750102</t>
  </si>
  <si>
    <t>Middengebied Noord</t>
  </si>
  <si>
    <t>2021BU05750102</t>
  </si>
  <si>
    <t>buurten.06655608-0cef-4541-9f6a-9d83236e9981</t>
  </si>
  <si>
    <t>BU05750103</t>
  </si>
  <si>
    <t>Grashoek</t>
  </si>
  <si>
    <t>2021BU05750103</t>
  </si>
  <si>
    <t>buurten.a4887154-4824-4a46-bd3b-a4af8a1b6f00</t>
  </si>
  <si>
    <t>BU05750104</t>
  </si>
  <si>
    <t>Vinkeveld Noord</t>
  </si>
  <si>
    <t>2021BU05750104</t>
  </si>
  <si>
    <t>buurten.e4f036f7-1881-4313-98b3-9360db4d3315</t>
  </si>
  <si>
    <t>BU05750105</t>
  </si>
  <si>
    <t>Vinkeveld Zuid</t>
  </si>
  <si>
    <t>2021BU05750105</t>
  </si>
  <si>
    <t>buurten.55d744b7-fa4f-4a25-b0d5-97888d320f67</t>
  </si>
  <si>
    <t>BU05750106</t>
  </si>
  <si>
    <t>Beeklaankwartier</t>
  </si>
  <si>
    <t>2021BU05750106</t>
  </si>
  <si>
    <t>buurten.1a97209b-74b5-440d-a18c-bc7699215fef</t>
  </si>
  <si>
    <t>BU05750107</t>
  </si>
  <si>
    <t>Kern Binnen Zuid</t>
  </si>
  <si>
    <t>2021BU05750107</t>
  </si>
  <si>
    <t>buurten.56106144-dbb6-4b1b-bf54-0b428a5c9b30</t>
  </si>
  <si>
    <t>BU05750108</t>
  </si>
  <si>
    <t>Kern Binnen Noord</t>
  </si>
  <si>
    <t>2021BU05750108</t>
  </si>
  <si>
    <t>buurten.a3014804-20cc-4f6e-a712-d4ededc097ec</t>
  </si>
  <si>
    <t>BU05750109</t>
  </si>
  <si>
    <t>Calorama</t>
  </si>
  <si>
    <t>2021BU05750109</t>
  </si>
  <si>
    <t>buurten.706a29c4-34d4-40b0-917e-57f714f7eb8c</t>
  </si>
  <si>
    <t>BU05750110</t>
  </si>
  <si>
    <t>Boerenburg West</t>
  </si>
  <si>
    <t>2021BU05750110</t>
  </si>
  <si>
    <t>buurten.49ecdcd4-ea33-4536-8283-d6fecbec1e17</t>
  </si>
  <si>
    <t>BU05750111</t>
  </si>
  <si>
    <t>Boerenburg Oost</t>
  </si>
  <si>
    <t>2021BU05750111</t>
  </si>
  <si>
    <t>buurten.621f7cf0-1b37-40b6-9501-59af5f09b2c0</t>
  </si>
  <si>
    <t>BU05750112</t>
  </si>
  <si>
    <t>Offem</t>
  </si>
  <si>
    <t>2021BU05750112</t>
  </si>
  <si>
    <t>buurten.265d938b-7603-41ab-a08c-cf3a79784a4c</t>
  </si>
  <si>
    <t>BU05750113</t>
  </si>
  <si>
    <t>Boechorst</t>
  </si>
  <si>
    <t>2021BU05750113</t>
  </si>
  <si>
    <t>buurten.dfadbdce-a5d0-4195-813d-296ababaeb99</t>
  </si>
  <si>
    <t>BU05750200</t>
  </si>
  <si>
    <t>Noordwijkerduin</t>
  </si>
  <si>
    <t>WK057502</t>
  </si>
  <si>
    <t>2021BU05750200</t>
  </si>
  <si>
    <t>buurten.df14b803-8bb6-4207-8657-25893a9e206d</t>
  </si>
  <si>
    <t>BU05750201</t>
  </si>
  <si>
    <t>Space Campus / 's-Gravendijck</t>
  </si>
  <si>
    <t>2021BU05750201</t>
  </si>
  <si>
    <t>buurten.62eaa908-63d2-4b29-bbaa-4f67cdd4f835</t>
  </si>
  <si>
    <t>BU05750202</t>
  </si>
  <si>
    <t>Klei-Oost</t>
  </si>
  <si>
    <t>2021BU05750202</t>
  </si>
  <si>
    <t>buurten.79919ad7-d348-4d7b-8a34-f7b12a465234</t>
  </si>
  <si>
    <t>BU05750203</t>
  </si>
  <si>
    <t>Buitengebied Noordwijk Zuid</t>
  </si>
  <si>
    <t>2021BU05750203</t>
  </si>
  <si>
    <t>buurten.7c3f483a-8cc6-494c-8ef9-a7ec66e6a22d</t>
  </si>
  <si>
    <t>BU05750204</t>
  </si>
  <si>
    <t>Buitengebied Noordwijk Noord</t>
  </si>
  <si>
    <t>2021BU05750204</t>
  </si>
  <si>
    <t>buurten.0c968d57-384d-403f-9b04-4f8204843500</t>
  </si>
  <si>
    <t>BU05750205</t>
  </si>
  <si>
    <t>Sancta Maria Noordwijk</t>
  </si>
  <si>
    <t>2021BU05750205</t>
  </si>
  <si>
    <t>buurten.c82d8a60-80d3-4b09-8ce1-ab7c5e32e1a0</t>
  </si>
  <si>
    <t>BU05750300</t>
  </si>
  <si>
    <t>Zeeburg</t>
  </si>
  <si>
    <t>WK057503</t>
  </si>
  <si>
    <t>2021BU05750300</t>
  </si>
  <si>
    <t>buurten.a41c1425-d989-455b-b4a7-4fe2a9e24954</t>
  </si>
  <si>
    <t>PL0575010003</t>
  </si>
  <si>
    <t>Noordwijkerhout</t>
  </si>
  <si>
    <t>WKO, aquathermie (Oosterduinse meer), geothermie</t>
  </si>
  <si>
    <t>BU05750301</t>
  </si>
  <si>
    <t>In den Houte</t>
  </si>
  <si>
    <t>2021BU05750301</t>
  </si>
  <si>
    <t>buurten.e0a3e3e1-c24b-4a93-914e-51587c7a903f</t>
  </si>
  <si>
    <t>BU05750302</t>
  </si>
  <si>
    <t>Boekhorst</t>
  </si>
  <si>
    <t>2021BU05750302</t>
  </si>
  <si>
    <t>buurten.494fcaa7-88ee-4d17-a09d-af2cb67fecf8</t>
  </si>
  <si>
    <t>BU05750303</t>
  </si>
  <si>
    <t>2021BU05750303</t>
  </si>
  <si>
    <t>buurten.8f51ca1d-f58f-42e4-9a80-83bd01019964</t>
  </si>
  <si>
    <t>BU05750304</t>
  </si>
  <si>
    <t>Noordwijkerhout Centrum</t>
  </si>
  <si>
    <t>2021BU05750304</t>
  </si>
  <si>
    <t>buurten.abbc0245-4450-450f-8e33-99c2c8003f6c</t>
  </si>
  <si>
    <t>BU05750305</t>
  </si>
  <si>
    <t>Victor Zuid</t>
  </si>
  <si>
    <t>2021BU05750305</t>
  </si>
  <si>
    <t>buurten.3c88de13-3fa3-4849-b202-7655b8138657</t>
  </si>
  <si>
    <t>BU05750306</t>
  </si>
  <si>
    <t>Victor Midden</t>
  </si>
  <si>
    <t>2021BU05750306</t>
  </si>
  <si>
    <t>buurten.8515d2cc-9378-49c0-9cf8-06644317be35</t>
  </si>
  <si>
    <t>BU05750307</t>
  </si>
  <si>
    <t>Victor Noord</t>
  </si>
  <si>
    <t>2021BU05750307</t>
  </si>
  <si>
    <t>buurten.cfeb61f6-59b7-43f6-bc16-804814648dc6</t>
  </si>
  <si>
    <t>BU05750308</t>
  </si>
  <si>
    <t>Mossenest Zuid</t>
  </si>
  <si>
    <t>2021BU05750308</t>
  </si>
  <si>
    <t>buurten.7d5fbeb1-f799-4b8e-bea7-001b88e8f500</t>
  </si>
  <si>
    <t>BU05750309</t>
  </si>
  <si>
    <t>Mossenest Noord</t>
  </si>
  <si>
    <t>2021BU05750309</t>
  </si>
  <si>
    <t>buurten.03e36862-8d29-4a20-9cdc-03a343c928d7</t>
  </si>
  <si>
    <t>BU05750310</t>
  </si>
  <si>
    <t>Gravendam</t>
  </si>
  <si>
    <t>2021BU05750310</t>
  </si>
  <si>
    <t>buurten.86c514eb-7752-4799-a74a-05c4c14eae28</t>
  </si>
  <si>
    <t>BU05750400</t>
  </si>
  <si>
    <t>Delfweg</t>
  </si>
  <si>
    <t>WK057504</t>
  </si>
  <si>
    <t>2021BU05750400</t>
  </si>
  <si>
    <t>buurten.3027c93f-8b4a-4ea6-956c-b52b115c7f33</t>
  </si>
  <si>
    <t>BU05750401</t>
  </si>
  <si>
    <t>Buitengebied Noordwijkerhout</t>
  </si>
  <si>
    <t>2021BU05750401</t>
  </si>
  <si>
    <t>buurten.f9b9b677-ac58-46cd-99bc-2b0fc3824cca</t>
  </si>
  <si>
    <t>BU05750402</t>
  </si>
  <si>
    <t>Sancta Maria Noordwijkerhout</t>
  </si>
  <si>
    <t>2021BU05750402</t>
  </si>
  <si>
    <t>buurten.9bb7df49-6963-4526-89db-5e88d72b4975</t>
  </si>
  <si>
    <t>BU05750500</t>
  </si>
  <si>
    <t>De Zilk</t>
  </si>
  <si>
    <t>WK057505</t>
  </si>
  <si>
    <t>2021BU05750500</t>
  </si>
  <si>
    <t>buurten.52e116e6-095d-4612-bad0-ecc0f1f6ee45</t>
  </si>
  <si>
    <t>BU05750501</t>
  </si>
  <si>
    <t>Buitengebied De Zilk</t>
  </si>
  <si>
    <t>2021BU05750501</t>
  </si>
  <si>
    <t>buurten.952c04bd-4135-4193-80f4-96de7f6f9b19</t>
  </si>
  <si>
    <t>BU05790001</t>
  </si>
  <si>
    <t>Rhijngeest</t>
  </si>
  <si>
    <t>WK057900</t>
  </si>
  <si>
    <t>2021BU05790001</t>
  </si>
  <si>
    <t>buurten.7dd5298f-f37d-4522-abe1-5a793b965b36</t>
  </si>
  <si>
    <t>Oranje Nassau</t>
  </si>
  <si>
    <t>BU05790002</t>
  </si>
  <si>
    <t>Rijnfront</t>
  </si>
  <si>
    <t>2021BU05790002</t>
  </si>
  <si>
    <t>buurten.2962ccb1-e4f5-4718-8406-feab167b3c20</t>
  </si>
  <si>
    <t>BU05790003</t>
  </si>
  <si>
    <t>2021BU05790003</t>
  </si>
  <si>
    <t>buurten.86cf5f6c-6b9f-4267-bbc7-6b00066d2cf5</t>
  </si>
  <si>
    <t>PL0579010003</t>
  </si>
  <si>
    <t>Verduurzaming via natuurlijke momenten bij particuliere eigenaren is een langdurig traject waar voldoende tijd voor gereserveerd moet worden. Via transitiegereed kan worden toegewerkt naar aardgasvrij. Een gefaseerde aanpak ligt voor de hand en om die re</t>
  </si>
  <si>
    <t>De gasinfrastructuur is voor 80% afgeschreven. De maatschappelijke kosten voor een collectieve warmteoplossing liggen naar verwachting 10- 30% lager dan de andere alternatieven. Het aantal coorporatiewoningen (20%) kan als startmotor fungeren.</t>
  </si>
  <si>
    <t>Geschikt voor verwarming op 70C</t>
  </si>
  <si>
    <t>BU05790011</t>
  </si>
  <si>
    <t>2021BU05790011</t>
  </si>
  <si>
    <t>buurten.0f3aae31-c04d-45f4-b81c-6bd595498050</t>
  </si>
  <si>
    <t>BU05790012</t>
  </si>
  <si>
    <t>2021BU05790012</t>
  </si>
  <si>
    <t>buurten.4a1c3469-d31b-4f91-a6ca-722aff7acb0b</t>
  </si>
  <si>
    <t>BU05790013</t>
  </si>
  <si>
    <t>2021BU05790013</t>
  </si>
  <si>
    <t>buurten.7e836359-3807-4cb3-abb2-c830dbad9378</t>
  </si>
  <si>
    <t>PL0579010002</t>
  </si>
  <si>
    <t>Dit lokale warmtenet kan op termijn worden aangesloten op de hoofdinfrastructuur van het warmtenet van Leiden, of de mogelijkheden voor een warmteleiding die vanuit Den Haag worden onderzocht. Er kan eventueel gestart worden  met een tijdelijke wijkwarmt</t>
  </si>
  <si>
    <t>Isolatie tot minimum- of basisniveau</t>
  </si>
  <si>
    <t>Warmtenet Leiden</t>
  </si>
  <si>
    <t>restwarmte en/of aquathermie (TEO)</t>
  </si>
  <si>
    <t>BU05790014</t>
  </si>
  <si>
    <t>2021BU05790014</t>
  </si>
  <si>
    <t>buurten.4cf0e27d-a9ae-430d-95d5-f581704de226</t>
  </si>
  <si>
    <t>BU05790015</t>
  </si>
  <si>
    <t>2021BU05790015</t>
  </si>
  <si>
    <t>buurten.3b2aa71a-91c1-4663-8a25-31f543bd8fa5</t>
  </si>
  <si>
    <t>BU05790021</t>
  </si>
  <si>
    <t>Haaswijk-West</t>
  </si>
  <si>
    <t>2021BU05790021</t>
  </si>
  <si>
    <t>buurten.da8d6ad8-c1ca-4af0-848e-0b8cdb52b8cd</t>
  </si>
  <si>
    <t>PL0579010004</t>
  </si>
  <si>
    <t>Haaswijk Oost en West</t>
  </si>
  <si>
    <t>Morsebel</t>
  </si>
  <si>
    <t>Er zijn koppelkansen met rioleringsvervangingen, zodat overlast beperkt kan worden.</t>
  </si>
  <si>
    <t>De investeringen voor een overgang naar aardgasvrij liggen in deze wijk het laagst vanwege de recente bouw en daarmee een hoog gemiddeld isolatieniveau. De maatschappelijke kosten in Morsebel voor all-electric maatregelen liggen 10% tot meer dan 30% lage</t>
  </si>
  <si>
    <t>Restwarmte van FloraHolland of aquathermie uit nabijgelegen kanaal zijn opties die onderzocht dienen te worden.</t>
  </si>
  <si>
    <t>BU05790022</t>
  </si>
  <si>
    <t>Haaswijk-Oost</t>
  </si>
  <si>
    <t>2021BU05790022</t>
  </si>
  <si>
    <t>buurten.1cb65883-7f89-4e5a-a600-3f299e06a2a1</t>
  </si>
  <si>
    <t>Eerst onderzoek, daarna kijken naar deelname en betaalbaarheid.</t>
  </si>
  <si>
    <t>BU05790023</t>
  </si>
  <si>
    <t>De Morsebel</t>
  </si>
  <si>
    <t>2021BU05790023</t>
  </si>
  <si>
    <t>buurten.5b52d0b8-2a93-4bb5-9802-b4bb79de4dbc</t>
  </si>
  <si>
    <t>BU05790024</t>
  </si>
  <si>
    <t>Poelgeest</t>
  </si>
  <si>
    <t>2021BU05790024</t>
  </si>
  <si>
    <t>buurten.3dd57fc7-0f5b-42f2-bb92-1492016a7614</t>
  </si>
  <si>
    <t>BU05890101</t>
  </si>
  <si>
    <t>Kern Hekendorp</t>
  </si>
  <si>
    <t>WK058901</t>
  </si>
  <si>
    <t>GM0589</t>
  </si>
  <si>
    <t>Oudewater</t>
  </si>
  <si>
    <t>2021BU05890101</t>
  </si>
  <si>
    <t>buurten.a7aa2c9a-2a21-4ca6-8f42-7d77a918b66d</t>
  </si>
  <si>
    <t>BU05890102</t>
  </si>
  <si>
    <t>Hekendorpse buurt</t>
  </si>
  <si>
    <t>2021BU05890102</t>
  </si>
  <si>
    <t>buurten.c76a6b4f-d018-4fa7-80da-f11fbd653509</t>
  </si>
  <si>
    <t>BU05890201</t>
  </si>
  <si>
    <t>Kern Oudewater</t>
  </si>
  <si>
    <t>WK058902</t>
  </si>
  <si>
    <t>2021BU05890201</t>
  </si>
  <si>
    <t>buurten.2bfccc53-0696-486b-9330-bada1e184a3e</t>
  </si>
  <si>
    <t>BU05890202</t>
  </si>
  <si>
    <t>de Noort syde</t>
  </si>
  <si>
    <t>2021BU05890202</t>
  </si>
  <si>
    <t>buurten.204b7e4e-681f-4e07-b94f-90d36b1b58fa</t>
  </si>
  <si>
    <t>BU05890203</t>
  </si>
  <si>
    <t>Brede dijk</t>
  </si>
  <si>
    <t>2021BU05890203</t>
  </si>
  <si>
    <t>buurten.d4547e9d-eeb1-40c8-ab8c-eeb9d448e20f</t>
  </si>
  <si>
    <t>BU05890204</t>
  </si>
  <si>
    <t>Klein Hekendorp</t>
  </si>
  <si>
    <t>2021BU05890204</t>
  </si>
  <si>
    <t>buurten.bb430f54-235d-48c6-87d8-4d443a925eea</t>
  </si>
  <si>
    <t>BU05890205</t>
  </si>
  <si>
    <t>Kern Hoenkoop</t>
  </si>
  <si>
    <t>2021BU05890205</t>
  </si>
  <si>
    <t>buurten.84590403-d96a-4724-a848-48a9f961b15d</t>
  </si>
  <si>
    <t>BU05890206</t>
  </si>
  <si>
    <t>Markveld</t>
  </si>
  <si>
    <t>2021BU05890206</t>
  </si>
  <si>
    <t>buurten.20b9b77a-e70c-45cb-b55e-9a5dc1e08da4</t>
  </si>
  <si>
    <t>BU05890207</t>
  </si>
  <si>
    <t>Groenbuffer noord</t>
  </si>
  <si>
    <t>2021BU05890207</t>
  </si>
  <si>
    <t>buurten.152abe8c-980a-4872-a733-9fca4f978291</t>
  </si>
  <si>
    <t>BU05890208</t>
  </si>
  <si>
    <t>Tappersheul</t>
  </si>
  <si>
    <t>2021BU05890208</t>
  </si>
  <si>
    <t>buurten.c9557655-94b8-46d3-8a30-0d343f4e3a25</t>
  </si>
  <si>
    <t>BU05890209</t>
  </si>
  <si>
    <t>Klein Hekendorp buitengebied</t>
  </si>
  <si>
    <t>2021BU05890209</t>
  </si>
  <si>
    <t>buurten.02a5dc0a-8ce1-4277-b52b-0961279ee8f0</t>
  </si>
  <si>
    <t>BU05890210</t>
  </si>
  <si>
    <t>2021BU05890210</t>
  </si>
  <si>
    <t>buurten.0b565a75-c79e-4a5a-b60c-e3ffde55adc6</t>
  </si>
  <si>
    <t>BU05890211</t>
  </si>
  <si>
    <t>Hoenkoopse buurt</t>
  </si>
  <si>
    <t>2021BU05890211</t>
  </si>
  <si>
    <t>buurten.9a6b936d-9f1f-407b-ae73-986e8ca21f82</t>
  </si>
  <si>
    <t>BU05890212</t>
  </si>
  <si>
    <t>2021BU05890212</t>
  </si>
  <si>
    <t>buurten.0e54d8d0-8ebc-49bf-b523-a712b01c2b43</t>
  </si>
  <si>
    <t>BU05890213</t>
  </si>
  <si>
    <t>Ruige weide</t>
  </si>
  <si>
    <t>2021BU05890213</t>
  </si>
  <si>
    <t>buurten.84446c74-140a-464a-ae25-ee399aea426d</t>
  </si>
  <si>
    <t>BU05890301</t>
  </si>
  <si>
    <t>Kern Papekop</t>
  </si>
  <si>
    <t>WK058903</t>
  </si>
  <si>
    <t>2021BU05890301</t>
  </si>
  <si>
    <t>buurten.c5f01344-cfac-4d19-9e8f-420b588ec028</t>
  </si>
  <si>
    <t>BU05890302</t>
  </si>
  <si>
    <t>Diemerbroek</t>
  </si>
  <si>
    <t>2021BU05890302</t>
  </si>
  <si>
    <t>buurten.c14a7890-e744-40c4-b899-d4035dcf1236</t>
  </si>
  <si>
    <t>BU05890401</t>
  </si>
  <si>
    <t>Snelrewaard</t>
  </si>
  <si>
    <t>WK058904</t>
  </si>
  <si>
    <t>2021BU05890401</t>
  </si>
  <si>
    <t>buurten.39444064-f17e-40a0-a966-ef8c8d67c58e</t>
  </si>
  <si>
    <t>BU05900001</t>
  </si>
  <si>
    <t>Westpolder</t>
  </si>
  <si>
    <t>WK059000</t>
  </si>
  <si>
    <t>2021BU05900001</t>
  </si>
  <si>
    <t>buurten.020ba878-e926-4355-9a48-51d330b38608</t>
  </si>
  <si>
    <t>Warmtenetwijken oostpolder, westpolder B, kraaihoek en middenpolder</t>
  </si>
  <si>
    <t>verbetering betaalbaarheid</t>
  </si>
  <si>
    <t>BU05900002</t>
  </si>
  <si>
    <t>2021BU05900002</t>
  </si>
  <si>
    <t>buurten.8aaf7ffd-388d-40d6-8f55-17e9c4cf8a69</t>
  </si>
  <si>
    <t>besparen en herijken molenvliet, wilgendonk, oosteind en kooy A</t>
  </si>
  <si>
    <t>geothermie en/of TEO (nu al deels op WKK;  mogelijk op termijn)</t>
  </si>
  <si>
    <t>BU05900003</t>
  </si>
  <si>
    <t>Kraaihoek</t>
  </si>
  <si>
    <t>2021BU05900003</t>
  </si>
  <si>
    <t>buurten.af12131a-c72b-4e25-bdf5-9449dab85043</t>
  </si>
  <si>
    <t>PL0590010001</t>
  </si>
  <si>
    <t>PL0590010006</t>
  </si>
  <si>
    <t>besparen en op termijn herijken, mogelijk warmtenet</t>
  </si>
  <si>
    <t>BU05900004</t>
  </si>
  <si>
    <t>Middenpolder</t>
  </si>
  <si>
    <t>2021BU05900004</t>
  </si>
  <si>
    <t>buurten.91e5a252-d063-40c9-a8fa-4f36b96bd18a</t>
  </si>
  <si>
    <t>BU05900005</t>
  </si>
  <si>
    <t>Wilgendonk</t>
  </si>
  <si>
    <t>2021BU05900005</t>
  </si>
  <si>
    <t>buurten.98d78bc6-eff5-4b23-8956-784f537b7361</t>
  </si>
  <si>
    <t>geothermie en/of aquathermie (TEO)</t>
  </si>
  <si>
    <t>BU05900006</t>
  </si>
  <si>
    <t>Oosteind en De Kooy</t>
  </si>
  <si>
    <t>2021BU05900006</t>
  </si>
  <si>
    <t>buurten.823fcf6a-28e2-495e-af62-50312f123510</t>
  </si>
  <si>
    <t>BU05900007</t>
  </si>
  <si>
    <t>Oostpolder</t>
  </si>
  <si>
    <t>2021BU05900007</t>
  </si>
  <si>
    <t>buurten.9d9ddc8e-c8d7-4033-93eb-4aa32f4adebb</t>
  </si>
  <si>
    <t>BU05900008</t>
  </si>
  <si>
    <t>Vriesenpolder</t>
  </si>
  <si>
    <t>2021BU05900008</t>
  </si>
  <si>
    <t>buurten.730edfe4-f821-483d-8c11-8b7728e48722</t>
  </si>
  <si>
    <t>bewoners nemen het initiatief en bepalen tempo</t>
  </si>
  <si>
    <t>BU05970100</t>
  </si>
  <si>
    <t>WK059701</t>
  </si>
  <si>
    <t>2021BU05970100</t>
  </si>
  <si>
    <t>buurten.2ad6166f-4dda-4ad9-b5fa-d9d1c87c9d0f</t>
  </si>
  <si>
    <t>PL0597010004</t>
  </si>
  <si>
    <t>warmtenet Ridderkerk</t>
  </si>
  <si>
    <t>redelijk definitief</t>
  </si>
  <si>
    <t>minimaal 2000-3000 deelnemers, deelname van woningcorporatiewoningen</t>
  </si>
  <si>
    <t>2500-5400 weq op warmtenet aansluiten</t>
  </si>
  <si>
    <t>geothermie of aansluiting warmterotonde</t>
  </si>
  <si>
    <t>bestaande warmtenet uitbreiden en/of geothermie</t>
  </si>
  <si>
    <t>BU05970200</t>
  </si>
  <si>
    <t>WK059702</t>
  </si>
  <si>
    <t>2021BU05970200</t>
  </si>
  <si>
    <t>buurten.7b725a96-9937-4ce1-8748-3a49fc7543b7</t>
  </si>
  <si>
    <t>PL0597010001</t>
  </si>
  <si>
    <t>Bolnes</t>
  </si>
  <si>
    <t>deelname van corporaties</t>
  </si>
  <si>
    <t>warmtenet (mogelijk aansluiting bij warmtenet rotterdam)</t>
  </si>
  <si>
    <t>BU05970300</t>
  </si>
  <si>
    <t>WK059703</t>
  </si>
  <si>
    <t>2021BU05970300</t>
  </si>
  <si>
    <t>buurten.622117d6-14ee-4439-89b4-e40544c00ad0</t>
  </si>
  <si>
    <t>BU05970400</t>
  </si>
  <si>
    <t>Drievliet</t>
  </si>
  <si>
    <t>WK059704</t>
  </si>
  <si>
    <t>2021BU05970400</t>
  </si>
  <si>
    <t>buurten.b2c5374c-1966-45ff-b587-3b42dd817634</t>
  </si>
  <si>
    <t>BU05970500</t>
  </si>
  <si>
    <t>Het Zand</t>
  </si>
  <si>
    <t>WK059705</t>
  </si>
  <si>
    <t>2021BU05970500</t>
  </si>
  <si>
    <t>buurten.4556d4ba-0bfe-491a-9607-197e470d29d6</t>
  </si>
  <si>
    <t>BU05970600</t>
  </si>
  <si>
    <t>Slikkerveer</t>
  </si>
  <si>
    <t>WK059706</t>
  </si>
  <si>
    <t>2021BU05970600</t>
  </si>
  <si>
    <t>buurten.ba79ccc2-0202-4f21-86f9-97a41d5e3f4c</t>
  </si>
  <si>
    <t>Bedrijventerrein Donkersloot</t>
  </si>
  <si>
    <t>BU05970700</t>
  </si>
  <si>
    <t>WK059707</t>
  </si>
  <si>
    <t>2021BU05970700</t>
  </si>
  <si>
    <t>buurten.65aeffdc-4768-4b02-847f-e187973eed9d</t>
  </si>
  <si>
    <t>BU05970800</t>
  </si>
  <si>
    <t>Rijsoord</t>
  </si>
  <si>
    <t>WK059708</t>
  </si>
  <si>
    <t>2021BU05970800</t>
  </si>
  <si>
    <t>buurten.68ab47ee-d1f8-4338-82b8-cc0250ff0c2f</t>
  </si>
  <si>
    <t>BU05970900</t>
  </si>
  <si>
    <t>WK059709</t>
  </si>
  <si>
    <t>2021BU05970900</t>
  </si>
  <si>
    <t>buurten.08e0220a-d2e0-496b-afa9-af17fcfc0583</t>
  </si>
  <si>
    <t>BU05971000</t>
  </si>
  <si>
    <t>Donkersloot</t>
  </si>
  <si>
    <t>WK059710</t>
  </si>
  <si>
    <t>2021BU05971000</t>
  </si>
  <si>
    <t>buurten.05d57b15-46fa-46d1-8f15-3fee6b69f5f7</t>
  </si>
  <si>
    <t>PL0597010002</t>
  </si>
  <si>
    <t>BU05971100</t>
  </si>
  <si>
    <t>Verenambacht</t>
  </si>
  <si>
    <t>WK059711</t>
  </si>
  <si>
    <t>2021BU05971100</t>
  </si>
  <si>
    <t>buurten.fb083df6-fa04-40a5-be43-fb0a69c58360</t>
  </si>
  <si>
    <t>BU05971200</t>
  </si>
  <si>
    <t>Cornelisland</t>
  </si>
  <si>
    <t>WK059712</t>
  </si>
  <si>
    <t>2021BU05971200</t>
  </si>
  <si>
    <t>buurten.747f07fc-68df-4cfa-ac53-331a25dac7df</t>
  </si>
  <si>
    <t>onduidelijk; "starten met de gebiedsaanpak aardgasvrij"</t>
  </si>
  <si>
    <t>BU05990110</t>
  </si>
  <si>
    <t>Stadsdriehoek</t>
  </si>
  <si>
    <t>WK059901</t>
  </si>
  <si>
    <t>2021BU05990110</t>
  </si>
  <si>
    <t>buurten.ffaf27e3-1e46-4fe8-a05c-5b193d4cac86</t>
  </si>
  <si>
    <t>PL0599010002</t>
  </si>
  <si>
    <t>Rotterdamse wijken gebiedsaanpak starten voor 2025</t>
  </si>
  <si>
    <t>BU05990111</t>
  </si>
  <si>
    <t>Oude Westen</t>
  </si>
  <si>
    <t>2021BU05990111</t>
  </si>
  <si>
    <t>buurten.3a5e9af6-cfec-42ce-b856-646a45544a40</t>
  </si>
  <si>
    <t>BU05990112</t>
  </si>
  <si>
    <t>Cool</t>
  </si>
  <si>
    <t>2021BU05990112</t>
  </si>
  <si>
    <t>buurten.a5e6b709-ebe6-40ae-ba35-ad2e2a654722</t>
  </si>
  <si>
    <t>BU05990113</t>
  </si>
  <si>
    <t>Cs Kwartier</t>
  </si>
  <si>
    <t>2021BU05990113</t>
  </si>
  <si>
    <t>buurten.5842f96d-bbf6-47cd-b226-102748b14a11</t>
  </si>
  <si>
    <t>PL0599010003</t>
  </si>
  <si>
    <t>Rotterdamse wijken gebiedsaanpak starten tussen 2025 - 2030</t>
  </si>
  <si>
    <t>BU05990118</t>
  </si>
  <si>
    <t>Nieuwe Werk</t>
  </si>
  <si>
    <t>2021BU05990118</t>
  </si>
  <si>
    <t>buurten.0d3eb6b3-2bb0-492f-91b2-15058192412e</t>
  </si>
  <si>
    <t>BU05990119</t>
  </si>
  <si>
    <t>Dijkzigt</t>
  </si>
  <si>
    <t>2021BU05990119</t>
  </si>
  <si>
    <t>buurten.61570351-245e-4325-9219-336144f171bf</t>
  </si>
  <si>
    <t>BU05990320</t>
  </si>
  <si>
    <t>Delfshaven</t>
  </si>
  <si>
    <t>WK059903</t>
  </si>
  <si>
    <t>2021BU05990320</t>
  </si>
  <si>
    <t>buurten.6d09e735-9cec-4997-a2eb-9d6352dfeb6d</t>
  </si>
  <si>
    <t>BU05990321</t>
  </si>
  <si>
    <t>Bospolder</t>
  </si>
  <si>
    <t>2021BU05990321</t>
  </si>
  <si>
    <t>buurten.dcd64b77-7b5e-4cb4-b899-014824dcf02c</t>
  </si>
  <si>
    <t>BU05990322</t>
  </si>
  <si>
    <t>Tussendijken</t>
  </si>
  <si>
    <t>2021BU05990322</t>
  </si>
  <si>
    <t>buurten.38634211-1bec-4dd0-833a-8f8f3453bcfd</t>
  </si>
  <si>
    <t>BU05990323</t>
  </si>
  <si>
    <t>Spangen</t>
  </si>
  <si>
    <t>2021BU05990323</t>
  </si>
  <si>
    <t>buurten.d3269fc3-7a76-4580-97f5-6d2db1d4c7c4</t>
  </si>
  <si>
    <t>BU05990324</t>
  </si>
  <si>
    <t>Nieuwe Westen</t>
  </si>
  <si>
    <t>2021BU05990324</t>
  </si>
  <si>
    <t>buurten.7d0dedf1-8de7-4a0f-ae95-a6a0a760b224</t>
  </si>
  <si>
    <t>BU05990325</t>
  </si>
  <si>
    <t>2021BU05990325</t>
  </si>
  <si>
    <t>buurten.a810efcc-33da-45c5-ac26-c4b6949b6d4a</t>
  </si>
  <si>
    <t>BU05990327</t>
  </si>
  <si>
    <t>Oud Mathenesse</t>
  </si>
  <si>
    <t>2021BU05990327</t>
  </si>
  <si>
    <t>buurten.96e31f71-5116-48b8-be49-0abdcd3966a2</t>
  </si>
  <si>
    <t>BU05990328</t>
  </si>
  <si>
    <t>Witte Dorp</t>
  </si>
  <si>
    <t>2021BU05990328</t>
  </si>
  <si>
    <t>buurten.2033abdd-4c51-49a0-b8cd-38b8ac9c6ca6</t>
  </si>
  <si>
    <t>BU05990329</t>
  </si>
  <si>
    <t>Schiemond</t>
  </si>
  <si>
    <t>2021BU05990329</t>
  </si>
  <si>
    <t>buurten.4824acd1-34dc-48ea-87d7-4f26f278762f</t>
  </si>
  <si>
    <t>BU05990451</t>
  </si>
  <si>
    <t>Kleinpolder</t>
  </si>
  <si>
    <t>WK059904</t>
  </si>
  <si>
    <t>2021BU05990451</t>
  </si>
  <si>
    <t>buurten.542f3ce3-5c45-491e-93f9-1589f2e26684</t>
  </si>
  <si>
    <t>BU05990452</t>
  </si>
  <si>
    <t>Noord Kethel</t>
  </si>
  <si>
    <t>2021BU05990452</t>
  </si>
  <si>
    <t>buurten.fa67551d-9c37-4d53-9ffb-d5caa3dc8d0c</t>
  </si>
  <si>
    <t>BU05990454</t>
  </si>
  <si>
    <t>Schieveen</t>
  </si>
  <si>
    <t>2021BU05990454</t>
  </si>
  <si>
    <t>buurten.e874d960-ad57-489c-ba6c-9c4dc8a5cece</t>
  </si>
  <si>
    <t>BU05990455</t>
  </si>
  <si>
    <t>Zestienhoven</t>
  </si>
  <si>
    <t>2021BU05990455</t>
  </si>
  <si>
    <t>buurten.240b60a4-2905-4455-930c-46827fb14bca</t>
  </si>
  <si>
    <t>GM1621</t>
  </si>
  <si>
    <t>Lansingerland</t>
  </si>
  <si>
    <t>DC162101</t>
  </si>
  <si>
    <t>PL1621010004</t>
  </si>
  <si>
    <t>BU05990456</t>
  </si>
  <si>
    <t>Overschie</t>
  </si>
  <si>
    <t>2021BU05990456</t>
  </si>
  <si>
    <t>buurten.1bb47235-31ae-4e46-a49c-a66c2e0dab7c</t>
  </si>
  <si>
    <t>BU05990457</t>
  </si>
  <si>
    <t>Landzicht</t>
  </si>
  <si>
    <t>2021BU05990457</t>
  </si>
  <si>
    <t>buurten.0d876a95-576e-4eef-9ef9-d79ffc272d30</t>
  </si>
  <si>
    <t>BU05990515</t>
  </si>
  <si>
    <t>Agniesebuurt</t>
  </si>
  <si>
    <t>WK059905</t>
  </si>
  <si>
    <t>2021BU05990515</t>
  </si>
  <si>
    <t>buurten.16fe105e-dd3f-4915-b833-3f308db4f76b</t>
  </si>
  <si>
    <t>BU05990516</t>
  </si>
  <si>
    <t>Provenierswijk</t>
  </si>
  <si>
    <t>2021BU05990516</t>
  </si>
  <si>
    <t>buurten.bc76f15e-d48f-472b-ac04-3199f8522990</t>
  </si>
  <si>
    <t>BU05990531</t>
  </si>
  <si>
    <t>Bergpolder</t>
  </si>
  <si>
    <t>2021BU05990531</t>
  </si>
  <si>
    <t>buurten.6e2ade88-a98a-4c6a-ad41-911cd98383c8</t>
  </si>
  <si>
    <t>BU05990532</t>
  </si>
  <si>
    <t>Blijdorp</t>
  </si>
  <si>
    <t>2021BU05990532</t>
  </si>
  <si>
    <t>buurten.4085a730-814f-4e36-a5ca-707aadd9544a</t>
  </si>
  <si>
    <t>BU05990534</t>
  </si>
  <si>
    <t>Liskwartier</t>
  </si>
  <si>
    <t>2021BU05990534</t>
  </si>
  <si>
    <t>buurten.33ce2feb-7144-424f-9266-5db66af12d06</t>
  </si>
  <si>
    <t>BU05990535</t>
  </si>
  <si>
    <t>Oude Noorden</t>
  </si>
  <si>
    <t>2021BU05990535</t>
  </si>
  <si>
    <t>buurten.e26b9c6b-06c2-4556-8dc3-4b93b89311d2</t>
  </si>
  <si>
    <t>BU05990558</t>
  </si>
  <si>
    <t>Blijdorpsepolder</t>
  </si>
  <si>
    <t>2021BU05990558</t>
  </si>
  <si>
    <t>buurten.a22f59c9-adcb-4173-bcad-dda5d45f01f1</t>
  </si>
  <si>
    <t>BU05990660</t>
  </si>
  <si>
    <t>Schiebroek</t>
  </si>
  <si>
    <t>WK059906</t>
  </si>
  <si>
    <t>2021BU05990660</t>
  </si>
  <si>
    <t>buurten.eeecacae-777e-4450-ab58-89dbfd6e9b9d</t>
  </si>
  <si>
    <t>BU05990661</t>
  </si>
  <si>
    <t>Hillegersberg Zuid</t>
  </si>
  <si>
    <t>2021BU05990661</t>
  </si>
  <si>
    <t>buurten.6ea1cfab-1b72-4de0-8806-9c4990712cc3</t>
  </si>
  <si>
    <t>BU05990662</t>
  </si>
  <si>
    <t>Hillegersberg Noord</t>
  </si>
  <si>
    <t>2021BU05990662</t>
  </si>
  <si>
    <t>buurten.97e9b443-61e7-49db-a680-42897781cd30</t>
  </si>
  <si>
    <t>BU05990664</t>
  </si>
  <si>
    <t>Terbregge</t>
  </si>
  <si>
    <t>2021BU05990664</t>
  </si>
  <si>
    <t>buurten.d78b3288-1f8a-4242-9e58-3f192e06aeaf</t>
  </si>
  <si>
    <t>BU05990665</t>
  </si>
  <si>
    <t>Molenlaankwartier</t>
  </si>
  <si>
    <t>2021BU05990665</t>
  </si>
  <si>
    <t>buurten.20274886-5369-4aae-a4ab-95cc5c2cb740</t>
  </si>
  <si>
    <t>BU05990814</t>
  </si>
  <si>
    <t>Rubroek</t>
  </si>
  <si>
    <t>WK059908</t>
  </si>
  <si>
    <t>2021BU05990814</t>
  </si>
  <si>
    <t>buurten.2e0bbead-5ac0-4e6f-aae4-2bded0cf471c</t>
  </si>
  <si>
    <t>BU05990836</t>
  </si>
  <si>
    <t>Nieuw Crooswijk</t>
  </si>
  <si>
    <t>2021BU05990836</t>
  </si>
  <si>
    <t>buurten.fb97b485-6950-434b-ad85-6dde4002a929</t>
  </si>
  <si>
    <t>BU05990837</t>
  </si>
  <si>
    <t>Oud Crooswijk</t>
  </si>
  <si>
    <t>2021BU05990837</t>
  </si>
  <si>
    <t>buurten.e7bc8246-bcbb-460d-98c8-7b44a84cab62</t>
  </si>
  <si>
    <t>BU05990841</t>
  </si>
  <si>
    <t>Kralingen West</t>
  </si>
  <si>
    <t>2021BU05990841</t>
  </si>
  <si>
    <t>buurten.714e6869-98c6-4d60-923b-cc75b7c40d47</t>
  </si>
  <si>
    <t>BU05990842</t>
  </si>
  <si>
    <t>Kralingen Oost</t>
  </si>
  <si>
    <t>2021BU05990842</t>
  </si>
  <si>
    <t>buurten.2151d1cd-0771-44c5-b3bd-d5dd5e3541b7</t>
  </si>
  <si>
    <t>BU05990843</t>
  </si>
  <si>
    <t>Kralingse Bos</t>
  </si>
  <si>
    <t>2021BU05990843</t>
  </si>
  <si>
    <t>buurten.330b98dd-36c7-468c-977b-7cbff47596e0</t>
  </si>
  <si>
    <t>BU05990845</t>
  </si>
  <si>
    <t>2021BU05990845</t>
  </si>
  <si>
    <t>buurten.093b730b-c30d-4aa1-a0c3-45544dbf7431</t>
  </si>
  <si>
    <t>BU05990847</t>
  </si>
  <si>
    <t>Struisenburg</t>
  </si>
  <si>
    <t>2021BU05990847</t>
  </si>
  <si>
    <t>buurten.cbd54785-1b2b-4e44-bb4f-8af1feb49f56</t>
  </si>
  <si>
    <t>BU05991017</t>
  </si>
  <si>
    <t>Kop van Zuid</t>
  </si>
  <si>
    <t>WK059910</t>
  </si>
  <si>
    <t>2021BU05991017</t>
  </si>
  <si>
    <t>buurten.16725ee0-df2b-4a9f-9ecc-645b2a5dc3ab</t>
  </si>
  <si>
    <t>BU05991079</t>
  </si>
  <si>
    <t>Kop van Zuid - Entrepot</t>
  </si>
  <si>
    <t>2021BU05991079</t>
  </si>
  <si>
    <t>buurten.3de4506f-9c90-4488-a9f5-ba8dbb00c6c9</t>
  </si>
  <si>
    <t>BU05991080</t>
  </si>
  <si>
    <t>2021BU05991080</t>
  </si>
  <si>
    <t>buurten.7fc94047-15ba-4126-b072-77376f75dc18</t>
  </si>
  <si>
    <t>BU05991081</t>
  </si>
  <si>
    <t>Bloemhof</t>
  </si>
  <si>
    <t>2021BU05991081</t>
  </si>
  <si>
    <t>buurten.79dad033-9a08-49a5-9889-77b81abf36fc</t>
  </si>
  <si>
    <t>BU05991082</t>
  </si>
  <si>
    <t>Hillesluis</t>
  </si>
  <si>
    <t>2021BU05991082</t>
  </si>
  <si>
    <t>buurten.17684e21-9b85-4aa4-a863-27c677704102</t>
  </si>
  <si>
    <t>BU05991085</t>
  </si>
  <si>
    <t>Katendrecht</t>
  </si>
  <si>
    <t>2021BU05991085</t>
  </si>
  <si>
    <t>buurten.3a245593-2634-41d4-af8a-80fa9b6dd262</t>
  </si>
  <si>
    <t>BU05991086</t>
  </si>
  <si>
    <t>Afrikaanderwijk</t>
  </si>
  <si>
    <t>2021BU05991086</t>
  </si>
  <si>
    <t>buurten.596cd633-ddf4-4593-9761-966ce238f1d1</t>
  </si>
  <si>
    <t>BU05991087</t>
  </si>
  <si>
    <t>Feijenoord</t>
  </si>
  <si>
    <t>2021BU05991087</t>
  </si>
  <si>
    <t>buurten.bee27220-352e-42e5-b18b-13b2549683d0</t>
  </si>
  <si>
    <t>BU05991088</t>
  </si>
  <si>
    <t>2021BU05991088</t>
  </si>
  <si>
    <t>buurten.29d61acc-c1a6-4822-85bb-224d6721a498</t>
  </si>
  <si>
    <t>BU05991283</t>
  </si>
  <si>
    <t>Oud IJsselmonde</t>
  </si>
  <si>
    <t>WK059912</t>
  </si>
  <si>
    <t>2021BU05991283</t>
  </si>
  <si>
    <t>buurten.a6c33b9d-be09-4664-bf6f-d31b5728ec30</t>
  </si>
  <si>
    <t>900-1500 weq op lokaal warmtenet aansluiten</t>
  </si>
  <si>
    <t>BU05991284</t>
  </si>
  <si>
    <t>Lombardijen</t>
  </si>
  <si>
    <t>2021BU05991284</t>
  </si>
  <si>
    <t>buurten.5d32efa3-2387-4f96-aede-9be65b18cc37</t>
  </si>
  <si>
    <t>BU05991289</t>
  </si>
  <si>
    <t>Groot IJsselmonde</t>
  </si>
  <si>
    <t>2021BU05991289</t>
  </si>
  <si>
    <t>buurten.e3f038f4-27bf-4428-8be2-64d79225a4dd</t>
  </si>
  <si>
    <t>BU05991290</t>
  </si>
  <si>
    <t>Beverwaard</t>
  </si>
  <si>
    <t>2021BU05991290</t>
  </si>
  <si>
    <t>buurten.77d1b609-d825-47dc-9fb9-ce6467df9459</t>
  </si>
  <si>
    <t>BU05991391</t>
  </si>
  <si>
    <t>Pernis</t>
  </si>
  <si>
    <t>WK059913</t>
  </si>
  <si>
    <t>2021BU05991391</t>
  </si>
  <si>
    <t>buurten.bd8c2a63-bab8-456e-b666-3ed60587c200</t>
  </si>
  <si>
    <t>BU05991444</t>
  </si>
  <si>
    <t>'s-Gravenland</t>
  </si>
  <si>
    <t>WK059914</t>
  </si>
  <si>
    <t>2021BU05991444</t>
  </si>
  <si>
    <t>buurten.6fbed29c-4063-4249-bfda-750f8605036a</t>
  </si>
  <si>
    <t>BU05991446</t>
  </si>
  <si>
    <t>Kralingseveer</t>
  </si>
  <si>
    <t>2021BU05991446</t>
  </si>
  <si>
    <t>buurten.c76611a0-77f9-4bd9-b67b-93106434ed12</t>
  </si>
  <si>
    <t>BU05991448</t>
  </si>
  <si>
    <t>Prinsenland</t>
  </si>
  <si>
    <t>2021BU05991448</t>
  </si>
  <si>
    <t>buurten.c6ebab69-4ef4-40c4-a651-c91881206f73</t>
  </si>
  <si>
    <t>BU05991449</t>
  </si>
  <si>
    <t>Het Lage Land</t>
  </si>
  <si>
    <t>2021BU05991449</t>
  </si>
  <si>
    <t>buurten.9e3e94d0-ec44-4f78-b01b-06a75980007d</t>
  </si>
  <si>
    <t>BU05991463</t>
  </si>
  <si>
    <t>Ommoord</t>
  </si>
  <si>
    <t>2021BU05991463</t>
  </si>
  <si>
    <t>buurten.291b9b38-650c-4228-80f8-54c02341d66a</t>
  </si>
  <si>
    <t>BU05991466</t>
  </si>
  <si>
    <t>Zevenkamp</t>
  </si>
  <si>
    <t>2021BU05991466</t>
  </si>
  <si>
    <t>buurten.aef75713-9d99-4038-9f39-c79cb8676e15</t>
  </si>
  <si>
    <t>BU05991467</t>
  </si>
  <si>
    <t>Oosterflank</t>
  </si>
  <si>
    <t>2021BU05991467</t>
  </si>
  <si>
    <t>buurten.24d4b455-cdac-457d-a05b-cba77d6cd831</t>
  </si>
  <si>
    <t>BU05991468</t>
  </si>
  <si>
    <t>Nesselande</t>
  </si>
  <si>
    <t>2021BU05991468</t>
  </si>
  <si>
    <t>buurten.494ce57c-4da9-4f5f-a150-e9de9e6e5a6d</t>
  </si>
  <si>
    <t>BU05991570</t>
  </si>
  <si>
    <t>Charlois Zuidrand</t>
  </si>
  <si>
    <t>WK059915</t>
  </si>
  <si>
    <t>2021BU05991570</t>
  </si>
  <si>
    <t>buurten.2d752a51-603f-4289-a668-becd6a44e38d</t>
  </si>
  <si>
    <t>BU05991571</t>
  </si>
  <si>
    <t>Tarwewijk</t>
  </si>
  <si>
    <t>2021BU05991571</t>
  </si>
  <si>
    <t>buurten.8574864b-7a81-4d7e-90e7-9c624353bdf8</t>
  </si>
  <si>
    <t>BU05991572</t>
  </si>
  <si>
    <t>Carnisse</t>
  </si>
  <si>
    <t>2021BU05991572</t>
  </si>
  <si>
    <t>buurten.1b02b2b9-9e54-4a1f-ac14-48877ccef8a4</t>
  </si>
  <si>
    <t>BU05991573</t>
  </si>
  <si>
    <t>2021BU05991573</t>
  </si>
  <si>
    <t>buurten.49469a87-d65b-4c7d-aa45-5c2f7f1e650c</t>
  </si>
  <si>
    <t>BU05991574</t>
  </si>
  <si>
    <t>Oud Charlois</t>
  </si>
  <si>
    <t>2021BU05991574</t>
  </si>
  <si>
    <t>buurten.4db99381-0739-46ec-a9a6-e418dfa609a3</t>
  </si>
  <si>
    <t>BU05991575</t>
  </si>
  <si>
    <t>Wielewaal</t>
  </si>
  <si>
    <t>2021BU05991575</t>
  </si>
  <si>
    <t>buurten.89200b3e-be23-4b0b-a987-5fedda4933ed</t>
  </si>
  <si>
    <t>BU05991576</t>
  </si>
  <si>
    <t>Zuidplein</t>
  </si>
  <si>
    <t>2021BU05991576</t>
  </si>
  <si>
    <t>buurten.d9b5ff24-47d0-43a0-8059-0ad602fc2022</t>
  </si>
  <si>
    <t>BU05991577</t>
  </si>
  <si>
    <t>Pendrecht</t>
  </si>
  <si>
    <t>2021BU05991577</t>
  </si>
  <si>
    <t>buurten.5c1a5257-92d7-40ed-851a-497fb1e06e97</t>
  </si>
  <si>
    <t>BU05991578</t>
  </si>
  <si>
    <t>2021BU05991578</t>
  </si>
  <si>
    <t>buurten.170963b1-add7-4726-8e01-4b881bdb8025</t>
  </si>
  <si>
    <t>BU05991593</t>
  </si>
  <si>
    <t>Heijplaat</t>
  </si>
  <si>
    <t>2021BU05991593</t>
  </si>
  <si>
    <t>buurten.f909232d-fe26-4d24-b28c-7e5c267be0e8</t>
  </si>
  <si>
    <t>BU05991692</t>
  </si>
  <si>
    <t>Hoogvliet Noord</t>
  </si>
  <si>
    <t>WK059916</t>
  </si>
  <si>
    <t>2021BU05991692</t>
  </si>
  <si>
    <t>buurten.2cec2477-7d0f-4bf4-bc70-327ea69e6882</t>
  </si>
  <si>
    <t>BU05991699</t>
  </si>
  <si>
    <t>Hoogvliet Zuid</t>
  </si>
  <si>
    <t>2021BU05991699</t>
  </si>
  <si>
    <t>buurten.6f6cc4d4-6253-44d6-a9d5-9066bbffda8b</t>
  </si>
  <si>
    <t>BU05991701</t>
  </si>
  <si>
    <t>Strand en Duin</t>
  </si>
  <si>
    <t>WK059917</t>
  </si>
  <si>
    <t>2021BU05991701</t>
  </si>
  <si>
    <t>buurten.7dd92f33-c065-4edb-b589-25b6a6e56f59</t>
  </si>
  <si>
    <t>BU05991702</t>
  </si>
  <si>
    <t>2021BU05991702</t>
  </si>
  <si>
    <t>buurten.d6b004ed-7c96-47b3-95bc-ecc7c6eadbb8</t>
  </si>
  <si>
    <t>BU05991703</t>
  </si>
  <si>
    <t>Rijnpoort</t>
  </si>
  <si>
    <t>2021BU05991703</t>
  </si>
  <si>
    <t>buurten.8a0d94ce-45a3-4868-93df-4d1ad61f31b4</t>
  </si>
  <si>
    <t>BU05991853</t>
  </si>
  <si>
    <t>Spaanse Polder</t>
  </si>
  <si>
    <t>WK059918</t>
  </si>
  <si>
    <t>2021BU05991853</t>
  </si>
  <si>
    <t>buurten.59eca67f-38e7-4823-8e4c-fe35fdd46a9f</t>
  </si>
  <si>
    <t>BU05991926</t>
  </si>
  <si>
    <t>Nieuw Mathenesse</t>
  </si>
  <si>
    <t>WK059919</t>
  </si>
  <si>
    <t>2021BU05991926</t>
  </si>
  <si>
    <t>buurten.10fb2e38-261d-4d71-b4fb-a1712ff5d6a7</t>
  </si>
  <si>
    <t>BU05992194</t>
  </si>
  <si>
    <t>Waalhaven</t>
  </si>
  <si>
    <t>WK059921</t>
  </si>
  <si>
    <t>2021BU05992194</t>
  </si>
  <si>
    <t>buurten.29799717-5353-4e4b-a346-9bf3495fcbe7</t>
  </si>
  <si>
    <t>BU05992196</t>
  </si>
  <si>
    <t>Eemhaven</t>
  </si>
  <si>
    <t>2021BU05992196</t>
  </si>
  <si>
    <t>buurten.6c954dd1-6886-40a6-b838-1bad44deb3c9</t>
  </si>
  <si>
    <t>PL0613010001</t>
  </si>
  <si>
    <t>Distripark</t>
  </si>
  <si>
    <t>2023-2030</t>
  </si>
  <si>
    <t>2161 weq verduurzamen</t>
  </si>
  <si>
    <t>restwarmte en/of WKO</t>
  </si>
  <si>
    <t>restwarmte, WKO</t>
  </si>
  <si>
    <t>46</t>
  </si>
  <si>
    <t>BU05992198</t>
  </si>
  <si>
    <t>Waalhaven Zuid</t>
  </si>
  <si>
    <t>2021BU05992198</t>
  </si>
  <si>
    <t>buurten.53e86f29-ab67-4099-9c6a-ef4f12e210c2</t>
  </si>
  <si>
    <t>BU05992295</t>
  </si>
  <si>
    <t>Vondelingenplaat</t>
  </si>
  <si>
    <t>WK059922</t>
  </si>
  <si>
    <t>2021BU05992295</t>
  </si>
  <si>
    <t>buurten.c949232d-07c6-499b-929d-a3651ecc6bae</t>
  </si>
  <si>
    <t>No-regret isolatie voor heel Vlaardingen</t>
  </si>
  <si>
    <t>BU05992306</t>
  </si>
  <si>
    <t>Botlek</t>
  </si>
  <si>
    <t>WK059923</t>
  </si>
  <si>
    <t>2021BU05992306</t>
  </si>
  <si>
    <t>buurten.493f8530-b6b7-4f67-afea-298d3d432b02</t>
  </si>
  <si>
    <t>BU05992307</t>
  </si>
  <si>
    <t>Europoort</t>
  </si>
  <si>
    <t>2021BU05992307</t>
  </si>
  <si>
    <t>buurten.f3e75fb3-4b4b-4f06-80e6-9ef545517e31</t>
  </si>
  <si>
    <t>BU05992308</t>
  </si>
  <si>
    <t>Maasvlakte</t>
  </si>
  <si>
    <t>2021BU05992308</t>
  </si>
  <si>
    <t>buurten.8b7559b8-36af-4c86-bd2d-c9a89d9d1de7</t>
  </si>
  <si>
    <t>BU05992459</t>
  </si>
  <si>
    <t>Bedrijvenpark Noord-West</t>
  </si>
  <si>
    <t>WK059924</t>
  </si>
  <si>
    <t>2021BU05992459</t>
  </si>
  <si>
    <t>buurten.d29dc74b-2d6e-4086-8eaa-8f205a1e64d9</t>
  </si>
  <si>
    <t>BU05992540</t>
  </si>
  <si>
    <t>WK059925</t>
  </si>
  <si>
    <t>2021BU05992540</t>
  </si>
  <si>
    <t>buurten.34ca5a60-6258-45f2-b0b8-db87c30c9fc5</t>
  </si>
  <si>
    <t>BU05992650</t>
  </si>
  <si>
    <t>Bedrijventerrein Schieveen</t>
  </si>
  <si>
    <t>WK059926</t>
  </si>
  <si>
    <t>2021BU05992650</t>
  </si>
  <si>
    <t>buurten.4f591a80-6d70-4434-8a46-0558571cc333</t>
  </si>
  <si>
    <t>BU05992704</t>
  </si>
  <si>
    <t>Rozenburg</t>
  </si>
  <si>
    <t>WK059927</t>
  </si>
  <si>
    <t>2021BU05992704</t>
  </si>
  <si>
    <t>buurten.e680e71d-7ae4-480d-87c2-b90cd62b46f4</t>
  </si>
  <si>
    <t>BU05992705</t>
  </si>
  <si>
    <t>Noordzeeweg</t>
  </si>
  <si>
    <t>2021BU05992705</t>
  </si>
  <si>
    <t>buurten.534ea494-73c3-4e77-a175-90846bea2865</t>
  </si>
  <si>
    <t>BU06030111</t>
  </si>
  <si>
    <t>Cromvliet</t>
  </si>
  <si>
    <t>WK060301</t>
  </si>
  <si>
    <t>2021BU06030111</t>
  </si>
  <si>
    <t>buurten.2433a321-53dd-4d4f-82d7-128750f618c6</t>
  </si>
  <si>
    <t>BU06030112</t>
  </si>
  <si>
    <t>Leeuwendaal</t>
  </si>
  <si>
    <t>2021BU06030112</t>
  </si>
  <si>
    <t>buurten.16a69a68-f793-49b3-bc64-ac242af68b2d</t>
  </si>
  <si>
    <t>PL0518010091</t>
  </si>
  <si>
    <t>Hoornwijck, strijp, eikelenburg, rijswijkbuiten</t>
  </si>
  <si>
    <t>BU06030221</t>
  </si>
  <si>
    <t>Oud-Rijswijk</t>
  </si>
  <si>
    <t>WK060302</t>
  </si>
  <si>
    <t>2021BU06030221</t>
  </si>
  <si>
    <t>buurten.96159bbd-d549-40bf-ba99-932c4cc3a3f9</t>
  </si>
  <si>
    <t>PL0603010004</t>
  </si>
  <si>
    <t>Rembrandtkwartier, havenkwartier, huis te lande, kleurenbuurt, presidentenbuurt, ministerbuurt, stervoorde, muziekbuurt</t>
  </si>
  <si>
    <t>BU06030222</t>
  </si>
  <si>
    <t>2021BU06030222</t>
  </si>
  <si>
    <t>buurten.552e8abc-a685-4f23-9df1-2d3c10c743ff</t>
  </si>
  <si>
    <t>BU06030223</t>
  </si>
  <si>
    <t>2021BU06030223</t>
  </si>
  <si>
    <t>buurten.c037d00d-0ce8-4be6-bebe-b4cfd6dcbf1c</t>
  </si>
  <si>
    <t>PL0518010043</t>
  </si>
  <si>
    <t>PL0603010006</t>
  </si>
  <si>
    <t>Kern te Werve, Stationskwartier, artiestenbuurt</t>
  </si>
  <si>
    <t>Vooroorlogse buurt waar huizen en gebouwen dicht op elkaar staan en weinig huizen van woningcorporaties. Door de ouderdom van de buurt zijn alle warmteopties ingewikkeld en is de warmteoptie nog onduidelijk. Daarom is de hybride warmtepomp een oplossing.</t>
  </si>
  <si>
    <t>BU06030224</t>
  </si>
  <si>
    <t>Rembrandtkwartier</t>
  </si>
  <si>
    <t>2021BU06030224</t>
  </si>
  <si>
    <t>buurten.c2e244ca-a964-45a9-aae6-8e10034d90e1</t>
  </si>
  <si>
    <t>BU06030225</t>
  </si>
  <si>
    <t>2021BU06030225</t>
  </si>
  <si>
    <t>buurten.cef94be6-8005-4928-9ade-4ef407785007</t>
  </si>
  <si>
    <t>Plaspoelpolder, broekpolder, hoekpolder</t>
  </si>
  <si>
    <t>BU06030391</t>
  </si>
  <si>
    <t>Hoornwijck</t>
  </si>
  <si>
    <t>WK060303</t>
  </si>
  <si>
    <t>2021BU06030391</t>
  </si>
  <si>
    <t>buurten.3abf21fa-c2d7-4daf-953e-ca545dc1716b</t>
  </si>
  <si>
    <t>BU06030392</t>
  </si>
  <si>
    <t>2021BU06030392</t>
  </si>
  <si>
    <t>buurten.81d02d4c-5f21-4d53-bbc8-041a3bc9ef6d</t>
  </si>
  <si>
    <t>In deze buurt is een bedrijventerrein. Een mix van warmtenetten en warmtepompen is hier logisch. Er zijn al bestaande aansluitingen op het warmtenet. Aansluiting op een toekomstige aardwarmtebron in Ypenburg is kansrijk.</t>
  </si>
  <si>
    <t>BU06030431</t>
  </si>
  <si>
    <t>WK060304</t>
  </si>
  <si>
    <t>2021BU06030431</t>
  </si>
  <si>
    <t>buurten.6a62e0e6-0fae-4b80-972d-29996b7cd75a</t>
  </si>
  <si>
    <t>BU06030432</t>
  </si>
  <si>
    <t>Huis te Lande</t>
  </si>
  <si>
    <t>2021BU06030432</t>
  </si>
  <si>
    <t>buurten.fbb6c620-ba07-4707-945a-cbdb4401b445</t>
  </si>
  <si>
    <t>BU06030434</t>
  </si>
  <si>
    <t>Te Werve</t>
  </si>
  <si>
    <t>2021BU06030434</t>
  </si>
  <si>
    <t>buurten.f0ec577f-d546-4e1e-9774-775479252353</t>
  </si>
  <si>
    <t>BU06030581</t>
  </si>
  <si>
    <t>Plaspoelpolder</t>
  </si>
  <si>
    <t>WK060305</t>
  </si>
  <si>
    <t>2021BU06030581</t>
  </si>
  <si>
    <t>buurten.e12b6c0e-6842-4bc4-8f34-01e25d5dae8a</t>
  </si>
  <si>
    <t>BU06030633</t>
  </si>
  <si>
    <t>WK060306</t>
  </si>
  <si>
    <t>2021BU06030633</t>
  </si>
  <si>
    <t>buurten.f4901411-d912-434f-98aa-89382bea8c96</t>
  </si>
  <si>
    <t>BU06030641</t>
  </si>
  <si>
    <t>2021BU06030641</t>
  </si>
  <si>
    <t>buurten.130883fc-43f1-41ae-a156-1a3edc11a34c</t>
  </si>
  <si>
    <t>PL0518010049</t>
  </si>
  <si>
    <t>BU06030642</t>
  </si>
  <si>
    <t>Kleurenbuurt</t>
  </si>
  <si>
    <t>2021BU06030642</t>
  </si>
  <si>
    <t>buurten.c27f756f-8f44-4639-ab4b-862ed72f672e</t>
  </si>
  <si>
    <t>BU06030643</t>
  </si>
  <si>
    <t>Artiestenbuurt</t>
  </si>
  <si>
    <t>2021BU06030643</t>
  </si>
  <si>
    <t>buurten.d8127e86-b4e8-4ac9-b879-a1d53ab3dc55</t>
  </si>
  <si>
    <t>BU06030771</t>
  </si>
  <si>
    <t>WK060307</t>
  </si>
  <si>
    <t>2021BU06030771</t>
  </si>
  <si>
    <t>buurten.8477107f-5194-487e-8617-a383af465ed3</t>
  </si>
  <si>
    <t>BU06030772</t>
  </si>
  <si>
    <t>2021BU06030772</t>
  </si>
  <si>
    <t>buurten.fb92f3cc-ffd5-47a1-839e-4ac549f015dc</t>
  </si>
  <si>
    <t>BU06030851</t>
  </si>
  <si>
    <t>Overvoorde</t>
  </si>
  <si>
    <t>WK060308</t>
  </si>
  <si>
    <t>2021BU06030851</t>
  </si>
  <si>
    <t>buurten.1c907cb7-be1c-4c05-9fd1-906fcdf0cd00</t>
  </si>
  <si>
    <t>PL0518010051</t>
  </si>
  <si>
    <t>Naoorlogse buurt waar huizen en gebouwen dicht op elkaar staan met veel huizen van woningcorporaties.</t>
  </si>
  <si>
    <t>BU06030852</t>
  </si>
  <si>
    <t>Strijp</t>
  </si>
  <si>
    <t>2021BU06030852</t>
  </si>
  <si>
    <t>buurten.4f9943e2-4251-4b64-93a1-da177f9f89da</t>
  </si>
  <si>
    <t>BU06030853</t>
  </si>
  <si>
    <t>Presidentenbuurt</t>
  </si>
  <si>
    <t>2021BU06030853</t>
  </si>
  <si>
    <t>buurten.72087b58-1744-471d-9311-c62224add450</t>
  </si>
  <si>
    <t>BU06030854</t>
  </si>
  <si>
    <t>Ministerbuurt</t>
  </si>
  <si>
    <t>2021BU06030854</t>
  </si>
  <si>
    <t>buurten.8a6ad287-e8c5-46fe-bbd6-b2d8ab9707a0</t>
  </si>
  <si>
    <t>BU06030961</t>
  </si>
  <si>
    <t>Stervoorde</t>
  </si>
  <si>
    <t>WK060309</t>
  </si>
  <si>
    <t>2021BU06030961</t>
  </si>
  <si>
    <t>buurten.3f68ca9e-463c-48ee-b86d-e09b9d074e62</t>
  </si>
  <si>
    <t>BU06030962</t>
  </si>
  <si>
    <t>Eikelenburg</t>
  </si>
  <si>
    <t>2021BU06030962</t>
  </si>
  <si>
    <t>buurten.b5ee0c8b-ab43-4585-b48e-d092c8467561</t>
  </si>
  <si>
    <t>BU06030963</t>
  </si>
  <si>
    <t>Hoekpolder</t>
  </si>
  <si>
    <t>2021BU06030963</t>
  </si>
  <si>
    <t>buurten.0ee5ec3b-b544-4c26-ad3f-008b65ed3f04</t>
  </si>
  <si>
    <t>PL0518010103</t>
  </si>
  <si>
    <t>Jonge buurt waar huizen en gebouwen ver van elkaar af staan en weinig huizen van woningcorporaties zijn en weinig ruimte in de grond voor nieuwe kabels en leidingen.</t>
  </si>
  <si>
    <t>BU06031064</t>
  </si>
  <si>
    <t>Sion</t>
  </si>
  <si>
    <t>WK060310</t>
  </si>
  <si>
    <t>2021BU06031064</t>
  </si>
  <si>
    <t>buurten.3749ffe1-e3f1-4b7e-9f80-6356f19547a2</t>
  </si>
  <si>
    <t>BU06031082</t>
  </si>
  <si>
    <t>Elsenburg</t>
  </si>
  <si>
    <t>2021BU06031082</t>
  </si>
  <si>
    <t>buurten.0e592a47-b089-44e9-829d-9e5f318b827b</t>
  </si>
  <si>
    <t>BU06031083</t>
  </si>
  <si>
    <t>Pasgeld</t>
  </si>
  <si>
    <t>2021BU06031083</t>
  </si>
  <si>
    <t>buurten.3f16d660-d299-41dc-ac39-932b10d466ed</t>
  </si>
  <si>
    <t>BU06031084</t>
  </si>
  <si>
    <t>Haantje</t>
  </si>
  <si>
    <t>2021BU06031084</t>
  </si>
  <si>
    <t>buurten.60f958ba-5e61-4f1d-ad1a-2136634e9eb6</t>
  </si>
  <si>
    <t>BU06031193</t>
  </si>
  <si>
    <t>Kraayenburg</t>
  </si>
  <si>
    <t>WK060311</t>
  </si>
  <si>
    <t>2021BU06031193</t>
  </si>
  <si>
    <t>buurten.22abbaef-fd55-41d8-a9f3-1da6d5f78422</t>
  </si>
  <si>
    <t>BU06031194</t>
  </si>
  <si>
    <t>Vrijenban</t>
  </si>
  <si>
    <t>2021BU06031194</t>
  </si>
  <si>
    <t>buurten.b857f28e-6ed9-4d4a-a9fe-c9712ab04da3</t>
  </si>
  <si>
    <t>BU06060000</t>
  </si>
  <si>
    <t>Buurt 00</t>
  </si>
  <si>
    <t>WK060600</t>
  </si>
  <si>
    <t>GM0606</t>
  </si>
  <si>
    <t>Schiedam</t>
  </si>
  <si>
    <t>2021BU06060000</t>
  </si>
  <si>
    <t>buurten.5e0043cb-ef89-4f42-9257-62754487013b</t>
  </si>
  <si>
    <t>DC060601</t>
  </si>
  <si>
    <t>Route naar een aardgasvrije gebouwde omgeving voor Schiedam: De Transitievisie Warmte voor Schiedam (definitief concept)</t>
  </si>
  <si>
    <t>2020-09-16</t>
  </si>
  <si>
    <t>er wordt niet gestart voordat duidelijk is dat er voldoende financiele middelen vanuit het rijk komen om de transitie op een betaalbare manier uit te voeren</t>
  </si>
  <si>
    <t>duidelijkheid bieden aan alle stakeholders, verwachtingen duidelijk maken, op korte en lange termijn doelstellingen neerzetten</t>
  </si>
  <si>
    <t>in 2030 8500 gebouwen aardgasvrij waarvan 7400 woningen</t>
  </si>
  <si>
    <t>https://www.schiedam.nl/nieuws/nieuwe-stappen-naar-een-duurzaam-schiedam</t>
  </si>
  <si>
    <t>PL0606010002</t>
  </si>
  <si>
    <t>2022-2025</t>
  </si>
  <si>
    <t>6700 woningen aardgasvrij</t>
  </si>
  <si>
    <t>warmterotonde ZH (aansluiting bij), of geothermie</t>
  </si>
  <si>
    <t>BU06060101</t>
  </si>
  <si>
    <t>Stadserf</t>
  </si>
  <si>
    <t>WK060601</t>
  </si>
  <si>
    <t>2021BU06060101</t>
  </si>
  <si>
    <t>buurten.462fe4db-e519-4b18-b729-b50237bf5504</t>
  </si>
  <si>
    <t>BU06060102</t>
  </si>
  <si>
    <t>2021BU06060102</t>
  </si>
  <si>
    <t>buurten.6c57b6b0-7263-438d-9f0f-8e917c92c4ad</t>
  </si>
  <si>
    <t>BU06060103</t>
  </si>
  <si>
    <t>Singelkwartier</t>
  </si>
  <si>
    <t>2021BU06060103</t>
  </si>
  <si>
    <t>buurten.d8eaaed4-816e-47c7-b1b9-9d30f50e2255</t>
  </si>
  <si>
    <t>BU06060104</t>
  </si>
  <si>
    <t>2021BU06060104</t>
  </si>
  <si>
    <t>buurten.53c8e0b9-7b14-4aa9-bfdf-749a21849354</t>
  </si>
  <si>
    <t>BU06060105</t>
  </si>
  <si>
    <t>Wetenschappersbuurt</t>
  </si>
  <si>
    <t>2021BU06060105</t>
  </si>
  <si>
    <t>buurten.284b0f7d-98c8-41b1-a74b-1588cef7ca1d</t>
  </si>
  <si>
    <t>BU06060106</t>
  </si>
  <si>
    <t>Newtonbuurt</t>
  </si>
  <si>
    <t>2021BU06060106</t>
  </si>
  <si>
    <t>buurten.430299f8-8619-451a-b50b-8cbec7b8918b</t>
  </si>
  <si>
    <t>BU06060107</t>
  </si>
  <si>
    <t>Rotterdamsedijk</t>
  </si>
  <si>
    <t>2021BU06060107</t>
  </si>
  <si>
    <t>buurten.d8b15088-caa9-4c3f-b8ef-d82cbb762418</t>
  </si>
  <si>
    <t>BU06060201</t>
  </si>
  <si>
    <t>Brandersbuurt</t>
  </si>
  <si>
    <t>WK060602</t>
  </si>
  <si>
    <t>2021BU06060201</t>
  </si>
  <si>
    <t>buurten.f3e583af-6855-482c-a02e-ce05df86c4e5</t>
  </si>
  <si>
    <t>BU06060202</t>
  </si>
  <si>
    <t>2021BU06060202</t>
  </si>
  <si>
    <t>buurten.a1dc9696-79ea-464a-b045-642571d3cec5</t>
  </si>
  <si>
    <t>BU06060203</t>
  </si>
  <si>
    <t>De Plantage</t>
  </si>
  <si>
    <t>2021BU06060203</t>
  </si>
  <si>
    <t>buurten.f9f3ec0c-4164-4272-8b30-f14d8fd65ec8</t>
  </si>
  <si>
    <t>BU06060301</t>
  </si>
  <si>
    <t>WK060603</t>
  </si>
  <si>
    <t>2021BU06060301</t>
  </si>
  <si>
    <t>buurten.e6249d8a-5f46-497f-b37d-360d481e8f13</t>
  </si>
  <si>
    <t>BU06060302</t>
  </si>
  <si>
    <t>2021BU06060302</t>
  </si>
  <si>
    <t>buurten.f9d94eaf-3d30-4fda-87d1-edcb5daa13fb</t>
  </si>
  <si>
    <t>BU06060303</t>
  </si>
  <si>
    <t>Fabribuurt</t>
  </si>
  <si>
    <t>2021BU06060303</t>
  </si>
  <si>
    <t>buurten.7e583283-ada0-406f-8313-e9985bc4ac09</t>
  </si>
  <si>
    <t>BU06060304</t>
  </si>
  <si>
    <t>Frankenland</t>
  </si>
  <si>
    <t>2021BU06060304</t>
  </si>
  <si>
    <t>buurten.09b076ac-11a0-49bb-ac3e-8702a9e8442d</t>
  </si>
  <si>
    <t>BU06060305</t>
  </si>
  <si>
    <t>Liduinabuurt</t>
  </si>
  <si>
    <t>2021BU06060305</t>
  </si>
  <si>
    <t>buurten.54ef037a-ed8f-4f7b-8197-00840d0d13d1</t>
  </si>
  <si>
    <t>BU06060306</t>
  </si>
  <si>
    <t>2021BU06060306</t>
  </si>
  <si>
    <t>buurten.d4097a73-0b9e-4747-890b-5023c7f575b7</t>
  </si>
  <si>
    <t>BU06060307</t>
  </si>
  <si>
    <t>2021BU06060307</t>
  </si>
  <si>
    <t>buurten.523bbb91-c6ef-45ef-a37b-7d7a7a9d6c57</t>
  </si>
  <si>
    <t>BU06060308</t>
  </si>
  <si>
    <t>Haverschmidtkwartier</t>
  </si>
  <si>
    <t>2021BU06060308</t>
  </si>
  <si>
    <t>buurten.dbbbf125-c414-4c07-9f62-2f1386595619</t>
  </si>
  <si>
    <t>BU06060309</t>
  </si>
  <si>
    <t>Distillateursbuurt</t>
  </si>
  <si>
    <t>2021BU06060309</t>
  </si>
  <si>
    <t>buurten.d71d338e-edfc-4893-962b-b2df6f4eb9a4</t>
  </si>
  <si>
    <t>BU06060401</t>
  </si>
  <si>
    <t>Noletbuurt</t>
  </si>
  <si>
    <t>WK060604</t>
  </si>
  <si>
    <t>2021BU06060401</t>
  </si>
  <si>
    <t>buurten.1cf4c929-3dac-46d2-8879-f6bd211a5038</t>
  </si>
  <si>
    <t>BU06060402</t>
  </si>
  <si>
    <t>2021BU06060402</t>
  </si>
  <si>
    <t>buurten.c3770ac6-82b5-4923-88d0-1ef5e52e2ebf</t>
  </si>
  <si>
    <t>BU06060403</t>
  </si>
  <si>
    <t>Piet Sandersbuurt</t>
  </si>
  <si>
    <t>2021BU06060403</t>
  </si>
  <si>
    <t>buurten.b9577dee-5c5d-42f5-9c27-4ece97d0366a</t>
  </si>
  <si>
    <t>BU06060404</t>
  </si>
  <si>
    <t>Maasboulevard</t>
  </si>
  <si>
    <t>2021BU06060404</t>
  </si>
  <si>
    <t>buurten.0b301d9f-773f-487a-b99f-cf1dbe2739a4</t>
  </si>
  <si>
    <t>BU06060405</t>
  </si>
  <si>
    <t>2021BU06060405</t>
  </si>
  <si>
    <t>buurten.168dd431-e96b-463d-a8fe-89048321328c</t>
  </si>
  <si>
    <t>BU06060500</t>
  </si>
  <si>
    <t>Nieuw-Mathenesse</t>
  </si>
  <si>
    <t>WK060605</t>
  </si>
  <si>
    <t>2021BU06060500</t>
  </si>
  <si>
    <t>buurten.b21ba11b-f264-4ed6-8095-d62c54183547</t>
  </si>
  <si>
    <t>BU06060602</t>
  </si>
  <si>
    <t>Spieringshoek</t>
  </si>
  <si>
    <t>WK060606</t>
  </si>
  <si>
    <t>2021BU06060602</t>
  </si>
  <si>
    <t>buurten.4fa36006-c4e1-4f90-801f-cf997e2dca33</t>
  </si>
  <si>
    <t>BU06060603</t>
  </si>
  <si>
    <t>2021BU06060603</t>
  </si>
  <si>
    <t>buurten.89ac0caf-f69a-4b72-8999-7389e98b6a2f</t>
  </si>
  <si>
    <t>BU06060604</t>
  </si>
  <si>
    <t>Vakbondsliedenbuurt</t>
  </si>
  <si>
    <t>2021BU06060604</t>
  </si>
  <si>
    <t>buurten.07f7a03d-4160-49ab-98be-d031c4800145</t>
  </si>
  <si>
    <t>BU06060605</t>
  </si>
  <si>
    <t>Hollandiabuurt</t>
  </si>
  <si>
    <t>2021BU06060605</t>
  </si>
  <si>
    <t>buurten.11e65390-1d45-4f36-b9a0-7b5ee076d31e</t>
  </si>
  <si>
    <t>BU06060606</t>
  </si>
  <si>
    <t>Schiehart</t>
  </si>
  <si>
    <t>2021BU06060606</t>
  </si>
  <si>
    <t>buurten.8bff28ed-cca3-4713-a63f-aa1d81f665fc</t>
  </si>
  <si>
    <t>BU06060607</t>
  </si>
  <si>
    <t>Nolensbuurt</t>
  </si>
  <si>
    <t>2021BU06060607</t>
  </si>
  <si>
    <t>buurten.7a73ef2f-7d3a-480b-8d44-356b0d6e5cd7</t>
  </si>
  <si>
    <t>BU06060608</t>
  </si>
  <si>
    <t>Wibautbuurt</t>
  </si>
  <si>
    <t>2021BU06060608</t>
  </si>
  <si>
    <t>buurten.b3023ffe-0bfa-4e99-b89f-2376e777ad2a</t>
  </si>
  <si>
    <t>BU06060701</t>
  </si>
  <si>
    <t>Parkenbuurt/Bijdorp</t>
  </si>
  <si>
    <t>WK060607</t>
  </si>
  <si>
    <t>2021BU06060701</t>
  </si>
  <si>
    <t>buurten.a86629eb-5c26-408a-9a59-699054cc88fa</t>
  </si>
  <si>
    <t>PL0606010001</t>
  </si>
  <si>
    <t>4763 woningen + 1112 WEQ overige gebouwen aardgasvrij</t>
  </si>
  <si>
    <t>BU06060702</t>
  </si>
  <si>
    <t>Groenoord-Zuid</t>
  </si>
  <si>
    <t>2021BU06060702</t>
  </si>
  <si>
    <t>buurten.0d2fd5c8-d026-44a2-84b4-6e76911f3a18</t>
  </si>
  <si>
    <t>BU06060703</t>
  </si>
  <si>
    <t>Groenoord-Midden</t>
  </si>
  <si>
    <t>2021BU06060703</t>
  </si>
  <si>
    <t>buurten.c03d7643-5e97-4b4e-8a40-31dae802703c</t>
  </si>
  <si>
    <t>BU06060704</t>
  </si>
  <si>
    <t>Groenoord-Noord</t>
  </si>
  <si>
    <t>2021BU06060704</t>
  </si>
  <si>
    <t>buurten.0025a5ad-17fd-49c5-bf4a-b5dc0a8e3913</t>
  </si>
  <si>
    <t>BU06060705</t>
  </si>
  <si>
    <t>Kethel-dorp</t>
  </si>
  <si>
    <t>2021BU06060705</t>
  </si>
  <si>
    <t>buurten.f9d73f84-3846-4f30-b030-fceee95d100f</t>
  </si>
  <si>
    <t>PL0606010003</t>
  </si>
  <si>
    <t>Sveaparken</t>
  </si>
  <si>
    <t>aansluiten bij tempo individuele bewoners</t>
  </si>
  <si>
    <t>700 woningen aardgasvrij</t>
  </si>
  <si>
    <t>BU06060706</t>
  </si>
  <si>
    <t>2021BU06060706</t>
  </si>
  <si>
    <t>buurten.da165bb6-489e-4a62-b3d8-20f1b77cad34</t>
  </si>
  <si>
    <t>BU06060707</t>
  </si>
  <si>
    <t>2021BU06060707</t>
  </si>
  <si>
    <t>buurten.64c1c533-72a2-4bb5-8160-cdf598ca5db8</t>
  </si>
  <si>
    <t>BU06060801</t>
  </si>
  <si>
    <t>WK060608</t>
  </si>
  <si>
    <t>2021BU06060801</t>
  </si>
  <si>
    <t>buurten.7315d48a-8640-4510-b960-a35442fd7d2f</t>
  </si>
  <si>
    <t>BU06060802</t>
  </si>
  <si>
    <t>'s-Gravelandsepolder</t>
  </si>
  <si>
    <t>2021BU06060802</t>
  </si>
  <si>
    <t>buurten.b4f828a5-0c45-4e6c-8f6b-4659ff8ded21</t>
  </si>
  <si>
    <t>BU06060803</t>
  </si>
  <si>
    <t>Polderwetering</t>
  </si>
  <si>
    <t>2021BU06060803</t>
  </si>
  <si>
    <t>buurten.012ec6d6-820f-40e2-912a-51c016103723</t>
  </si>
  <si>
    <t>BU06060901</t>
  </si>
  <si>
    <t>Toneelspelersbuurt</t>
  </si>
  <si>
    <t>WK060609</t>
  </si>
  <si>
    <t>2021BU06060901</t>
  </si>
  <si>
    <t>buurten.f75fff29-8f08-48be-805f-5d87d588fd59</t>
  </si>
  <si>
    <t>BU06060902</t>
  </si>
  <si>
    <t>Ambachtenbuurt</t>
  </si>
  <si>
    <t>2021BU06060902</t>
  </si>
  <si>
    <t>buurten.f66779ab-556e-4a3a-a7c1-c5627fb64b9f</t>
  </si>
  <si>
    <t>BU06060903</t>
  </si>
  <si>
    <t>2021BU06060903</t>
  </si>
  <si>
    <t>buurten.b0f95213-7b0a-47e4-9d3f-944cda096016</t>
  </si>
  <si>
    <t>BU06060904</t>
  </si>
  <si>
    <t>Botenbuurt</t>
  </si>
  <si>
    <t>2021BU06060904</t>
  </si>
  <si>
    <t>buurten.2ec17c35-168d-45e4-9540-92f0e179f23c</t>
  </si>
  <si>
    <t>BU06060905</t>
  </si>
  <si>
    <t>De Gaarden/Sveafors</t>
  </si>
  <si>
    <t>2021BU06060905</t>
  </si>
  <si>
    <t>buurten.cf8ae8d6-aa53-4631-b303-9a4be99f8eb7</t>
  </si>
  <si>
    <t>BU06060906</t>
  </si>
  <si>
    <t>De Vlinderhoven/Sveaholm</t>
  </si>
  <si>
    <t>2021BU06060906</t>
  </si>
  <si>
    <t>buurten.667e0118-ec3d-4edf-858c-848401d8dfa0</t>
  </si>
  <si>
    <t>BU06060907</t>
  </si>
  <si>
    <t>De Akkers en De Velden</t>
  </si>
  <si>
    <t>2021BU06060907</t>
  </si>
  <si>
    <t>buurten.873cfb8b-651b-428e-ba2c-9f4ebb859e7e</t>
  </si>
  <si>
    <t>BU06060908</t>
  </si>
  <si>
    <t>Sveaborg en -Dal</t>
  </si>
  <si>
    <t>2021BU06060908</t>
  </si>
  <si>
    <t>buurten.75cd9c5c-2d2c-4376-95a3-e9acf6358d6e</t>
  </si>
  <si>
    <t>BU06060909</t>
  </si>
  <si>
    <t>Noordkethelpolder</t>
  </si>
  <si>
    <t>2021BU06060909</t>
  </si>
  <si>
    <t>buurten.c64a6e7a-a4b9-4ec8-89d4-a217001083a3</t>
  </si>
  <si>
    <t>BU06100101</t>
  </si>
  <si>
    <t>Baanhoek-West</t>
  </si>
  <si>
    <t>WK061001</t>
  </si>
  <si>
    <t>2021BU06100101</t>
  </si>
  <si>
    <t>buurten.98a99530-8841-4d68-866c-00397a59aacb</t>
  </si>
  <si>
    <t>All electric relatief jonge wijken</t>
  </si>
  <si>
    <t>BU06100102</t>
  </si>
  <si>
    <t>Baanhoek-Bedrijven</t>
  </si>
  <si>
    <t>2021BU06100102</t>
  </si>
  <si>
    <t>buurten.7afb7a1b-2cd0-4415-bf27-d5978ff2381a</t>
  </si>
  <si>
    <t>BU06100103</t>
  </si>
  <si>
    <t>De Weren</t>
  </si>
  <si>
    <t>2021BU06100103</t>
  </si>
  <si>
    <t>buurten.3e90670b-2913-4cb7-9693-4db22c11525d</t>
  </si>
  <si>
    <t>PL0610010001</t>
  </si>
  <si>
    <t>PL0610010005</t>
  </si>
  <si>
    <t>goedkeuring bewoners</t>
  </si>
  <si>
    <t>aardwarmte en/of restwarmte slibverwerking en/of aquathermie</t>
  </si>
  <si>
    <t>bodemenergie en/of restwarmte (slibverwerker) en/of aquathermie</t>
  </si>
  <si>
    <t>BU06100104</t>
  </si>
  <si>
    <t>Benedenveer</t>
  </si>
  <si>
    <t>2021BU06100104</t>
  </si>
  <si>
    <t>buurten.4661b1c9-ca85-4cab-938f-70ae90fdddcf</t>
  </si>
  <si>
    <t>BU06100105</t>
  </si>
  <si>
    <t>Baanhoek-Oost</t>
  </si>
  <si>
    <t>2021BU06100105</t>
  </si>
  <si>
    <t>buurten.a18df29c-e043-4715-8322-0a0e2eb81881</t>
  </si>
  <si>
    <t>BU06100106</t>
  </si>
  <si>
    <t>Prickwaert en Weresteijn</t>
  </si>
  <si>
    <t>2021BU06100106</t>
  </si>
  <si>
    <t>buurten.f5fa2884-acbb-49fe-89ba-b354ca750504</t>
  </si>
  <si>
    <t>PL0610010002</t>
  </si>
  <si>
    <t>Warmtenetten reeds gestart</t>
  </si>
  <si>
    <t>BU06100107</t>
  </si>
  <si>
    <t>2021BU06100107</t>
  </si>
  <si>
    <t>buurten.9d5ba25f-d170-4209-87c9-837fbb4fe30f</t>
  </si>
  <si>
    <t>BU06100108</t>
  </si>
  <si>
    <t>2021BU06100108</t>
  </si>
  <si>
    <t>buurten.ee0f894e-bcd9-4571-95db-a318cfb629da</t>
  </si>
  <si>
    <t>BU06100109</t>
  </si>
  <si>
    <t>Bedrijventerrein Het Plaatje</t>
  </si>
  <si>
    <t>2021BU06100109</t>
  </si>
  <si>
    <t>buurten.b1f96d2b-5acb-482a-b3ee-b5dd5d875847</t>
  </si>
  <si>
    <t>BU06100201</t>
  </si>
  <si>
    <t>WK061002</t>
  </si>
  <si>
    <t>2021BU06100201</t>
  </si>
  <si>
    <t>buurten.8568647a-8893-4251-b5c1-6aaa84ceefc7</t>
  </si>
  <si>
    <t>PL0610010006</t>
  </si>
  <si>
    <t>Besparingsbuurten (later herijken)</t>
  </si>
  <si>
    <t>BU06100202</t>
  </si>
  <si>
    <t>2021BU06100202</t>
  </si>
  <si>
    <t>buurten.9e4a983a-ce11-4874-a6dc-7d90c4fdd571</t>
  </si>
  <si>
    <t>BU06100203</t>
  </si>
  <si>
    <t>Kerkbuurt-West</t>
  </si>
  <si>
    <t>2021BU06100203</t>
  </si>
  <si>
    <t>buurten.d2cf8c33-57df-4542-afde-be66487791c2</t>
  </si>
  <si>
    <t>BU06100204</t>
  </si>
  <si>
    <t>Buitenuitbreiding-West</t>
  </si>
  <si>
    <t>2021BU06100204</t>
  </si>
  <si>
    <t>buurten.a94a999c-4d48-4a73-83ec-a0b6c72b40e3</t>
  </si>
  <si>
    <t>BU06100205</t>
  </si>
  <si>
    <t>Bedrijventerrein Kerkerak</t>
  </si>
  <si>
    <t>2021BU06100205</t>
  </si>
  <si>
    <t>buurten.706be4eb-a923-4148-945b-967fee9c4d6a</t>
  </si>
  <si>
    <t>BU06100206</t>
  </si>
  <si>
    <t>2021BU06100206</t>
  </si>
  <si>
    <t>buurten.8462db2d-a5cc-45cf-b6d7-80228337a3bd</t>
  </si>
  <si>
    <t>BU06100207</t>
  </si>
  <si>
    <t>2021BU06100207</t>
  </si>
  <si>
    <t>buurten.27ac9508-2688-4766-bdb4-2c377f14edaf</t>
  </si>
  <si>
    <t>BU06100208</t>
  </si>
  <si>
    <t>Winklerplein-Noord</t>
  </si>
  <si>
    <t>2021BU06100208</t>
  </si>
  <si>
    <t>buurten.ee03c7c0-4d38-42f2-8efb-6f558d0d444d</t>
  </si>
  <si>
    <t>BU06100209</t>
  </si>
  <si>
    <t>Winklerplein-Zuid</t>
  </si>
  <si>
    <t>2021BU06100209</t>
  </si>
  <si>
    <t>buurten.8325127e-156f-4770-8903-8be70edf86e7</t>
  </si>
  <si>
    <t>BU06100210</t>
  </si>
  <si>
    <t>Kerkbuurt-Oost</t>
  </si>
  <si>
    <t>2021BU06100210</t>
  </si>
  <si>
    <t>buurten.6e249254-0d88-48aa-aa6b-d9820a7a0187</t>
  </si>
  <si>
    <t>BU06100211</t>
  </si>
  <si>
    <t>Buitenuitbreiding-Oost</t>
  </si>
  <si>
    <t>2021BU06100211</t>
  </si>
  <si>
    <t>buurten.5876fd81-772c-4272-988d-a9cb13aaa8d5</t>
  </si>
  <si>
    <t>BU06100301</t>
  </si>
  <si>
    <t>Vogelbuurt-Noord</t>
  </si>
  <si>
    <t>WK061003</t>
  </si>
  <si>
    <t>2021BU06100301</t>
  </si>
  <si>
    <t>buurten.87224aca-7576-4399-8a0f-3af0f52cf2f7</t>
  </si>
  <si>
    <t>BU06100302</t>
  </si>
  <si>
    <t>Vogelbuurt-Zuid</t>
  </si>
  <si>
    <t>2021BU06100302</t>
  </si>
  <si>
    <t>buurten.38a7386e-b24c-4242-92f3-064981cb47c2</t>
  </si>
  <si>
    <t>BU06100303</t>
  </si>
  <si>
    <t>Middenveer</t>
  </si>
  <si>
    <t>2021BU06100303</t>
  </si>
  <si>
    <t>buurten.17b79f27-5a6c-4cf9-8800-0480e504d62e</t>
  </si>
  <si>
    <t>BU06100304</t>
  </si>
  <si>
    <t>Rivierdijk-West</t>
  </si>
  <si>
    <t>2021BU06100304</t>
  </si>
  <si>
    <t>buurten.ff87e4c0-c214-4b85-ba26-59a309daf559</t>
  </si>
  <si>
    <t>BU06100305</t>
  </si>
  <si>
    <t>2021BU06100305</t>
  </si>
  <si>
    <t>buurten.dfdc2d57-2e76-48f2-bfed-6819080b336e</t>
  </si>
  <si>
    <t>BU06100306</t>
  </si>
  <si>
    <t>Rivierdijk-Midden</t>
  </si>
  <si>
    <t>2021BU06100306</t>
  </si>
  <si>
    <t>buurten.aacc0db5-9322-4849-8528-2d2f2c5eb332</t>
  </si>
  <si>
    <t>BU06100307</t>
  </si>
  <si>
    <t>Rivierdijk-Oost</t>
  </si>
  <si>
    <t>2021BU06100307</t>
  </si>
  <si>
    <t>buurten.5dbedfda-8114-44e8-8ae7-2e88167ddad9</t>
  </si>
  <si>
    <t>BU06100401</t>
  </si>
  <si>
    <t>Het Buitengebied</t>
  </si>
  <si>
    <t>WK061004</t>
  </si>
  <si>
    <t>2021BU06100401</t>
  </si>
  <si>
    <t>buurten.169f6611-dcff-4151-b5a7-62d8031db1b5</t>
  </si>
  <si>
    <t>PL0590010002</t>
  </si>
  <si>
    <t>BU06100402</t>
  </si>
  <si>
    <t>Bedrijventerrein De Driehoek</t>
  </si>
  <si>
    <t>2021BU06100402</t>
  </si>
  <si>
    <t>buurten.b08e7537-6f57-4ae8-9cf7-133664e80d5c</t>
  </si>
  <si>
    <t>BU06100403</t>
  </si>
  <si>
    <t>Bedrijventerrein Nijverwaard</t>
  </si>
  <si>
    <t>2021BU06100403</t>
  </si>
  <si>
    <t>buurten.d95678f8-621a-4eb8-9e36-0bbf13526c35</t>
  </si>
  <si>
    <t>BU06100404</t>
  </si>
  <si>
    <t>Bedrijventerrein Stationspark</t>
  </si>
  <si>
    <t>2021BU06100404</t>
  </si>
  <si>
    <t>buurten.45902601-25f4-41df-8fbc-15f78e614165</t>
  </si>
  <si>
    <t>BU06100405</t>
  </si>
  <si>
    <t>Sportpark</t>
  </si>
  <si>
    <t>2021BU06100405</t>
  </si>
  <si>
    <t>buurten.5422587c-e9b8-4f7d-a935-667cbe9ea9de</t>
  </si>
  <si>
    <t>BU06100406</t>
  </si>
  <si>
    <t>Bedrijventerrein Noordoost-Kwadrant</t>
  </si>
  <si>
    <t>2021BU06100406</t>
  </si>
  <si>
    <t>buurten.bd54a292-bd2b-470a-983a-b4770683ab7d</t>
  </si>
  <si>
    <t>BU06130101</t>
  </si>
  <si>
    <t>Valckesteyn</t>
  </si>
  <si>
    <t>WK061301</t>
  </si>
  <si>
    <t>2021BU06130101</t>
  </si>
  <si>
    <t>buurten.adffd5b4-7335-40f2-acd2-90f6000dcec6</t>
  </si>
  <si>
    <t>PL0613010002</t>
  </si>
  <si>
    <t>isolatie-aanpak Albrandswaard</t>
  </si>
  <si>
    <t>BU06130102</t>
  </si>
  <si>
    <t>Zwaardijk-Kruisdijk</t>
  </si>
  <si>
    <t>2021BU06130102</t>
  </si>
  <si>
    <t>buurten.631d66f2-d5fe-4075-88ab-c8a8b67b7813</t>
  </si>
  <si>
    <t>PL0613010003</t>
  </si>
  <si>
    <t>Poortugaal-Centrum en Landweg</t>
  </si>
  <si>
    <t>2024-2030</t>
  </si>
  <si>
    <t>havenwarmte kan worden ingezet</t>
  </si>
  <si>
    <t>390 weq verduurzamen</t>
  </si>
  <si>
    <t>warmterotonde (wellicht aansluiting)</t>
  </si>
  <si>
    <t>BU06130103</t>
  </si>
  <si>
    <t>Poortugaal</t>
  </si>
  <si>
    <t>2021BU06130103</t>
  </si>
  <si>
    <t>buurten.e8b8d73f-cb0f-47a3-8599-09eaad7893d5</t>
  </si>
  <si>
    <t>BU06130104</t>
  </si>
  <si>
    <t>Buitengebied Poortugaal</t>
  </si>
  <si>
    <t>2021BU06130104</t>
  </si>
  <si>
    <t>buurten.8f1cffd6-1b8c-4f8d-b981-46ccc7c87b93</t>
  </si>
  <si>
    <t>BU06130205</t>
  </si>
  <si>
    <t>Rhoon Noord</t>
  </si>
  <si>
    <t>WK061302</t>
  </si>
  <si>
    <t>2021BU06130205</t>
  </si>
  <si>
    <t>buurten.8f4d9242-b2a7-4b77-b247-9e3396c9ca65</t>
  </si>
  <si>
    <t>BU06130207</t>
  </si>
  <si>
    <t>Buitengebied Rhoon-Noord</t>
  </si>
  <si>
    <t>2021BU06130207</t>
  </si>
  <si>
    <t>buurten.a2b3f12a-9520-4339-be2f-8d2804462379</t>
  </si>
  <si>
    <t>BU06130308</t>
  </si>
  <si>
    <t>Beatrixstraat</t>
  </si>
  <si>
    <t>WK061303</t>
  </si>
  <si>
    <t>2021BU06130308</t>
  </si>
  <si>
    <t>buurten.c45404d4-7f62-41ef-8427-f72cb1c849c8</t>
  </si>
  <si>
    <t>BU06130309</t>
  </si>
  <si>
    <t>2021BU06130309</t>
  </si>
  <si>
    <t>buurten.28c17247-b1e8-4893-8f1f-1f4af87b103f</t>
  </si>
  <si>
    <t>BU06130310</t>
  </si>
  <si>
    <t>Poortugaal-Centrum</t>
  </si>
  <si>
    <t>2021BU06130310</t>
  </si>
  <si>
    <t>buurten.70e76441-258f-4992-be70-ab3a9f9749c2</t>
  </si>
  <si>
    <t>BU06130311</t>
  </si>
  <si>
    <t>Poortugaal Zuid</t>
  </si>
  <si>
    <t>2021BU06130311</t>
  </si>
  <si>
    <t>buurten.c3bd8a45-6de7-4454-ad0c-345045708e6f</t>
  </si>
  <si>
    <t>BU06130312</t>
  </si>
  <si>
    <t>Polder Albrandswaard</t>
  </si>
  <si>
    <t>2021BU06130312</t>
  </si>
  <si>
    <t>buurten.c1b47a17-f514-49a8-973b-16bb5ae205f1</t>
  </si>
  <si>
    <t>BU06130313</t>
  </si>
  <si>
    <t>Kijvelanden</t>
  </si>
  <si>
    <t>2021BU06130313</t>
  </si>
  <si>
    <t>buurten.820078cf-0e0b-4c79-8173-f5dc3b459657</t>
  </si>
  <si>
    <t>BU06130414</t>
  </si>
  <si>
    <t>Rhoon-Centrum</t>
  </si>
  <si>
    <t>WK061304</t>
  </si>
  <si>
    <t>2021BU06130414</t>
  </si>
  <si>
    <t>buurten.d2996eb1-d331-44c8-bf9b-018bcfbc1da0</t>
  </si>
  <si>
    <t>BU06130415</t>
  </si>
  <si>
    <t>Ghijseland</t>
  </si>
  <si>
    <t>2021BU06130415</t>
  </si>
  <si>
    <t>buurten.f7ffddf3-996d-4ed2-9b92-22d877ad2553</t>
  </si>
  <si>
    <t>BU06130416</t>
  </si>
  <si>
    <t>Overhoeken</t>
  </si>
  <si>
    <t>2021BU06130416</t>
  </si>
  <si>
    <t>buurten.6f8b6d2b-88a0-4d7a-858c-587cd82fb2e7</t>
  </si>
  <si>
    <t>BU06130417</t>
  </si>
  <si>
    <t>Park Rhoon</t>
  </si>
  <si>
    <t>2021BU06130417</t>
  </si>
  <si>
    <t>buurten.5ba620ac-922d-47f8-ae54-bdd84fecf15b</t>
  </si>
  <si>
    <t>BU06130418</t>
  </si>
  <si>
    <t>Rhoon-Zuidoost</t>
  </si>
  <si>
    <t>2021BU06130418</t>
  </si>
  <si>
    <t>buurten.f6da76b4-677f-4f95-a61a-75cfdf122d69</t>
  </si>
  <si>
    <t>BU06130419</t>
  </si>
  <si>
    <t>Tijsjesdijk</t>
  </si>
  <si>
    <t>2021BU06130419</t>
  </si>
  <si>
    <t>buurten.1660191b-3433-42ce-a242-62ebe9b657a1</t>
  </si>
  <si>
    <t>BU06130420</t>
  </si>
  <si>
    <t>Buitengebied Rhoon-Zuid</t>
  </si>
  <si>
    <t>2021BU06130420</t>
  </si>
  <si>
    <t>buurten.e3ae63be-26de-4806-8f11-75e59e189cca</t>
  </si>
  <si>
    <t>BU06130521</t>
  </si>
  <si>
    <t>Portland-Koedoodzone</t>
  </si>
  <si>
    <t>WK061305</t>
  </si>
  <si>
    <t>2021BU06130521</t>
  </si>
  <si>
    <t>buurten.b28c5387-5f65-4fb5-adf2-531af4f255e9</t>
  </si>
  <si>
    <t>BU06130522</t>
  </si>
  <si>
    <t>2021BU06130522</t>
  </si>
  <si>
    <t>buurten.6364f921-6b86-4f1d-a491-c27295190381</t>
  </si>
  <si>
    <t>BU06130623</t>
  </si>
  <si>
    <t>Driehoek</t>
  </si>
  <si>
    <t>WK061306</t>
  </si>
  <si>
    <t>2021BU06130623</t>
  </si>
  <si>
    <t>buurten.3458e13b-b4c6-42b9-99a0-b866d580d218</t>
  </si>
  <si>
    <t>BU06130624</t>
  </si>
  <si>
    <t>Portland-Centrum</t>
  </si>
  <si>
    <t>2021BU06130624</t>
  </si>
  <si>
    <t>buurten.6a685ab1-3919-472c-a7f8-62cd2a523648</t>
  </si>
  <si>
    <t>BU06130625</t>
  </si>
  <si>
    <t>Wijkpark Portland</t>
  </si>
  <si>
    <t>2021BU06130625</t>
  </si>
  <si>
    <t>buurten.cef2eda5-b068-47ca-8f0b-e83eb246087a</t>
  </si>
  <si>
    <t>BU06130626</t>
  </si>
  <si>
    <t>2021BU06130626</t>
  </si>
  <si>
    <t>buurten.e0f9688c-2e27-40e5-9a76-0370acd53a0d</t>
  </si>
  <si>
    <t>BU06130706</t>
  </si>
  <si>
    <t>WK061307</t>
  </si>
  <si>
    <t>2021BU06130706</t>
  </si>
  <si>
    <t>buurten.7498e95c-ffb4-4cb8-a855-2c0c0c1d131b</t>
  </si>
  <si>
    <t>BU06140000</t>
  </si>
  <si>
    <t>Rockanje</t>
  </si>
  <si>
    <t>WK061400</t>
  </si>
  <si>
    <t>2021BU06140000</t>
  </si>
  <si>
    <t>buurten.150eaf28-2daf-4b9a-aa1e-1b96e32ab9ad</t>
  </si>
  <si>
    <t>BU06140001</t>
  </si>
  <si>
    <t>Helhoek</t>
  </si>
  <si>
    <t>2021BU06140001</t>
  </si>
  <si>
    <t>buurten.d8049d43-0032-4c73-99e2-189ffa7f11d3</t>
  </si>
  <si>
    <t>BU06140002</t>
  </si>
  <si>
    <t>Strijpe</t>
  </si>
  <si>
    <t>2021BU06140002</t>
  </si>
  <si>
    <t>buurten.8fe80299-447e-4e1b-b492-74109eebf4b2</t>
  </si>
  <si>
    <t>BU06140003</t>
  </si>
  <si>
    <t>Stuifakker</t>
  </si>
  <si>
    <t>2021BU06140003</t>
  </si>
  <si>
    <t>buurten.cc1e3ccd-99bf-4e94-8c59-c86f0f5300c0</t>
  </si>
  <si>
    <t>BU06140004</t>
  </si>
  <si>
    <t>Zuidhoek</t>
  </si>
  <si>
    <t>2021BU06140004</t>
  </si>
  <si>
    <t>buurten.59ffecb5-7706-4f06-896a-5c184bd20159</t>
  </si>
  <si>
    <t>BU06140005</t>
  </si>
  <si>
    <t>Nieuw gebied</t>
  </si>
  <si>
    <t>2021BU06140005</t>
  </si>
  <si>
    <t>buurten.0ff07c73-5f5d-4f3e-aad5-b89ce71b2c4b</t>
  </si>
  <si>
    <t>BU06140009</t>
  </si>
  <si>
    <t>2021BU06140009</t>
  </si>
  <si>
    <t>buurten.a20a6ca5-bf05-411c-872f-0281f608804d</t>
  </si>
  <si>
    <t>BU06140100</t>
  </si>
  <si>
    <t>Oostvoorne</t>
  </si>
  <si>
    <t>WK061401</t>
  </si>
  <si>
    <t>2021BU06140100</t>
  </si>
  <si>
    <t>buurten.35c39339-9299-4497-8630-dc7e362f932c</t>
  </si>
  <si>
    <t>PL0501010005</t>
  </si>
  <si>
    <t>Goudhoek Westvoorne (buurt)</t>
  </si>
  <si>
    <t>BU06140101</t>
  </si>
  <si>
    <t>De Waranda</t>
  </si>
  <si>
    <t>2021BU06140101</t>
  </si>
  <si>
    <t>buurten.bec66e1e-156d-47bf-a82e-3dc30fe5409e</t>
  </si>
  <si>
    <t>BU06140102</t>
  </si>
  <si>
    <t>Kruiningergors</t>
  </si>
  <si>
    <t>2021BU06140102</t>
  </si>
  <si>
    <t>buurten.ccdca058-87bb-49ae-ac21-3a1b09456fe7</t>
  </si>
  <si>
    <t>BU06140103</t>
  </si>
  <si>
    <t>Tinte</t>
  </si>
  <si>
    <t>2021BU06140103</t>
  </si>
  <si>
    <t>buurten.76384868-0117-45f0-835a-b183c2928be1</t>
  </si>
  <si>
    <t>BU06140104</t>
  </si>
  <si>
    <t>Goudhoek</t>
  </si>
  <si>
    <t>2021BU06140104</t>
  </si>
  <si>
    <t>buurten.24d0dd32-5287-4de1-bd0a-232166556287</t>
  </si>
  <si>
    <t>BU06140105</t>
  </si>
  <si>
    <t>2021BU06140105</t>
  </si>
  <si>
    <t>buurten.36a4897a-2d6a-4dba-9db1-bb383474a29f</t>
  </si>
  <si>
    <t>BU06140106</t>
  </si>
  <si>
    <t>Duinoord</t>
  </si>
  <si>
    <t>2021BU06140106</t>
  </si>
  <si>
    <t>buurten.705c483f-053e-43cf-a188-b79f5ad103df</t>
  </si>
  <si>
    <t>BU06140108</t>
  </si>
  <si>
    <t>2021BU06140108</t>
  </si>
  <si>
    <t>buurten.b7a0fbaa-bbf0-4a2c-afef-51874efafb70</t>
  </si>
  <si>
    <t>BU06140109</t>
  </si>
  <si>
    <t>2021BU06140109</t>
  </si>
  <si>
    <t>buurten.a0f5a5dd-858a-4476-a7a7-08563f1fe7b7</t>
  </si>
  <si>
    <t>BU06220101</t>
  </si>
  <si>
    <t>WK062201</t>
  </si>
  <si>
    <t>2021BU06220101</t>
  </si>
  <si>
    <t>buurten.70d2509b-4f85-496e-810f-31920b0218b3</t>
  </si>
  <si>
    <t>BU06220102</t>
  </si>
  <si>
    <t>Vettenoordse Polder Oost</t>
  </si>
  <si>
    <t>2021BU06220102</t>
  </si>
  <si>
    <t>buurten.d1dfa6be-cdea-4fc1-8a22-6bed8296d414</t>
  </si>
  <si>
    <t>BU06220103</t>
  </si>
  <si>
    <t>2021BU06220103</t>
  </si>
  <si>
    <t>buurten.d81ac4f3-c4f4-4b9e-b8ad-64d6e81ea521</t>
  </si>
  <si>
    <t>BU06220104</t>
  </si>
  <si>
    <t>Hoogstad</t>
  </si>
  <si>
    <t>2021BU06220104</t>
  </si>
  <si>
    <t>buurten.344579fe-a55a-4f50-9435-6e1e1792d201</t>
  </si>
  <si>
    <t>BU06220201</t>
  </si>
  <si>
    <t>Hoogkamer</t>
  </si>
  <si>
    <t>WK062202</t>
  </si>
  <si>
    <t>2021BU06220201</t>
  </si>
  <si>
    <t>buurten.220fc791-c68f-464f-8209-dd7a80e12530</t>
  </si>
  <si>
    <t>BU06220202</t>
  </si>
  <si>
    <t>2021BU06220202</t>
  </si>
  <si>
    <t>buurten.e9fa47d6-5450-4529-a6eb-929707b6e6eb</t>
  </si>
  <si>
    <t>BU06220203</t>
  </si>
  <si>
    <t>Wetering</t>
  </si>
  <si>
    <t>2021BU06220203</t>
  </si>
  <si>
    <t>buurten.bde604d1-da01-4f9e-a402-9a3e4a30b6da</t>
  </si>
  <si>
    <t>BU06220204</t>
  </si>
  <si>
    <t>Lage Weide</t>
  </si>
  <si>
    <t>2021BU06220204</t>
  </si>
  <si>
    <t>buurten.ad333b93-d741-4ba5-89c4-de8ae5e7293d</t>
  </si>
  <si>
    <t>BU06220205</t>
  </si>
  <si>
    <t>Buitengebied Zuidbuurt</t>
  </si>
  <si>
    <t>2021BU06220205</t>
  </si>
  <si>
    <t>buurten.a37ca860-2c8b-40c8-b34e-67b2a560b135</t>
  </si>
  <si>
    <t>BU06220301</t>
  </si>
  <si>
    <t>De Vergulde Hand</t>
  </si>
  <si>
    <t>WK062203</t>
  </si>
  <si>
    <t>2021BU06220301</t>
  </si>
  <si>
    <t>buurten.a1d4bf48-390a-4dce-a5f3-d9181db0cc35</t>
  </si>
  <si>
    <t>BU06220302</t>
  </si>
  <si>
    <t>Lickebaert</t>
  </si>
  <si>
    <t>2021BU06220302</t>
  </si>
  <si>
    <t>buurten.6e725172-81e0-407e-acd1-f34819525c37</t>
  </si>
  <si>
    <t>BU06220303</t>
  </si>
  <si>
    <t>'t Scheur</t>
  </si>
  <si>
    <t>2021BU06220303</t>
  </si>
  <si>
    <t>buurten.45474c97-aa92-4a0e-b32a-a3fffe99fc97</t>
  </si>
  <si>
    <t>BU06220304</t>
  </si>
  <si>
    <t>Deltagebied</t>
  </si>
  <si>
    <t>2021BU06220304</t>
  </si>
  <si>
    <t>buurten.5f9b7d4a-9a8c-4a4e-a77f-e8faa23f0bb4</t>
  </si>
  <si>
    <t>BU06220305</t>
  </si>
  <si>
    <t>Park Zuidbuurt</t>
  </si>
  <si>
    <t>2021BU06220305</t>
  </si>
  <si>
    <t>buurten.4d5e0a29-21e2-4ce3-8530-57fd37cc39e5</t>
  </si>
  <si>
    <t>BU06220306</t>
  </si>
  <si>
    <t>Vettenoordse Polder West</t>
  </si>
  <si>
    <t>2021BU06220306</t>
  </si>
  <si>
    <t>buurten.1fcca893-03e1-4b7d-9892-2bed4efaf63d</t>
  </si>
  <si>
    <t>BU06220307</t>
  </si>
  <si>
    <t>2021BU06220307</t>
  </si>
  <si>
    <t>buurten.69bc029a-38fb-4abd-80f9-1fa4e57c2bc0</t>
  </si>
  <si>
    <t>BU06220401</t>
  </si>
  <si>
    <t>Hofbuurt</t>
  </si>
  <si>
    <t>WK062204</t>
  </si>
  <si>
    <t>2021BU06220401</t>
  </si>
  <si>
    <t>buurten.007ed310-6a0a-439c-8071-cb08e47d2777</t>
  </si>
  <si>
    <t>BU06220402</t>
  </si>
  <si>
    <t>Oostbuurt</t>
  </si>
  <si>
    <t>2021BU06220402</t>
  </si>
  <si>
    <t>buurten.800a6ee0-7ac0-4aa1-abd5-2d65ae8151da</t>
  </si>
  <si>
    <t>BU06220403</t>
  </si>
  <si>
    <t>Havengebied Oost</t>
  </si>
  <si>
    <t>2021BU06220403</t>
  </si>
  <si>
    <t>buurten.4617c680-3138-4ff2-8fca-29bca8dd70e7</t>
  </si>
  <si>
    <t>BU06220404</t>
  </si>
  <si>
    <t>Vijfsluizen</t>
  </si>
  <si>
    <t>2021BU06220404</t>
  </si>
  <si>
    <t>buurten.4e74084e-c05a-4b45-89e4-16a7970d7a10</t>
  </si>
  <si>
    <t>BU06220501</t>
  </si>
  <si>
    <t>Babberspolder Noord</t>
  </si>
  <si>
    <t>WK062205</t>
  </si>
  <si>
    <t>2021BU06220501</t>
  </si>
  <si>
    <t>buurten.4c0cab71-c775-4ce7-a82f-d04ad8c14038</t>
  </si>
  <si>
    <t>BU06220502</t>
  </si>
  <si>
    <t>2021BU06220502</t>
  </si>
  <si>
    <t>buurten.0ed78491-b9a1-4ab1-a232-b706fdd58f62</t>
  </si>
  <si>
    <t>BU06220503</t>
  </si>
  <si>
    <t>Babberspolder West</t>
  </si>
  <si>
    <t>2021BU06220503</t>
  </si>
  <si>
    <t>buurten.6a6f4c65-9eda-439f-b15d-7e9ab30ddbbd</t>
  </si>
  <si>
    <t>BU06220504</t>
  </si>
  <si>
    <t>Babberspolder Oost</t>
  </si>
  <si>
    <t>2021BU06220504</t>
  </si>
  <si>
    <t>buurten.f1c6adb2-71f8-4ec6-9ed4-1ad15254f0ef</t>
  </si>
  <si>
    <t>BU06220505</t>
  </si>
  <si>
    <t>'t Nieuwe Lant</t>
  </si>
  <si>
    <t>2021BU06220505</t>
  </si>
  <si>
    <t>buurten.0e62e0fd-cf1c-4b36-810a-84c467e9ccf5</t>
  </si>
  <si>
    <t>BU06220601</t>
  </si>
  <si>
    <t>Vaart Zuid</t>
  </si>
  <si>
    <t>WK062206</t>
  </si>
  <si>
    <t>2021BU06220601</t>
  </si>
  <si>
    <t>buurten.4a51d752-72b8-46e5-ae22-b1c6625f88f1</t>
  </si>
  <si>
    <t>BU06220602</t>
  </si>
  <si>
    <t>Statenbuurt</t>
  </si>
  <si>
    <t>2021BU06220602</t>
  </si>
  <si>
    <t>buurten.3e4d9cf0-180d-42b4-97c9-98ed3ac93aab</t>
  </si>
  <si>
    <t>BU06220603</t>
  </si>
  <si>
    <t>Loper Zuid</t>
  </si>
  <si>
    <t>2021BU06220603</t>
  </si>
  <si>
    <t>buurten.2412c69e-6d42-47b5-a482-a7e4f93ae2b9</t>
  </si>
  <si>
    <t>BU06220604</t>
  </si>
  <si>
    <t>2021BU06220604</t>
  </si>
  <si>
    <t>buurten.4a1b6db2-e85a-4f04-8ce3-b76917ba1482</t>
  </si>
  <si>
    <t>PL0622010001</t>
  </si>
  <si>
    <t>Hoofdstedenbuurt</t>
  </si>
  <si>
    <t>Warmtelinq wordt gerealiseerd</t>
  </si>
  <si>
    <t>opstellen en uitvoeren WUP (aardgasvrij 2034)</t>
  </si>
  <si>
    <t>MT-restwarmte (via WarmteLinq)</t>
  </si>
  <si>
    <t>MT warmte: bestaande warmtenet uitbreiden</t>
  </si>
  <si>
    <t>BU06220605</t>
  </si>
  <si>
    <t>Sportpark Holy</t>
  </si>
  <si>
    <t>2021BU06220605</t>
  </si>
  <si>
    <t>buurten.ac32b8d5-d1d5-46fd-8541-4248c6e1d4bb</t>
  </si>
  <si>
    <t>BU06220606</t>
  </si>
  <si>
    <t>2021BU06220606</t>
  </si>
  <si>
    <t>buurten.fa278409-fa24-4139-9e6d-3ea14e1e1e07</t>
  </si>
  <si>
    <t>BU06220701</t>
  </si>
  <si>
    <t>Drevenbuurt</t>
  </si>
  <si>
    <t>WK062207</t>
  </si>
  <si>
    <t>2021BU06220701</t>
  </si>
  <si>
    <t>buurten.1411f8da-b880-4215-9d4d-f2177e61022e</t>
  </si>
  <si>
    <t>PL0622010002</t>
  </si>
  <si>
    <t>BU06220702</t>
  </si>
  <si>
    <t>2021BU06220702</t>
  </si>
  <si>
    <t>buurten.396fce39-685f-43df-aeec-6bdcb67092be</t>
  </si>
  <si>
    <t>BU06220703</t>
  </si>
  <si>
    <t>Loper Noord</t>
  </si>
  <si>
    <t>2021BU06220703</t>
  </si>
  <si>
    <t>buurten.efa06783-fb4f-49bc-a18b-76aeeaa6c00a</t>
  </si>
  <si>
    <t>BU06220704</t>
  </si>
  <si>
    <t>2021BU06220704</t>
  </si>
  <si>
    <t>buurten.789bab4b-d8a0-4756-bdf4-8c089c8eddda</t>
  </si>
  <si>
    <t>BU06220705</t>
  </si>
  <si>
    <t>Park Holy Noord</t>
  </si>
  <si>
    <t>2021BU06220705</t>
  </si>
  <si>
    <t>buurten.6c7df773-a8fa-43cf-b421-35968b9742e1</t>
  </si>
  <si>
    <t>BU06220706</t>
  </si>
  <si>
    <t>2021BU06220706</t>
  </si>
  <si>
    <t>buurten.528c442c-882d-48e0-92f5-83638e356fba</t>
  </si>
  <si>
    <t>BU06220707</t>
  </si>
  <si>
    <t>Holierhoekse Polder</t>
  </si>
  <si>
    <t>2021BU06220707</t>
  </si>
  <si>
    <t>buurten.2c4dd79e-67ff-4da2-875b-8dd19475ef34</t>
  </si>
  <si>
    <t>BU06220708</t>
  </si>
  <si>
    <t>Vaart Noord</t>
  </si>
  <si>
    <t>2021BU06220708</t>
  </si>
  <si>
    <t>buurten.b52522c7-6165-4853-9a0e-7b0c7b9e347a</t>
  </si>
  <si>
    <t>BU06220801</t>
  </si>
  <si>
    <t>Broekpolder gebied</t>
  </si>
  <si>
    <t>WK062208</t>
  </si>
  <si>
    <t>2021BU06220801</t>
  </si>
  <si>
    <t>buurten.623843d1-c0f0-431b-b121-5df10f32bb12</t>
  </si>
  <si>
    <t>BU06260001</t>
  </si>
  <si>
    <t>WK062600</t>
  </si>
  <si>
    <t>2021BU06260001</t>
  </si>
  <si>
    <t>buurten.2f144514-6734-4bb9-ae21-c11a4cf1a7ef</t>
  </si>
  <si>
    <t>PL0626010002</t>
  </si>
  <si>
    <t>BU06260002</t>
  </si>
  <si>
    <t>2021BU06260002</t>
  </si>
  <si>
    <t>buurten.a9f39fe6-6619-493e-9c25-a0c398c79dd1</t>
  </si>
  <si>
    <t>PL0626010013</t>
  </si>
  <si>
    <t>Vlietwijk</t>
  </si>
  <si>
    <t>BU06260004</t>
  </si>
  <si>
    <t>Boschgeest</t>
  </si>
  <si>
    <t>2021BU06260004</t>
  </si>
  <si>
    <t>buurten.ee342cf9-5ee2-4819-b97d-c61afba557d3</t>
  </si>
  <si>
    <t>PL0626010003</t>
  </si>
  <si>
    <t>Starrenburg</t>
  </si>
  <si>
    <t>thermische energie uit drinkwater en eventueel groen gas</t>
  </si>
  <si>
    <t>LT warmte: restwarmte en/of aquathermie</t>
  </si>
  <si>
    <t>BU06260006</t>
  </si>
  <si>
    <t>2021BU06260006</t>
  </si>
  <si>
    <t>buurten.3ed66203-2c9b-45a9-b05a-9f469f843790</t>
  </si>
  <si>
    <t>PL0626010004</t>
  </si>
  <si>
    <t>LT warmte: restwarmte</t>
  </si>
  <si>
    <t>BU06260007</t>
  </si>
  <si>
    <t>2021BU06260007</t>
  </si>
  <si>
    <t>buurten.52fe3263-a017-4f36-a913-ef0baa9f544b</t>
  </si>
  <si>
    <t>BU06260008</t>
  </si>
  <si>
    <t>2021BU06260008</t>
  </si>
  <si>
    <t>buurten.6e8e34e8-23a9-430d-9e15-98599bf30a66</t>
  </si>
  <si>
    <t>BU06260009</t>
  </si>
  <si>
    <t>Dobbewijk</t>
  </si>
  <si>
    <t>2021BU06260009</t>
  </si>
  <si>
    <t>buurten.c4e00251-4824-4063-9197-88c0725e9242</t>
  </si>
  <si>
    <t>PL0626010007</t>
  </si>
  <si>
    <t>aquathermie (TEO) en/of groengas</t>
  </si>
  <si>
    <t>BU06260010</t>
  </si>
  <si>
    <t>2021BU06260010</t>
  </si>
  <si>
    <t>buurten.3c5cf3f0-90bb-4116-a71b-c18b0d3499d9</t>
  </si>
  <si>
    <t>BU06260011</t>
  </si>
  <si>
    <t>2021BU06260011</t>
  </si>
  <si>
    <t>buurten.7df8bed2-5d1e-4472-96fa-467802b146b2</t>
  </si>
  <si>
    <t>PL0626010012</t>
  </si>
  <si>
    <t>Nassauwijk</t>
  </si>
  <si>
    <t>LT-restwarmte</t>
  </si>
  <si>
    <t>BU06260012</t>
  </si>
  <si>
    <t>2021BU06260012</t>
  </si>
  <si>
    <t>buurten.75643d80-afde-439d-b74d-c4caed2d6b37</t>
  </si>
  <si>
    <t>BU06260013</t>
  </si>
  <si>
    <t>Bloemenwijk</t>
  </si>
  <si>
    <t>2021BU06260013</t>
  </si>
  <si>
    <t>buurten.3b58d852-2992-42f4-bc17-bc3e7a24e76c</t>
  </si>
  <si>
    <t>BU06260014</t>
  </si>
  <si>
    <t>2021BU06260014</t>
  </si>
  <si>
    <t>buurten.6610dc67-857c-4505-9c2f-1a6773edbe58</t>
  </si>
  <si>
    <t>BU06270101</t>
  </si>
  <si>
    <t>Groenswaard 1</t>
  </si>
  <si>
    <t>WK062701</t>
  </si>
  <si>
    <t>2021BU06270101</t>
  </si>
  <si>
    <t>buurten.4ed6dbd8-db1f-4177-80c9-7c0d8745b48a</t>
  </si>
  <si>
    <t>PL0627010015</t>
  </si>
  <si>
    <t>Groenswaard 1 en 2 (west)</t>
  </si>
  <si>
    <t>In concept (voorbereidend). Voor deze buurten lijkt het mogelijk om op korte termijn de overstap naar aardgasvrij te maken. In de startbuurt starten we in de komende twee jaar met het opstellen van het eerste buurtuitvoeringsplan</t>
  </si>
  <si>
    <t>Deels aardgasvrij 2030</t>
  </si>
  <si>
    <t>BU06270102</t>
  </si>
  <si>
    <t>Groenswaard 2</t>
  </si>
  <si>
    <t>2021BU06270102</t>
  </si>
  <si>
    <t>buurten.07df47cc-3d49-4477-96ce-03495ab3ffb8</t>
  </si>
  <si>
    <t>BU06270103</t>
  </si>
  <si>
    <t>Groenswaard 3</t>
  </si>
  <si>
    <t>2021BU06270103</t>
  </si>
  <si>
    <t>buurten.b3ce02ec-003e-4b3f-b033-e07921808d1b</t>
  </si>
  <si>
    <t>BU06270104</t>
  </si>
  <si>
    <t>Peter Zuidlaan en Horstenbuurt</t>
  </si>
  <si>
    <t>2021BU06270104</t>
  </si>
  <si>
    <t>buurten.ce82228b-438f-4e4f-adca-d87d706b4409</t>
  </si>
  <si>
    <t>BU06270105</t>
  </si>
  <si>
    <t>West 1</t>
  </si>
  <si>
    <t>2021BU06270105</t>
  </si>
  <si>
    <t>buurten.25c9e307-b749-4d2b-a734-75e3fea8cd3a</t>
  </si>
  <si>
    <t>BU06270106</t>
  </si>
  <si>
    <t>2021BU06270106</t>
  </si>
  <si>
    <t>buurten.fabd0602-e5f9-4c58-8b44-395994f43687</t>
  </si>
  <si>
    <t>PL0627010019</t>
  </si>
  <si>
    <t>Zuidplas 80 (noord-oost)</t>
  </si>
  <si>
    <t>2020-2025</t>
  </si>
  <si>
    <t>In concept (afwachtend). In de gearceerde gebieden hangt het tempo samen met de kans om aan te sluiten op eenwarmtenet. Als een collectieve oplossing (warmtenet) de meest aantrekkelijke oplossing blijkt, dan gaan de buurten op middellange termijn van het</t>
  </si>
  <si>
    <t>BU06270202</t>
  </si>
  <si>
    <t>Zuidplas 80</t>
  </si>
  <si>
    <t>WK062702</t>
  </si>
  <si>
    <t>2021BU06270202</t>
  </si>
  <si>
    <t>buurten.d023ca7b-2728-4801-ab9e-d8b621630ffe</t>
  </si>
  <si>
    <t>Zuidplas 80 (zuid-oost)</t>
  </si>
  <si>
    <t>BU06270203</t>
  </si>
  <si>
    <t>Zuidplas 90</t>
  </si>
  <si>
    <t>2021BU06270203</t>
  </si>
  <si>
    <t>buurten.f70f2049-9334-4b0a-a3e2-dc73644580e9</t>
  </si>
  <si>
    <t>PL0627010016</t>
  </si>
  <si>
    <t>BU06270204</t>
  </si>
  <si>
    <t>Triangel</t>
  </si>
  <si>
    <t>2021BU06270204</t>
  </si>
  <si>
    <t>buurten.e73ede0a-de52-453c-b862-2ca0007a728e</t>
  </si>
  <si>
    <t>Bedrijventerrein Mercuriusweg</t>
  </si>
  <si>
    <t>In concept (verkennend). In deze buurten bestaan kansen of ontwikkelingen voor de middellange termijn, waar de gemeente op tijd op wil inspelen. Het kan bijvoorbeeld gaan om onderhoud aan aardgasleidingen, renovaties door de woningbouwcorporatie (Woonpar</t>
  </si>
  <si>
    <t>BU06270205</t>
  </si>
  <si>
    <t>West 2</t>
  </si>
  <si>
    <t>2021BU06270205</t>
  </si>
  <si>
    <t>buurten.9bb9847c-7644-479e-a086-e01a90eef6f6</t>
  </si>
  <si>
    <t>BU06270301</t>
  </si>
  <si>
    <t>Oranjewijk Zuid</t>
  </si>
  <si>
    <t>WK062703</t>
  </si>
  <si>
    <t>2021BU06270301</t>
  </si>
  <si>
    <t>buurten.696c95e4-01ce-45b0-b24f-7f442b501cb5</t>
  </si>
  <si>
    <t>PL0627010020</t>
  </si>
  <si>
    <t>BU06270302</t>
  </si>
  <si>
    <t>Oranjewijk Noord</t>
  </si>
  <si>
    <t>2021BU06270302</t>
  </si>
  <si>
    <t>buurten.f0132b19-a17f-4115-b2fa-c661a9a1c2e5</t>
  </si>
  <si>
    <t>PL0627010012</t>
  </si>
  <si>
    <t>BU06270303</t>
  </si>
  <si>
    <t>Vondelwijk</t>
  </si>
  <si>
    <t>2021BU06270303</t>
  </si>
  <si>
    <t>buurten.9477ba63-e2aa-4aee-a572-41b9690b4dc0</t>
  </si>
  <si>
    <t>BU06270304</t>
  </si>
  <si>
    <t>Noordkade</t>
  </si>
  <si>
    <t>2021BU06270304</t>
  </si>
  <si>
    <t>buurten.d2e8416c-f097-45b3-ae23-58500565dcea</t>
  </si>
  <si>
    <t>BU06270401</t>
  </si>
  <si>
    <t>WK062704</t>
  </si>
  <si>
    <t>2021BU06270401</t>
  </si>
  <si>
    <t>buurten.d3d1a762-a60c-49e2-b30e-2b431d48881e</t>
  </si>
  <si>
    <t>BU06270402</t>
  </si>
  <si>
    <t>Oostpolderwijk</t>
  </si>
  <si>
    <t>2021BU06270402</t>
  </si>
  <si>
    <t>buurten.eecb0b2f-ac08-49e1-83ce-4b0b33a5a314</t>
  </si>
  <si>
    <t>PL0627010011</t>
  </si>
  <si>
    <t>PL0627010017</t>
  </si>
  <si>
    <t>Oostpolderwijk, GouwPlein (Centrum), Coenecoop lll en Mercuriusweg</t>
  </si>
  <si>
    <t>BU06270403</t>
  </si>
  <si>
    <t>2021BU06270403</t>
  </si>
  <si>
    <t>buurten.aa7bfc57-1217-4b07-9ce3-b252153c8f78</t>
  </si>
  <si>
    <t>BU06270404</t>
  </si>
  <si>
    <t>2021BU06270404</t>
  </si>
  <si>
    <t>buurten.bb00eb3c-e586-44a0-b274-6aa0668743c0</t>
  </si>
  <si>
    <t>BU06270405</t>
  </si>
  <si>
    <t>Coenecoop</t>
  </si>
  <si>
    <t>2021BU06270405</t>
  </si>
  <si>
    <t>buurten.ee18de0c-5049-4db6-8124-bf7cd8a58b69</t>
  </si>
  <si>
    <t>Park Triangel</t>
  </si>
  <si>
    <t>BU06270406</t>
  </si>
  <si>
    <t>'t Weegje</t>
  </si>
  <si>
    <t>2021BU06270406</t>
  </si>
  <si>
    <t>buurten.60e34e17-39f0-4b77-9d04-00bbc43b2943</t>
  </si>
  <si>
    <t>BU06270407</t>
  </si>
  <si>
    <t>2021BU06270407</t>
  </si>
  <si>
    <t>buurten.f3c51479-6488-4976-84b1-7ad14aae550f</t>
  </si>
  <si>
    <t>BU06270408</t>
  </si>
  <si>
    <t>2021BU06270408</t>
  </si>
  <si>
    <t>buurten.c69acf92-4b53-4db2-8332-f32466a0442f</t>
  </si>
  <si>
    <t>BU06290000</t>
  </si>
  <si>
    <t>Drie Papegaaien</t>
  </si>
  <si>
    <t>WK062900</t>
  </si>
  <si>
    <t>2021BU06290000</t>
  </si>
  <si>
    <t>buurten.d313136d-85b8-464f-a2a0-6c4654050dfc</t>
  </si>
  <si>
    <t>BU06290001</t>
  </si>
  <si>
    <t>Oud-Wassenaar</t>
  </si>
  <si>
    <t>2021BU06290001</t>
  </si>
  <si>
    <t>buurten.ea673d4e-ed2e-41b0-a118-0083682e2e7f</t>
  </si>
  <si>
    <t>Wassenaar Kerkehout en Klingen-bosch</t>
  </si>
  <si>
    <t>BU06290002</t>
  </si>
  <si>
    <t>Nieuw-Wassenaar</t>
  </si>
  <si>
    <t>2021BU06290002</t>
  </si>
  <si>
    <t>buurten.243d3020-b8af-4c65-95f5-c9d7e013916a</t>
  </si>
  <si>
    <t>PL0629010004</t>
  </si>
  <si>
    <t>BU06290003</t>
  </si>
  <si>
    <t>Duindigt met Groenendaal</t>
  </si>
  <si>
    <t>2021BU06290003</t>
  </si>
  <si>
    <t>buurten.5958dcb0-55da-447c-a3cd-06ae939c5efc</t>
  </si>
  <si>
    <t>BU06290004</t>
  </si>
  <si>
    <t>Oud-Clingendaal</t>
  </si>
  <si>
    <t>2021BU06290004</t>
  </si>
  <si>
    <t>buurten.e563adec-0405-4678-9418-3d1dc294074b</t>
  </si>
  <si>
    <t>BU06290005</t>
  </si>
  <si>
    <t>De Kieviet</t>
  </si>
  <si>
    <t>2021BU06290005</t>
  </si>
  <si>
    <t>buurten.ec1a0d58-36e7-481b-8d46-7ef5906c2b58</t>
  </si>
  <si>
    <t>BU06290006</t>
  </si>
  <si>
    <t>Kerkehout</t>
  </si>
  <si>
    <t>2021BU06290006</t>
  </si>
  <si>
    <t>buurten.ad636d41-df02-453d-87f0-bce33ab1e3f2</t>
  </si>
  <si>
    <t>BU06290007</t>
  </si>
  <si>
    <t>Klingenbosch</t>
  </si>
  <si>
    <t>2021BU06290007</t>
  </si>
  <si>
    <t>buurten.e5fab346-3952-4d0c-bb93-b6a4a71e0800</t>
  </si>
  <si>
    <t>BU06290008</t>
  </si>
  <si>
    <t>Verspreide huizen Eikenhorst</t>
  </si>
  <si>
    <t>2021BU06290008</t>
  </si>
  <si>
    <t>buurten.68b01a13-a295-47ab-b36d-046624e5f2d9</t>
  </si>
  <si>
    <t>BU06290009</t>
  </si>
  <si>
    <t>Verspreide huizen Meijendel</t>
  </si>
  <si>
    <t>2021BU06290009</t>
  </si>
  <si>
    <t>buurten.240ec712-4f13-4165-b16b-9a0bf60a2008</t>
  </si>
  <si>
    <t>BU06290100</t>
  </si>
  <si>
    <t>De Paauw</t>
  </si>
  <si>
    <t>WK062901</t>
  </si>
  <si>
    <t>2021BU06290100</t>
  </si>
  <si>
    <t>buurten.93660e08-9bb2-40e8-a2db-96dada4d35d4</t>
  </si>
  <si>
    <t>PL0629010001</t>
  </si>
  <si>
    <t>BU06290101</t>
  </si>
  <si>
    <t>Dorp Wassenaar</t>
  </si>
  <si>
    <t>2021BU06290101</t>
  </si>
  <si>
    <t>buurten.654dd369-2c56-419a-b839-ddbd08902656</t>
  </si>
  <si>
    <t>Wassenaar Noord (Zijlwatering en haven; Groot Deijleroord en Ter Weer; Weteringpark; Oostdorp)</t>
  </si>
  <si>
    <t>Wassenaar centrum (Dorp Wassenaar; Den Deijl; De Paauw)</t>
  </si>
  <si>
    <t>BU06290102</t>
  </si>
  <si>
    <t>Oostdorp</t>
  </si>
  <si>
    <t>2021BU06290102</t>
  </si>
  <si>
    <t>buurten.5c56d3bd-0180-4b67-8e8d-510193a12ed6</t>
  </si>
  <si>
    <t>BU06290103</t>
  </si>
  <si>
    <t>Zijlwatering en haven</t>
  </si>
  <si>
    <t>2021BU06290103</t>
  </si>
  <si>
    <t>buurten.d87bb318-aff6-4502-a798-1f5c2c9e90f2</t>
  </si>
  <si>
    <t>PL0629010002</t>
  </si>
  <si>
    <t>BU06290104</t>
  </si>
  <si>
    <t>De Deijl</t>
  </si>
  <si>
    <t>2021BU06290104</t>
  </si>
  <si>
    <t>buurten.969850e2-672d-4e16-aaaa-ad5eca6e1d0e</t>
  </si>
  <si>
    <t>BU06290105</t>
  </si>
  <si>
    <t>Groot Deijleroord en Ter Weer</t>
  </si>
  <si>
    <t>2021BU06290105</t>
  </si>
  <si>
    <t>buurten.345cf1d8-8946-4ddb-b38b-3ac745a34682</t>
  </si>
  <si>
    <t>BU06290106</t>
  </si>
  <si>
    <t>Rijksdorp met De Pan</t>
  </si>
  <si>
    <t>2021BU06290106</t>
  </si>
  <si>
    <t>buurten.c652b1fb-a58a-4880-a65d-058f9edb745f</t>
  </si>
  <si>
    <t>BU06290107</t>
  </si>
  <si>
    <t>Maaldrift</t>
  </si>
  <si>
    <t>2021BU06290107</t>
  </si>
  <si>
    <t>buurten.7428fe36-bec4-4927-9f09-d52576c38b8d</t>
  </si>
  <si>
    <t>BU06290108</t>
  </si>
  <si>
    <t>Verspreide huizen Raaphorst en in poldergebied</t>
  </si>
  <si>
    <t>2021BU06290108</t>
  </si>
  <si>
    <t>buurten.46bbd601-aa21-49f1-bc6b-4c7ffb22a024</t>
  </si>
  <si>
    <t>BU06290109</t>
  </si>
  <si>
    <t>Verspreide huizen Duinrell Wassenaarse Slag</t>
  </si>
  <si>
    <t>2021BU06290109</t>
  </si>
  <si>
    <t>buurten.ce5a5496-7df7-4abd-9494-6e7e22d024ec</t>
  </si>
  <si>
    <t>BU06290110</t>
  </si>
  <si>
    <t>2021BU06290110</t>
  </si>
  <si>
    <t>buurten.21ebbd08-124a-443a-8a43-cde1b772baae</t>
  </si>
  <si>
    <t>BU06320101</t>
  </si>
  <si>
    <t>WK063201</t>
  </si>
  <si>
    <t>GM0632</t>
  </si>
  <si>
    <t>Woerden</t>
  </si>
  <si>
    <t>2021BU06320101</t>
  </si>
  <si>
    <t>buurten.535b0b6c-9e48-4336-ac4d-a51b8d9f3df5</t>
  </si>
  <si>
    <t>DC063201</t>
  </si>
  <si>
    <t>Concept Warmtevisie voor reactieronde</t>
  </si>
  <si>
    <t>2022-10-05</t>
  </si>
  <si>
    <t>geven van een toekomsstperspectief aan bewoners, ondernemers, ambtenaren en andere betrokkenen</t>
  </si>
  <si>
    <t>1/5 van de woningen voor 2030 goed geisoleerd</t>
  </si>
  <si>
    <t>https://www.woerden.nl/inwoners/van-energie-besparen-naar-aardgasvrij-1</t>
  </si>
  <si>
    <t>PL0632010003</t>
  </si>
  <si>
    <t>PL0632010008</t>
  </si>
  <si>
    <t>Bomen en Bloemenbuurt</t>
  </si>
  <si>
    <t>de woningen worden of zijn eerst voldoende geisoleerd</t>
  </si>
  <si>
    <t>analyseren van alternatieven van aardgas</t>
  </si>
  <si>
    <t>aquathermie en/of geothermie en/of WKO</t>
  </si>
  <si>
    <t>aquathermie, geothermie, WKO</t>
  </si>
  <si>
    <t>BU06320102</t>
  </si>
  <si>
    <t>Bloemen- en Bomenkwartier</t>
  </si>
  <si>
    <t>2021BU06320102</t>
  </si>
  <si>
    <t>buurten.f4fc91eb-e8ae-435b-a6a4-68ffe37022fe</t>
  </si>
  <si>
    <t>PL0632010004</t>
  </si>
  <si>
    <t>BU06320103</t>
  </si>
  <si>
    <t>Bedrijventerrein Honthorst</t>
  </si>
  <si>
    <t>2021BU06320103</t>
  </si>
  <si>
    <t>buurten.77675b49-bd0c-4821-b9f7-0f6fd7acaa44</t>
  </si>
  <si>
    <t>PL0632010005</t>
  </si>
  <si>
    <t>BU06320104</t>
  </si>
  <si>
    <t>2021BU06320104</t>
  </si>
  <si>
    <t>buurten.0cd332ca-c2fe-41e9-8a4a-80cc7a9b97ab</t>
  </si>
  <si>
    <t>PL0632010009</t>
  </si>
  <si>
    <t>Snel en Polanen</t>
  </si>
  <si>
    <t>aquathermie en/of restwarmte</t>
  </si>
  <si>
    <t>BU06320105</t>
  </si>
  <si>
    <t>2021BU06320105</t>
  </si>
  <si>
    <t>buurten.5643f7c3-c654-485e-b310-1f94c3e1ed49</t>
  </si>
  <si>
    <t>BU06320106</t>
  </si>
  <si>
    <t>2021BU06320106</t>
  </si>
  <si>
    <t>buurten.1afa6cb3-4469-46d5-afe8-84bc234bd594</t>
  </si>
  <si>
    <t>BU06320201</t>
  </si>
  <si>
    <t>Bedrijventerrein Barwoutswaarder</t>
  </si>
  <si>
    <t>WK063202</t>
  </si>
  <si>
    <t>2021BU06320201</t>
  </si>
  <si>
    <t>buurten.24d833b3-c177-4dc6-9fd2-241facbae91a</t>
  </si>
  <si>
    <t>BU06320202</t>
  </si>
  <si>
    <t>Molenvliet-West</t>
  </si>
  <si>
    <t>2021BU06320202</t>
  </si>
  <si>
    <t>buurten.ca010b78-3521-4c85-ab54-24464f46f6f8</t>
  </si>
  <si>
    <t>PL0632010006</t>
  </si>
  <si>
    <t>BU06320203</t>
  </si>
  <si>
    <t>Molenvliet-Oost</t>
  </si>
  <si>
    <t>2021BU06320203</t>
  </si>
  <si>
    <t>buurten.9d6ebf26-c77b-4236-ac85-c2a1c975506a</t>
  </si>
  <si>
    <t>BU06320204</t>
  </si>
  <si>
    <t>Kromwijk</t>
  </si>
  <si>
    <t>2021BU06320204</t>
  </si>
  <si>
    <t>buurten.bc34e417-04f4-4626-b26c-8c9f6bcc9e73</t>
  </si>
  <si>
    <t>BU06320301</t>
  </si>
  <si>
    <t>Middelland-Noord</t>
  </si>
  <si>
    <t>WK063203</t>
  </si>
  <si>
    <t>2021BU06320301</t>
  </si>
  <si>
    <t>buurten.579a0cf3-c2ee-4860-9d81-f54436085fd5</t>
  </si>
  <si>
    <t>PL0632010007</t>
  </si>
  <si>
    <t>BU06320302</t>
  </si>
  <si>
    <t>Middelland-Zuid</t>
  </si>
  <si>
    <t>2021BU06320302</t>
  </si>
  <si>
    <t>buurten.08c5aca6-a7b8-4948-8282-12cb9dae5787</t>
  </si>
  <si>
    <t>BU06320303</t>
  </si>
  <si>
    <t>2021BU06320303</t>
  </si>
  <si>
    <t>buurten.c119ef36-2960-44e6-b4ff-51cd3e639032</t>
  </si>
  <si>
    <t>BU06320304</t>
  </si>
  <si>
    <t>Bedrijventerrein Polanen</t>
  </si>
  <si>
    <t>2021BU06320304</t>
  </si>
  <si>
    <t>buurten.8d0f08cb-e8f6-419a-be7f-4c966db8c5f7</t>
  </si>
  <si>
    <t>BU06320305</t>
  </si>
  <si>
    <t>2021BU06320305</t>
  </si>
  <si>
    <t>buurten.6fcf2b7c-6758-4628-a110-c15b88adf0c3</t>
  </si>
  <si>
    <t>BU06320401</t>
  </si>
  <si>
    <t>Rietveld</t>
  </si>
  <si>
    <t>WK063204</t>
  </si>
  <si>
    <t>2021BU06320401</t>
  </si>
  <si>
    <t>buurten.ae5b035d-4bef-44a3-a4d0-bbebe47d2f60</t>
  </si>
  <si>
    <t>BU06320402</t>
  </si>
  <si>
    <t>Barwoutswaarder</t>
  </si>
  <si>
    <t>2021BU06320402</t>
  </si>
  <si>
    <t>buurten.52166c25-7ece-4462-977b-d62baa6fee1a</t>
  </si>
  <si>
    <t>BU06320501</t>
  </si>
  <si>
    <t>Geestdorp</t>
  </si>
  <si>
    <t>WK063205</t>
  </si>
  <si>
    <t>2021BU06320501</t>
  </si>
  <si>
    <t>buurten.ed842572-0c66-4bac-8b44-c2c59aab3959</t>
  </si>
  <si>
    <t>BU06320502</t>
  </si>
  <si>
    <t>Breeveld</t>
  </si>
  <si>
    <t>2021BU06320502</t>
  </si>
  <si>
    <t>buurten.713c8ef9-227b-4cec-ad40-2b45480f86bb</t>
  </si>
  <si>
    <t>BU06320503</t>
  </si>
  <si>
    <t>2021BU06320503</t>
  </si>
  <si>
    <t>buurten.92116383-b3ba-41cd-97ae-66574c99a4ef</t>
  </si>
  <si>
    <t>BU06320601</t>
  </si>
  <si>
    <t>Harmelen-Noord (dorp)</t>
  </si>
  <si>
    <t>WK063206</t>
  </si>
  <si>
    <t>2021BU06320601</t>
  </si>
  <si>
    <t>buurten.0c126d6b-5e4d-4c92-b745-555f4aa0fe0c</t>
  </si>
  <si>
    <t>PL0632010001</t>
  </si>
  <si>
    <t>Harmelen</t>
  </si>
  <si>
    <t>BU06320602</t>
  </si>
  <si>
    <t>Harmelen-Zuid (dorp)</t>
  </si>
  <si>
    <t>2021BU06320602</t>
  </si>
  <si>
    <t>buurten.8bd06ea3-5e70-4915-97c7-cfc5c1805f74</t>
  </si>
  <si>
    <t>BU06320603</t>
  </si>
  <si>
    <t>Putkop</t>
  </si>
  <si>
    <t>2021BU06320603</t>
  </si>
  <si>
    <t>buurten.455305e2-e745-4630-b8ff-af71130471e8</t>
  </si>
  <si>
    <t>BU06320604</t>
  </si>
  <si>
    <t>Buitengebied Harmelen</t>
  </si>
  <si>
    <t>2021BU06320604</t>
  </si>
  <si>
    <t>buurten.d4b6c159-70ca-4331-bad2-205a0bd6bfdf</t>
  </si>
  <si>
    <t>BU06320605</t>
  </si>
  <si>
    <t>Reijerscop</t>
  </si>
  <si>
    <t>2021BU06320605</t>
  </si>
  <si>
    <t>buurten.2aac1426-a0ca-4964-8623-db1ca290662a</t>
  </si>
  <si>
    <t>BU06320606</t>
  </si>
  <si>
    <t>Gerverscop</t>
  </si>
  <si>
    <t>2021BU06320606</t>
  </si>
  <si>
    <t>buurten.83a4866b-6068-4609-a1c6-fe55bf12bccf</t>
  </si>
  <si>
    <t>BU06320701</t>
  </si>
  <si>
    <t>Kamerik (dorp)</t>
  </si>
  <si>
    <t>WK063207</t>
  </si>
  <si>
    <t>2021BU06320701</t>
  </si>
  <si>
    <t>buurten.475af8c1-3450-45f9-ab47-dbde7a2b4435</t>
  </si>
  <si>
    <t>PL0632010002</t>
  </si>
  <si>
    <t>Kleine dorpen</t>
  </si>
  <si>
    <t>BU06320702</t>
  </si>
  <si>
    <t>Kanis</t>
  </si>
  <si>
    <t>2021BU06320702</t>
  </si>
  <si>
    <t>buurten.49f6fdda-d7a3-4b47-92bc-54d5a990d369</t>
  </si>
  <si>
    <t>BU06320703</t>
  </si>
  <si>
    <t>Buitengebied Kamerik</t>
  </si>
  <si>
    <t>2021BU06320703</t>
  </si>
  <si>
    <t>buurten.69f999c8-00b9-4815-b5e8-4b3429464d33</t>
  </si>
  <si>
    <t>BU06320801</t>
  </si>
  <si>
    <t>Zegveld (dorp)</t>
  </si>
  <si>
    <t>WK063208</t>
  </si>
  <si>
    <t>2021BU06320801</t>
  </si>
  <si>
    <t>buurten.3194efc5-0d42-4eec-a85b-cddfcd019586</t>
  </si>
  <si>
    <t>BU06320802</t>
  </si>
  <si>
    <t>Buitengebied Zegveld</t>
  </si>
  <si>
    <t>2021BU06320802</t>
  </si>
  <si>
    <t>buurten.77809afc-2f11-454c-91a5-92791f4d9ed5</t>
  </si>
  <si>
    <t>BU06370001</t>
  </si>
  <si>
    <t>WK063700</t>
  </si>
  <si>
    <t>GM0637</t>
  </si>
  <si>
    <t>Zoetermeer</t>
  </si>
  <si>
    <t>2021BU06370001</t>
  </si>
  <si>
    <t>buurten.a38aa3ae-54a3-4885-881b-4eee3193a8c0</t>
  </si>
  <si>
    <t>BU06370002</t>
  </si>
  <si>
    <t>2021BU06370002</t>
  </si>
  <si>
    <t>buurten.aed37027-7371-4f37-bba2-6255dfbf5ab1</t>
  </si>
  <si>
    <t>DC063701</t>
  </si>
  <si>
    <t>Warmtevisie Zoetermeer, Transitievisie Warmte</t>
  </si>
  <si>
    <t>[p. 52-53] Uitvoeringscapaciteit: Ambtelijke en bestuurlijke capaciteit, Opleiden van technici, Betaalbaarheid: Om de transitie betaalbaar te maken, zijn er in de meeste buurten aanvullende subsidies, kostenverlagingen en nieuwe financieringsmogelijkhede</t>
  </si>
  <si>
    <t>(p. 36) Onder het motto alleen ga je sneller, maar samen kom je verder, volgt de aanpak twee sporen: initiatiefgericht waar een individuele warmteoplossing voor de hand ligt, en gebiedsgericht op plaatsten waar een collectieve warmteoplossing komt. Met d</t>
  </si>
  <si>
    <t>Aardgasvrij in 2040</t>
  </si>
  <si>
    <t>https://ris2.ibabs.eu/Agenda/Details/Zoetermeer/d0e30105-b987-4497-bdc0-d6fe5f589461</t>
  </si>
  <si>
    <t>PL0637010004</t>
  </si>
  <si>
    <t>Verkennend. Er is al een bodemenergieplan opgesteld. Een nadere verkenning is hier net als in de andere clusters zeer noodzakelijk.</t>
  </si>
  <si>
    <t>[p. 52-53]Uitvoeringscapaciteit: Ambtelijke en bestuurlijke capaciteit, Opleiden van techniciBetaalbaarheid: Om de transitie betaalbaar te maken, zijn er in de meeste buurten aanvullendesubsidies, kostenverlagingen en nieuwe financieringsmogelijkheden no</t>
  </si>
  <si>
    <t>hoogbouw op warmtenet, overige woningen individueel (nog niet bepaald)</t>
  </si>
  <si>
    <t>BU06370003</t>
  </si>
  <si>
    <t>Palenstein</t>
  </si>
  <si>
    <t>2021BU06370003</t>
  </si>
  <si>
    <t>buurten.7f966620-867e-455b-bc5e-d2195cb67c19</t>
  </si>
  <si>
    <t>DC063706</t>
  </si>
  <si>
    <t>Palenstein aardgasvrij; plan van aanpak 2018</t>
  </si>
  <si>
    <t>2018-05-01</t>
  </si>
  <si>
    <t>Uitgangspunten: Vrijwilligheid Gezamenlijkheid Gelijkwaardigheid Gelijkwaardigheid Betrokkenheid Transparantie Wederzijds voordeel Borging van inzet Voorwaarden: Uitvoeringscapaciteit : Ambtelijke en bestuurlijke capaciteit, Opleiden van technici Betaalb</t>
  </si>
  <si>
    <t>Doel van de samenwerking inPalenstein is te komen tot: Een gebiedsgericht Plan van Aanpakmet uitgewerkt energieconcept(en) enbusiness case (betaalbaarheid); Afspraken over de fasering van de uitvoering vanhet Plan van Aanpak; Plan van aanpak van de (gebi</t>
  </si>
  <si>
    <t>https://open.overheid.nl/repository/ronl-db8c56f1-ff95-4202-b363-fd949d331928/1/pdf/4%20Bijlage%202%20Uitvoeringsplan.pdf</t>
  </si>
  <si>
    <t>PL0637010001</t>
  </si>
  <si>
    <t>Uitvoering gestart in aantal clusters, verkenning in andere clusters</t>
  </si>
  <si>
    <t>Hoogbouw (&gt;4 bouwlagen) maximaal 75kwh/m2, Overig maximaal 50kwh/m2</t>
  </si>
  <si>
    <t>Afleverset (deels)</t>
  </si>
  <si>
    <t>BU06370004</t>
  </si>
  <si>
    <t>Driemanspolder</t>
  </si>
  <si>
    <t>2021BU06370004</t>
  </si>
  <si>
    <t>buurten.ecec87e6-2eb1-4a92-8176-5adc9e87955a</t>
  </si>
  <si>
    <t>DC063707</t>
  </si>
  <si>
    <t>Meerzicht &amp; Driemanspolder aardgasvrij; gezamenlijk energietransitieplan voor het vastgoed van gemeente en woningcorporaties 2020</t>
  </si>
  <si>
    <t>2019-12</t>
  </si>
  <si>
    <t>Uitgangspunten:VrijwilligheidGezamenlijkheidGelijkwaardigheidGelijkwaardigheidBetrokkenheidTransparantieWederzijds voordeelBorging van inzet</t>
  </si>
  <si>
    <t>Dit Energietransitieplan is het kader waarbinnenafzonderlijke projecten tot stand kunnen komen envervolgens nader uitgewerkt worden</t>
  </si>
  <si>
    <t>Gebouwen van gemeente en woningcorporaties aardgasvrij maken in 2040</t>
  </si>
  <si>
    <t>https://zoetermeer.bestuurlijkeinformatie.nl/Agenda/Index/d0e30105-b987-4497-bdc0-d6fe5f589461#8b9a25f3-8c3b-42e6-81af-17f87c144b58</t>
  </si>
  <si>
    <t>PL0637010003</t>
  </si>
  <si>
    <t>BU06370100</t>
  </si>
  <si>
    <t>Meerzicht-West</t>
  </si>
  <si>
    <t>WK063701</t>
  </si>
  <si>
    <t>2021BU06370100</t>
  </si>
  <si>
    <t>buurten.20a162b1-7303-4955-9089-6d12517bb6ec</t>
  </si>
  <si>
    <t>PL0637010002</t>
  </si>
  <si>
    <t>Meerzicht</t>
  </si>
  <si>
    <t>BU06370101</t>
  </si>
  <si>
    <t>Meerzicht-Oost</t>
  </si>
  <si>
    <t>2021BU06370101</t>
  </si>
  <si>
    <t>buurten.41593100-c854-4277-ad6d-2efa2bb8bd84</t>
  </si>
  <si>
    <t>BU06370200</t>
  </si>
  <si>
    <t>Buytenwegh</t>
  </si>
  <si>
    <t>WK063702</t>
  </si>
  <si>
    <t>2021BU06370200</t>
  </si>
  <si>
    <t>buurten.806027fd-edf3-4af6-8aeb-8e70e72f552a</t>
  </si>
  <si>
    <t>BU06370201</t>
  </si>
  <si>
    <t>De Leyens</t>
  </si>
  <si>
    <t>2021BU06370201</t>
  </si>
  <si>
    <t>buurten.204b5780-b915-4a45-a9f3-425b6d4c59c5</t>
  </si>
  <si>
    <t>BU06370300</t>
  </si>
  <si>
    <t>Seghwaert-Zuid-West</t>
  </si>
  <si>
    <t>WK063703</t>
  </si>
  <si>
    <t>2021BU06370300</t>
  </si>
  <si>
    <t>buurten.79169e5b-2c62-4f60-be87-80a98fb45c89</t>
  </si>
  <si>
    <t>BU06370301</t>
  </si>
  <si>
    <t>Seghwaert-Noord-Oost</t>
  </si>
  <si>
    <t>2021BU06370301</t>
  </si>
  <si>
    <t>buurten.119027b8-a65d-4eb1-95dc-1abb0682b357</t>
  </si>
  <si>
    <t>BU06370400</t>
  </si>
  <si>
    <t>Noordhove-West</t>
  </si>
  <si>
    <t>WK063704</t>
  </si>
  <si>
    <t>2021BU06370400</t>
  </si>
  <si>
    <t>buurten.cd51a005-8ae0-4e32-877e-f6202674371e</t>
  </si>
  <si>
    <t>BU06370401</t>
  </si>
  <si>
    <t>Noordhove-Oost</t>
  </si>
  <si>
    <t>2021BU06370401</t>
  </si>
  <si>
    <t>buurten.0a177aac-27f2-4878-a278-44a65972061d</t>
  </si>
  <si>
    <t>BU06370500</t>
  </si>
  <si>
    <t>Rokkeveen-West</t>
  </si>
  <si>
    <t>WK063705</t>
  </si>
  <si>
    <t>2021BU06370500</t>
  </si>
  <si>
    <t>buurten.3c53bc28-f0c5-4da7-a79e-f07ef4869d6c</t>
  </si>
  <si>
    <t>BU06370501</t>
  </si>
  <si>
    <t>Rokkeveen-Oost</t>
  </si>
  <si>
    <t>2021BU06370501</t>
  </si>
  <si>
    <t>buurten.99754aed-cd54-48dc-817a-25135c8fe2f3</t>
  </si>
  <si>
    <t>PL1621010003</t>
  </si>
  <si>
    <t>Starten na 2030</t>
  </si>
  <si>
    <t>BU06370600</t>
  </si>
  <si>
    <t>Oosterheem-Zuid-West</t>
  </si>
  <si>
    <t>WK063706</t>
  </si>
  <si>
    <t>2021BU06370600</t>
  </si>
  <si>
    <t>buurten.77a3f155-a9f8-4316-aeeb-b8f0b1d9e95d</t>
  </si>
  <si>
    <t>BU06370601</t>
  </si>
  <si>
    <t>Oosterheem-Noord-Oost</t>
  </si>
  <si>
    <t>2021BU06370601</t>
  </si>
  <si>
    <t>buurten.b3a66107-7387-4500-9dec-bbc7b6742e23</t>
  </si>
  <si>
    <t>BU06370800</t>
  </si>
  <si>
    <t>Rokkehage c.a.</t>
  </si>
  <si>
    <t>WK063708</t>
  </si>
  <si>
    <t>2021BU06370800</t>
  </si>
  <si>
    <t>buurten.c292889e-167e-4b9d-8aaf-3cd8ba8c71a0</t>
  </si>
  <si>
    <t>BU06370801</t>
  </si>
  <si>
    <t>Lansinghage c.a.</t>
  </si>
  <si>
    <t>2021BU06370801</t>
  </si>
  <si>
    <t>buurten.3608da68-79a8-4d82-ac43-14e5c98378f6</t>
  </si>
  <si>
    <t>BU06370802</t>
  </si>
  <si>
    <t>Zoeterhage c.a.</t>
  </si>
  <si>
    <t>2021BU06370802</t>
  </si>
  <si>
    <t>buurten.2c495924-22f8-49e1-b557-e29dbdc8ab6a</t>
  </si>
  <si>
    <t>BU06370803</t>
  </si>
  <si>
    <t>Hoornerhage c.a.</t>
  </si>
  <si>
    <t>2021BU06370803</t>
  </si>
  <si>
    <t>buurten.6e3dc78c-3468-4e60-b6e5-3478d9f84e1b</t>
  </si>
  <si>
    <t>BU06370902</t>
  </si>
  <si>
    <t>Balijbos</t>
  </si>
  <si>
    <t>WK063709</t>
  </si>
  <si>
    <t>2021BU06370902</t>
  </si>
  <si>
    <t>buurten.00da87c7-c9c4-49e2-aa0a-68c12750f96a</t>
  </si>
  <si>
    <t>BU06370903</t>
  </si>
  <si>
    <t>Westerpark c.a.</t>
  </si>
  <si>
    <t>2021BU06370903</t>
  </si>
  <si>
    <t>buurten.8e25029c-8181-4abc-83c8-d8db51a97829</t>
  </si>
  <si>
    <t>PL0518010024</t>
  </si>
  <si>
    <t>geothermie, glastuinbouw</t>
  </si>
  <si>
    <t>BU06370904</t>
  </si>
  <si>
    <t>Buitengebied-West</t>
  </si>
  <si>
    <t>2021BU06370904</t>
  </si>
  <si>
    <t>buurten.ec19b8b6-bde1-413c-8c37-9386e23d2a74</t>
  </si>
  <si>
    <t>Landelijk gebied Stompwijk</t>
  </si>
  <si>
    <t>BU06370905</t>
  </si>
  <si>
    <t>Meerpolder</t>
  </si>
  <si>
    <t>2021BU06370905</t>
  </si>
  <si>
    <t>buurten.2b7338df-5c99-462d-bc62-0ed73b9229f7</t>
  </si>
  <si>
    <t>BU06370906</t>
  </si>
  <si>
    <t>Scheidingszone</t>
  </si>
  <si>
    <t>2021BU06370906</t>
  </si>
  <si>
    <t>buurten.da914fa4-d720-4c1d-81a9-b7c43beffe8a</t>
  </si>
  <si>
    <t>BU06370907</t>
  </si>
  <si>
    <t>Van Tuyllpark</t>
  </si>
  <si>
    <t>2021BU06370907</t>
  </si>
  <si>
    <t>buurten.4f992d67-3c21-474e-8b01-df15e6779934</t>
  </si>
  <si>
    <t>BU06380001</t>
  </si>
  <si>
    <t>Westwout</t>
  </si>
  <si>
    <t>WK063800</t>
  </si>
  <si>
    <t>2021BU06380001</t>
  </si>
  <si>
    <t>buurten.dddc243b-2957-4bae-9d0e-a4f590b9ed9b</t>
  </si>
  <si>
    <t>PL0638010002</t>
  </si>
  <si>
    <t>BU06380002</t>
  </si>
  <si>
    <t>2021BU06380002</t>
  </si>
  <si>
    <t>buurten.3fd16250-0689-4878-95fd-c22bcd4c5d7c</t>
  </si>
  <si>
    <t>BU06380003</t>
  </si>
  <si>
    <t>Bloemenweide</t>
  </si>
  <si>
    <t>2021BU06380003</t>
  </si>
  <si>
    <t>buurten.22d3ed2b-1f49-4823-9a45-235483de731c</t>
  </si>
  <si>
    <t>BU06380004</t>
  </si>
  <si>
    <t>Blankaartpark</t>
  </si>
  <si>
    <t>2021BU06380004</t>
  </si>
  <si>
    <t>buurten.633bf4ca-5ee9-4971-a028-7364c621b2bd</t>
  </si>
  <si>
    <t>BU06380005</t>
  </si>
  <si>
    <t>Dorp Zuid</t>
  </si>
  <si>
    <t>2021BU06380005</t>
  </si>
  <si>
    <t>buurten.86b5d963-791a-4dc3-93c3-f54781e0a050</t>
  </si>
  <si>
    <t>BU06380006</t>
  </si>
  <si>
    <t>Dorpskern</t>
  </si>
  <si>
    <t>2021BU06380006</t>
  </si>
  <si>
    <t>buurten.5a3321cd-fcf5-4ca5-8a2c-1b3438167e19</t>
  </si>
  <si>
    <t>BU06380007</t>
  </si>
  <si>
    <t>Dorp Noord</t>
  </si>
  <si>
    <t>2021BU06380007</t>
  </si>
  <si>
    <t>buurten.2b3c6838-e048-42cc-abbe-bafb37603020</t>
  </si>
  <si>
    <t>BU06380101</t>
  </si>
  <si>
    <t>WK063801</t>
  </si>
  <si>
    <t>2021BU06380101</t>
  </si>
  <si>
    <t>buurten.65f955aa-5d42-43d8-baf9-3690ad372e6b</t>
  </si>
  <si>
    <t>BU06380202</t>
  </si>
  <si>
    <t>WK063802</t>
  </si>
  <si>
    <t>2021BU06380202</t>
  </si>
  <si>
    <t>buurten.fd25e994-4817-4c28-b100-4585824ef967</t>
  </si>
  <si>
    <t>BU06380303</t>
  </si>
  <si>
    <t>Weipoort</t>
  </si>
  <si>
    <t>WK063803</t>
  </si>
  <si>
    <t>2021BU06380303</t>
  </si>
  <si>
    <t>buurten.a9b71c11-230f-437d-9a39-b52038e674bf</t>
  </si>
  <si>
    <t>BU06380404</t>
  </si>
  <si>
    <t>Gelderswoude</t>
  </si>
  <si>
    <t>WK063804</t>
  </si>
  <si>
    <t>2021BU06380404</t>
  </si>
  <si>
    <t>buurten.8ed742e1-876a-4c09-85e4-0d91bffa313d</t>
  </si>
  <si>
    <t>BU06380909</t>
  </si>
  <si>
    <t>WK063809</t>
  </si>
  <si>
    <t>2021BU06380909</t>
  </si>
  <si>
    <t>buurten.fa9a2798-181e-4139-b92f-67cae46b6f14</t>
  </si>
  <si>
    <t>BU06381004</t>
  </si>
  <si>
    <t>Rijnegom</t>
  </si>
  <si>
    <t>WK063810</t>
  </si>
  <si>
    <t>2021BU06381004</t>
  </si>
  <si>
    <t>buurten.9d4a1e61-8d2d-417d-8534-7ddc84e6f569</t>
  </si>
  <si>
    <t>BU06381005</t>
  </si>
  <si>
    <t>Oosthoek</t>
  </si>
  <si>
    <t>2021BU06381005</t>
  </si>
  <si>
    <t>buurten.9583f429-f334-4a3d-916a-874e33616112</t>
  </si>
  <si>
    <t>BU06381006</t>
  </si>
  <si>
    <t>2021BU06381006</t>
  </si>
  <si>
    <t>buurten.197f0bb8-d88e-4e46-bfc9-d4d7e9674053</t>
  </si>
  <si>
    <t>BU06381007</t>
  </si>
  <si>
    <t>De Goede Herder</t>
  </si>
  <si>
    <t>2021BU06381007</t>
  </si>
  <si>
    <t>buurten.deb79117-3754-4152-9fc0-2b4153ac14ba</t>
  </si>
  <si>
    <t>BU06381010</t>
  </si>
  <si>
    <t>Industriegebied Grote Polder</t>
  </si>
  <si>
    <t>2021BU06381010</t>
  </si>
  <si>
    <t>buurten.d101d7aa-076e-4f46-9aef-2ce2fb94cc49</t>
  </si>
  <si>
    <t>BU06381011</t>
  </si>
  <si>
    <t>Industriegebied Barrepolder</t>
  </si>
  <si>
    <t>2021BU06381011</t>
  </si>
  <si>
    <t>buurten.39eb9695-06ff-4673-a45f-d511e4f8b9d8</t>
  </si>
  <si>
    <t>BU06381012</t>
  </si>
  <si>
    <t>Hoge Rijndijk Noord</t>
  </si>
  <si>
    <t>2021BU06381012</t>
  </si>
  <si>
    <t>buurten.a97fee4a-5178-401b-a76d-1b87de3e6bda</t>
  </si>
  <si>
    <t>BU06381013</t>
  </si>
  <si>
    <t>Hoge Rijndijk Oost</t>
  </si>
  <si>
    <t>2021BU06381013</t>
  </si>
  <si>
    <t>buurten.c0e89088-8f03-4468-98a3-5a459e7ec816</t>
  </si>
  <si>
    <t>BU06420101</t>
  </si>
  <si>
    <t>Slagveld en Omgeving</t>
  </si>
  <si>
    <t>WK064201</t>
  </si>
  <si>
    <t>2021BU06420101</t>
  </si>
  <si>
    <t>buurten.6cfde762-3744-4d34-894e-909cb6ef52a0</t>
  </si>
  <si>
    <t>PL0642010001</t>
  </si>
  <si>
    <t>Gebouwen via SAH op warmtenet</t>
  </si>
  <si>
    <t>all electric oude buurten</t>
  </si>
  <si>
    <t>MT warmtenet, hernieuwbaar gas</t>
  </si>
  <si>
    <t>MT warmte en/of hernieuwbaar gas</t>
  </si>
  <si>
    <t>BU06420102</t>
  </si>
  <si>
    <t>Veerplein - Oostkeetshaven</t>
  </si>
  <si>
    <t>2021BU06420102</t>
  </si>
  <si>
    <t>buurten.2d8f52e1-0ab4-49e5-a3b8-a4b989b897f9</t>
  </si>
  <si>
    <t>BU06420103</t>
  </si>
  <si>
    <t>Drinkwaterbedrijf</t>
  </si>
  <si>
    <t>2021BU06420103</t>
  </si>
  <si>
    <t>buurten.c9b91fec-20a1-4d6b-996b-1c2fab5e9dbe</t>
  </si>
  <si>
    <t>PL0642010004</t>
  </si>
  <si>
    <t>all electric jonge buurten</t>
  </si>
  <si>
    <t>BU06420104</t>
  </si>
  <si>
    <t>Balkengat</t>
  </si>
  <si>
    <t>2021BU06420104</t>
  </si>
  <si>
    <t>buurten.361020f9-e1b0-4e59-8630-e2dbe6cc0cea</t>
  </si>
  <si>
    <t>BU06420105</t>
  </si>
  <si>
    <t>Noordpark</t>
  </si>
  <si>
    <t>2021BU06420105</t>
  </si>
  <si>
    <t>buurten.1e2ee555-a595-477b-880a-ada49ce20061</t>
  </si>
  <si>
    <t>BU06420106</t>
  </si>
  <si>
    <t>Industriegebied Ringdijk</t>
  </si>
  <si>
    <t>2021BU06420106</t>
  </si>
  <si>
    <t>buurten.1e195aa7-c055-4800-9341-5de17906c121</t>
  </si>
  <si>
    <t>BU06420107</t>
  </si>
  <si>
    <t>Staatsliedenbuurt-Noord</t>
  </si>
  <si>
    <t>2021BU06420107</t>
  </si>
  <si>
    <t>buurten.2e4438b3-0205-4857-bc9b-203d5e7eb2f9</t>
  </si>
  <si>
    <t>BU06420108</t>
  </si>
  <si>
    <t>Europesebuurt</t>
  </si>
  <si>
    <t>2021BU06420108</t>
  </si>
  <si>
    <t>buurten.ec3da0d3-18b1-4d56-84f2-b599037de556</t>
  </si>
  <si>
    <t>BU06420109</t>
  </si>
  <si>
    <t>Staatsliedenbuurt-Zuid</t>
  </si>
  <si>
    <t>2021BU06420109</t>
  </si>
  <si>
    <t>buurten.48099502-34b6-4341-ba66-3a16170bc5a0</t>
  </si>
  <si>
    <t>BU06420110</t>
  </si>
  <si>
    <t>Oud- en Gerbrandyplein</t>
  </si>
  <si>
    <t>2021BU06420110</t>
  </si>
  <si>
    <t>buurten.9c5a9dd4-d17e-4313-b853-60cc38467b8e</t>
  </si>
  <si>
    <t>BU06420111</t>
  </si>
  <si>
    <t>Winkelcentrum Walburg</t>
  </si>
  <si>
    <t>2021BU06420111</t>
  </si>
  <si>
    <t>buurten.0b87de34-ab14-41bd-b64c-17adb7701201</t>
  </si>
  <si>
    <t>BU06420112</t>
  </si>
  <si>
    <t>De Were en omgeving</t>
  </si>
  <si>
    <t>2021BU06420112</t>
  </si>
  <si>
    <t>buurten.af935756-4d24-4d98-b398-224e0f2d826a</t>
  </si>
  <si>
    <t>BU06420113</t>
  </si>
  <si>
    <t>Lievershil en omgeving</t>
  </si>
  <si>
    <t>2021BU06420113</t>
  </si>
  <si>
    <t>buurten.3efe25a1-9900-48c8-b32c-9ffeab9b1ef5</t>
  </si>
  <si>
    <t>BU06420114</t>
  </si>
  <si>
    <t>Eem- en Zonnestein</t>
  </si>
  <si>
    <t>2021BU06420114</t>
  </si>
  <si>
    <t>buurten.9ceb1287-8839-4f59-a5df-afe68e80ad3b</t>
  </si>
  <si>
    <t>PL0642010003</t>
  </si>
  <si>
    <t>BU06420115</t>
  </si>
  <si>
    <t>Swanendrif-Zuid</t>
  </si>
  <si>
    <t>2021BU06420115</t>
  </si>
  <si>
    <t>buurten.ce8f23ff-402a-45a7-9fc1-d087e02a362b</t>
  </si>
  <si>
    <t>Warmtenetten langere termijn</t>
  </si>
  <si>
    <t>1500-4500 woningen aansluiten op warmtenet</t>
  </si>
  <si>
    <t>BU06420201</t>
  </si>
  <si>
    <t>Veerplein - De Werf</t>
  </si>
  <si>
    <t>WK064202</t>
  </si>
  <si>
    <t>2021BU06420201</t>
  </si>
  <si>
    <t>buurten.1c68e16f-f47d-4ed3-b8fd-5462e240cdc6</t>
  </si>
  <si>
    <t>BU06420202</t>
  </si>
  <si>
    <t>Euryza</t>
  </si>
  <si>
    <t>2021BU06420202</t>
  </si>
  <si>
    <t>buurten.ba5e490e-0929-4ac4-b7ba-555be3ed24ef</t>
  </si>
  <si>
    <t>BU06420203</t>
  </si>
  <si>
    <t>Westkeetshaven</t>
  </si>
  <si>
    <t>2021BU06420203</t>
  </si>
  <si>
    <t>buurten.c6f790ef-b71e-4d33-b2ff-a02baf6ce32a</t>
  </si>
  <si>
    <t>BU06420204</t>
  </si>
  <si>
    <t>Brugweg</t>
  </si>
  <si>
    <t>2021BU06420204</t>
  </si>
  <si>
    <t>buurten.53667de3-99f4-4722-aea5-fe2100b1f114</t>
  </si>
  <si>
    <t>BU06420205</t>
  </si>
  <si>
    <t>Corridor-Oost</t>
  </si>
  <si>
    <t>2021BU06420205</t>
  </si>
  <si>
    <t>buurten.b0b2901d-b810-40db-9452-1569fb4d8e4b</t>
  </si>
  <si>
    <t>BU06420206</t>
  </si>
  <si>
    <t>Voormalig veilingterrein</t>
  </si>
  <si>
    <t>2021BU06420206</t>
  </si>
  <si>
    <t>buurten.16a1330f-eecf-48b9-bb15-54e79e2f47fe</t>
  </si>
  <si>
    <t>BU06420207</t>
  </si>
  <si>
    <t>Burgemeester Doornplein en omgeving</t>
  </si>
  <si>
    <t>2021BU06420207</t>
  </si>
  <si>
    <t>buurten.652910eb-8bb6-4ac1-9c1e-2a88145278b9</t>
  </si>
  <si>
    <t>BU06420208</t>
  </si>
  <si>
    <t>Prins Bernhardstraat en omgeving</t>
  </si>
  <si>
    <t>2021BU06420208</t>
  </si>
  <si>
    <t>buurten.344a82a1-2a1c-49c5-bf8e-0178daefacbd</t>
  </si>
  <si>
    <t>BU06420209</t>
  </si>
  <si>
    <t>Juliandorp</t>
  </si>
  <si>
    <t>2021BU06420209</t>
  </si>
  <si>
    <t>buurten.c75f62ad-5d58-4518-8eca-c3c3e2cadb6f</t>
  </si>
  <si>
    <t>BU06420301</t>
  </si>
  <si>
    <t>Industriegebied Develpoort</t>
  </si>
  <si>
    <t>WK064203</t>
  </si>
  <si>
    <t>2021BU06420301</t>
  </si>
  <si>
    <t>buurten.a8c3f91e-12d3-4634-a457-68d7610f3a14</t>
  </si>
  <si>
    <t>BU06420302</t>
  </si>
  <si>
    <t>Corridor-West</t>
  </si>
  <si>
    <t>2021BU06420302</t>
  </si>
  <si>
    <t>buurten.036838ed-03ba-4c78-acf3-5bc959e19f03</t>
  </si>
  <si>
    <t>BU06420303</t>
  </si>
  <si>
    <t>2021BU06420303</t>
  </si>
  <si>
    <t>buurten.77caf610-b546-4eb4-b358-3fac5946a36f</t>
  </si>
  <si>
    <t>BU06420304</t>
  </si>
  <si>
    <t>2021BU06420304</t>
  </si>
  <si>
    <t>buurten.02e7e249-2b76-41fa-8634-b9cd53cb4344</t>
  </si>
  <si>
    <t>BU06420305</t>
  </si>
  <si>
    <t>2021BU06420305</t>
  </si>
  <si>
    <t>buurten.738f7d89-cfaa-4850-9dc2-2c71110a5572</t>
  </si>
  <si>
    <t>BU06420306</t>
  </si>
  <si>
    <t>Begraafplaats Noord</t>
  </si>
  <si>
    <t>2021BU06420306</t>
  </si>
  <si>
    <t>buurten.7c7cffcc-c725-4040-ae7a-e733f91f60df</t>
  </si>
  <si>
    <t>BU06420307</t>
  </si>
  <si>
    <t>Officiervliet-Oost</t>
  </si>
  <si>
    <t>2021BU06420307</t>
  </si>
  <si>
    <t>buurten.d16adbf1-5d6d-49f8-acfd-bbbd5221c585</t>
  </si>
  <si>
    <t>BU06420308</t>
  </si>
  <si>
    <t>Officiervliet-West</t>
  </si>
  <si>
    <t>2021BU06420308</t>
  </si>
  <si>
    <t>buurten.b669ce0e-5049-4ed2-bd66-f8f30c170c2a</t>
  </si>
  <si>
    <t>BU06420309</t>
  </si>
  <si>
    <t>Ter Steeghe</t>
  </si>
  <si>
    <t>2021BU06420309</t>
  </si>
  <si>
    <t>buurten.f826e5ca-7271-4cd6-81c8-e09c2c615fe3</t>
  </si>
  <si>
    <t>BU06420310</t>
  </si>
  <si>
    <t>Pilotenbuurt</t>
  </si>
  <si>
    <t>2021BU06420310</t>
  </si>
  <si>
    <t>buurten.501a5ecf-51b8-4376-873b-d8196665b8ad</t>
  </si>
  <si>
    <t>BU06420311</t>
  </si>
  <si>
    <t>Langeraarstraat en omgeving</t>
  </si>
  <si>
    <t>2021BU06420311</t>
  </si>
  <si>
    <t>buurten.2c436e5a-c5c0-4ca1-ada5-9fdf7d61a809</t>
  </si>
  <si>
    <t>BU06420312</t>
  </si>
  <si>
    <t>Hoveniersplein - Griend</t>
  </si>
  <si>
    <t>2021BU06420312</t>
  </si>
  <si>
    <t>buurten.26353978-537d-420b-91ed-9ce87e7822b8</t>
  </si>
  <si>
    <t>BU06420313</t>
  </si>
  <si>
    <t>2021BU06420313</t>
  </si>
  <si>
    <t>buurten.828fb576-e4dc-4948-98d1-fcb721fb5554</t>
  </si>
  <si>
    <t>BU06420401</t>
  </si>
  <si>
    <t>De Hoge Devel</t>
  </si>
  <si>
    <t>WK064204</t>
  </si>
  <si>
    <t>2021BU06420401</t>
  </si>
  <si>
    <t>buurten.d46e0ce1-42e7-4c77-bc81-18a0a97f3f8e</t>
  </si>
  <si>
    <t>BU06420402</t>
  </si>
  <si>
    <t>2021BU06420402</t>
  </si>
  <si>
    <t>buurten.56317a23-7c0e-411d-abb0-af79694b862f</t>
  </si>
  <si>
    <t>BU06420403</t>
  </si>
  <si>
    <t>2021BU06420403</t>
  </si>
  <si>
    <t>buurten.835793c7-63d0-4bb6-8870-17fcb2bd7aa9</t>
  </si>
  <si>
    <t>BU06420404</t>
  </si>
  <si>
    <t>2021BU06420404</t>
  </si>
  <si>
    <t>buurten.0b73cfd0-d37e-4b85-9555-3c86451897f7</t>
  </si>
  <si>
    <t>BU06420405</t>
  </si>
  <si>
    <t>Oudeland en Meubelmaker</t>
  </si>
  <si>
    <t>2021BU06420405</t>
  </si>
  <si>
    <t>buurten.803662c8-350d-4be8-a2df-d4edcd8019d2</t>
  </si>
  <si>
    <t>BU06420406</t>
  </si>
  <si>
    <t>Klarinetsingel en omgeving</t>
  </si>
  <si>
    <t>2021BU06420406</t>
  </si>
  <si>
    <t>buurten.a838015f-0be8-4352-8b17-f13278577555</t>
  </si>
  <si>
    <t>BU06420407</t>
  </si>
  <si>
    <t>Sonate en omgeving</t>
  </si>
  <si>
    <t>2021BU06420407</t>
  </si>
  <si>
    <t>buurten.8ccaa011-3889-41f9-be03-bb134bd6a876</t>
  </si>
  <si>
    <t>BU06420408</t>
  </si>
  <si>
    <t>De As</t>
  </si>
  <si>
    <t>2021BU06420408</t>
  </si>
  <si>
    <t>buurten.006cead4-d5f1-4943-8b91-f5c0baf805e1</t>
  </si>
  <si>
    <t>BU06420409</t>
  </si>
  <si>
    <t>Park Molenvliet</t>
  </si>
  <si>
    <t>2021BU06420409</t>
  </si>
  <si>
    <t>buurten.6c0c3378-b733-4fbe-86c1-fb6a784f548e</t>
  </si>
  <si>
    <t>BU06420410</t>
  </si>
  <si>
    <t>Industriegebied Molenvliet</t>
  </si>
  <si>
    <t>2021BU06420410</t>
  </si>
  <si>
    <t>buurten.c69a21d0-d19c-4555-a812-4ad4c80104bd</t>
  </si>
  <si>
    <t>BU06420501</t>
  </si>
  <si>
    <t>Noordzijde De Hoge Devel</t>
  </si>
  <si>
    <t>WK064205</t>
  </si>
  <si>
    <t>2021BU06420501</t>
  </si>
  <si>
    <t>buurten.5218d27b-3664-4365-9fef-63f0a3fa7b9e</t>
  </si>
  <si>
    <t>BU06420502</t>
  </si>
  <si>
    <t>Develsteincollege</t>
  </si>
  <si>
    <t>2021BU06420502</t>
  </si>
  <si>
    <t>buurten.2c5788c6-8aeb-4852-b6ae-db9477ca79e9</t>
  </si>
  <si>
    <t>BU06420503</t>
  </si>
  <si>
    <t>Swinhove - De Lus</t>
  </si>
  <si>
    <t>2021BU06420503</t>
  </si>
  <si>
    <t>buurten.db80dec6-87e0-41a3-8ad5-a452117ae4a8</t>
  </si>
  <si>
    <t>BU06420504</t>
  </si>
  <si>
    <t>Koloniënbuurt</t>
  </si>
  <si>
    <t>2021BU06420504</t>
  </si>
  <si>
    <t>buurten.4f5eccc9-b91c-4810-adc0-17d054164ca2</t>
  </si>
  <si>
    <t>BU06420505</t>
  </si>
  <si>
    <t>Meerdervoort</t>
  </si>
  <si>
    <t>2021BU06420505</t>
  </si>
  <si>
    <t>buurten.7f124729-e68b-436e-8d91-106bb7742f67</t>
  </si>
  <si>
    <t>BU06420506</t>
  </si>
  <si>
    <t>Dichtersbuurt-Midden</t>
  </si>
  <si>
    <t>2021BU06420506</t>
  </si>
  <si>
    <t>buurten.01011a4b-318c-437a-8047-16890bce8d45</t>
  </si>
  <si>
    <t>BU06420507</t>
  </si>
  <si>
    <t>Dichtersbuurt-West</t>
  </si>
  <si>
    <t>2021BU06420507</t>
  </si>
  <si>
    <t>buurten.bdefc4e1-b8d4-4493-8af0-89e312599a94</t>
  </si>
  <si>
    <t>BU06420508</t>
  </si>
  <si>
    <t>2021BU06420508</t>
  </si>
  <si>
    <t>buurten.0759afc9-bf8b-42eb-8acf-45ebf5b7cc80</t>
  </si>
  <si>
    <t>BU06420509</t>
  </si>
  <si>
    <t>Kapiteinflats</t>
  </si>
  <si>
    <t>2021BU06420509</t>
  </si>
  <si>
    <t>buurten.e5765207-9acb-48ea-9bf3-61dcf803e536</t>
  </si>
  <si>
    <t>BU06420510</t>
  </si>
  <si>
    <t>2021BU06420510</t>
  </si>
  <si>
    <t>buurten.3cac8b05-d4cd-4c26-88a5-f16dfb9d0ef0</t>
  </si>
  <si>
    <t>BU06420511</t>
  </si>
  <si>
    <t>Bloemenbuurt M(adelief) - Z(onnenbloem)</t>
  </si>
  <si>
    <t>2021BU06420511</t>
  </si>
  <si>
    <t>buurten.e35fc477-b287-4e0d-b421-2d6e0d85f127</t>
  </si>
  <si>
    <t>BU06420512</t>
  </si>
  <si>
    <t>Bloemenbuurt D(ahlia) - G(eranium)</t>
  </si>
  <si>
    <t>2021BU06420512</t>
  </si>
  <si>
    <t>buurten.7cc1ca37-5856-492e-9f13-d2f72f302109</t>
  </si>
  <si>
    <t>BU06420513</t>
  </si>
  <si>
    <t>Bloemenbuurt B(egonia) - C(rocus)</t>
  </si>
  <si>
    <t>2021BU06420513</t>
  </si>
  <si>
    <t>buurten.3783e1ce-dbac-4baa-abb4-6351bccdb7be</t>
  </si>
  <si>
    <t>BU06420514</t>
  </si>
  <si>
    <t>Bloemenbuurt H(yacinth) - L(Obelia)</t>
  </si>
  <si>
    <t>2021BU06420514</t>
  </si>
  <si>
    <t>buurten.77ceac27-ef35-4647-b39b-c3759d02f9cb</t>
  </si>
  <si>
    <t>BU06420515</t>
  </si>
  <si>
    <t>Bloemenbuurt A(kelei)</t>
  </si>
  <si>
    <t>2021BU06420515</t>
  </si>
  <si>
    <t>buurten.d31d57de-7765-4a75-a37a-887ee5335445</t>
  </si>
  <si>
    <t>BU06420601</t>
  </si>
  <si>
    <t>IJsvogelplein</t>
  </si>
  <si>
    <t>WK064206</t>
  </si>
  <si>
    <t>2021BU06420601</t>
  </si>
  <si>
    <t>buurten.8353aede-db79-41b1-b7b8-93da7b9b21c1</t>
  </si>
  <si>
    <t>BU06420602</t>
  </si>
  <si>
    <t>2021BU06420602</t>
  </si>
  <si>
    <t>buurten.50efa455-f788-45f4-b9ce-aee4e915e060</t>
  </si>
  <si>
    <t>BU06420603</t>
  </si>
  <si>
    <t>Ooievaar- en Vinkplein</t>
  </si>
  <si>
    <t>2021BU06420603</t>
  </si>
  <si>
    <t>buurten.c82df93f-1eae-4e3f-955a-3ae25e3becfc</t>
  </si>
  <si>
    <t>BU06420604</t>
  </si>
  <si>
    <t>2021BU06420604</t>
  </si>
  <si>
    <t>buurten.039e23d4-200c-4247-96b3-9754d117c987</t>
  </si>
  <si>
    <t>BU06420605</t>
  </si>
  <si>
    <t>Leeuwerik- en Fazantplein</t>
  </si>
  <si>
    <t>2021BU06420605</t>
  </si>
  <si>
    <t>buurten.c8d90e99-aec1-4112-9134-e20684a1ecd3</t>
  </si>
  <si>
    <t>BU06420606</t>
  </si>
  <si>
    <t>Moermond-Zuid</t>
  </si>
  <si>
    <t>2021BU06420606</t>
  </si>
  <si>
    <t>buurten.d7dce2e4-2387-414e-adb7-b9ab3584e10c</t>
  </si>
  <si>
    <t>BU06420607</t>
  </si>
  <si>
    <t>Boshuizen - Rechteren</t>
  </si>
  <si>
    <t>2021BU06420607</t>
  </si>
  <si>
    <t>buurten.923d7376-e939-4749-b10a-00bfe67a5b07</t>
  </si>
  <si>
    <t>BU06420608</t>
  </si>
  <si>
    <t>Assumburg - Lunenburg</t>
  </si>
  <si>
    <t>2021BU06420608</t>
  </si>
  <si>
    <t>buurten.ac4a20dc-f6e4-4d9a-8e86-8ec97b8627a8</t>
  </si>
  <si>
    <t>BU06420609</t>
  </si>
  <si>
    <t>Hilverbeek en omgeving</t>
  </si>
  <si>
    <t>2021BU06420609</t>
  </si>
  <si>
    <t>buurten.ce0e3a48-ec14-4dbb-ad9e-fcb7f265651d</t>
  </si>
  <si>
    <t>BU06420610</t>
  </si>
  <si>
    <t>Develzijde Nederhoven</t>
  </si>
  <si>
    <t>2021BU06420610</t>
  </si>
  <si>
    <t>buurten.5cf65f77-53a7-4c7d-b0b1-e08dbfcd44a2</t>
  </si>
  <si>
    <t>BU06420701</t>
  </si>
  <si>
    <t>Industriegebied Groote Lindt</t>
  </si>
  <si>
    <t>WK064207</t>
  </si>
  <si>
    <t>2021BU06420701</t>
  </si>
  <si>
    <t>buurten.39061104-dadf-4556-9bce-29041dbaebd7</t>
  </si>
  <si>
    <t>BU06420702</t>
  </si>
  <si>
    <t>De Geer-Oost</t>
  </si>
  <si>
    <t>2021BU06420702</t>
  </si>
  <si>
    <t>buurten.08ea6b16-1dc9-4ddf-9526-7db7ddf0a8d0</t>
  </si>
  <si>
    <t>PL0642010006</t>
  </si>
  <si>
    <t>hybride buurten</t>
  </si>
  <si>
    <t>BU06420703</t>
  </si>
  <si>
    <t>De Geer-West</t>
  </si>
  <si>
    <t>2021BU06420703</t>
  </si>
  <si>
    <t>buurten.84d7800f-96c0-407f-9cd8-5c2ed3f86424</t>
  </si>
  <si>
    <t>BU06420704</t>
  </si>
  <si>
    <t>Achterlindtsestraat</t>
  </si>
  <si>
    <t>2021BU06420704</t>
  </si>
  <si>
    <t>buurten.c49031d6-14ae-43e0-a981-f23b35c59d7a</t>
  </si>
  <si>
    <t>BU06420705</t>
  </si>
  <si>
    <t>Kijfhoek</t>
  </si>
  <si>
    <t>2021BU06420705</t>
  </si>
  <si>
    <t>buurten.b8840eae-c75b-4c31-8a0e-50cf5937d449</t>
  </si>
  <si>
    <t>BU06420706</t>
  </si>
  <si>
    <t>Emplacement "Kijfhoek"</t>
  </si>
  <si>
    <t>2021BU06420706</t>
  </si>
  <si>
    <t>buurten.d39bf00c-357d-4abb-95be-8890fbe2c4d6</t>
  </si>
  <si>
    <t>BU06420707</t>
  </si>
  <si>
    <t>Groenesteeg - Langeweg</t>
  </si>
  <si>
    <t>2021BU06420707</t>
  </si>
  <si>
    <t>buurten.2dd19ac4-a86a-4808-bef7-9e7b375ecfcd</t>
  </si>
  <si>
    <t>BU06420708</t>
  </si>
  <si>
    <t>Bakestein</t>
  </si>
  <si>
    <t>2021BU06420708</t>
  </si>
  <si>
    <t>buurten.fff4a297-a4d9-4685-a2cf-f188e679d147</t>
  </si>
  <si>
    <t>BU06420801</t>
  </si>
  <si>
    <t>Molenweg-West</t>
  </si>
  <si>
    <t>WK064208</t>
  </si>
  <si>
    <t>2021BU06420801</t>
  </si>
  <si>
    <t>buurten.02ab935f-39d8-4574-8b11-af406fdd008e</t>
  </si>
  <si>
    <t>BU06420802</t>
  </si>
  <si>
    <t>Dorp-Noordoost</t>
  </si>
  <si>
    <t>2021BU06420802</t>
  </si>
  <si>
    <t>buurten.c4fd6871-9221-4d0c-b843-74fdee4ae882</t>
  </si>
  <si>
    <t>BU06420803</t>
  </si>
  <si>
    <t>Dorp-Zuidoost</t>
  </si>
  <si>
    <t>2021BU06420803</t>
  </si>
  <si>
    <t>buurten.2d09b14f-067d-45be-b0bf-56d65b6ca0af</t>
  </si>
  <si>
    <t>BU06420804</t>
  </si>
  <si>
    <t>Dorp-Zuid</t>
  </si>
  <si>
    <t>2021BU06420804</t>
  </si>
  <si>
    <t>buurten.4822fd6b-271b-4ffa-9f6a-1ec6dac8c387</t>
  </si>
  <si>
    <t>BU06420805</t>
  </si>
  <si>
    <t>Bedrijventerrein Gors-Noord</t>
  </si>
  <si>
    <t>2021BU06420805</t>
  </si>
  <si>
    <t>buurten.71fa3da7-4570-4714-8f5c-25eddd92daef</t>
  </si>
  <si>
    <t>BU06420901</t>
  </si>
  <si>
    <t>Emplacement Kijfhoek en Langeweg</t>
  </si>
  <si>
    <t>WK064209</t>
  </si>
  <si>
    <t>2021BU06420901</t>
  </si>
  <si>
    <t>buurten.d60e2ab9-2720-4449-aa98-2aa6ed96dee7</t>
  </si>
  <si>
    <t>BU06420902</t>
  </si>
  <si>
    <t>Sportcomplex "De Molenwei"</t>
  </si>
  <si>
    <t>2021BU06420902</t>
  </si>
  <si>
    <t>buurten.49326550-77dd-44df-8820-e42ff2dca85e</t>
  </si>
  <si>
    <t>BU06420903</t>
  </si>
  <si>
    <t>Polder Heerjansdam</t>
  </si>
  <si>
    <t>2021BU06420903</t>
  </si>
  <si>
    <t>buurten.89e3b5b7-c2be-4b6f-bf87-4841da21590d</t>
  </si>
  <si>
    <t>BU06420904</t>
  </si>
  <si>
    <t>Kleine Lindt Polder</t>
  </si>
  <si>
    <t>2021BU06420904</t>
  </si>
  <si>
    <t>buurten.8bce0aec-06d0-4892-be57-ef85ec53fce4</t>
  </si>
  <si>
    <t>BU06420905</t>
  </si>
  <si>
    <t>Hooge Nespolder</t>
  </si>
  <si>
    <t>2021BU06420905</t>
  </si>
  <si>
    <t>buurten.e096d8c8-8f81-474a-83a4-3e8224c1bc56</t>
  </si>
  <si>
    <t>BU06420906</t>
  </si>
  <si>
    <t>Het Buitenland en omgeving</t>
  </si>
  <si>
    <t>2021BU06420906</t>
  </si>
  <si>
    <t>buurten.966d354d-0480-4410-ab67-b0c1ef066780</t>
  </si>
  <si>
    <t>BU06420907</t>
  </si>
  <si>
    <t>Bedrijventerrein Gors-Zuid</t>
  </si>
  <si>
    <t>2021BU06420907</t>
  </si>
  <si>
    <t>buurten.afd36b2a-c5dd-43ab-a22c-db1361277733</t>
  </si>
  <si>
    <t>BU06540101</t>
  </si>
  <si>
    <t>Kern Baarland</t>
  </si>
  <si>
    <t>WK065401</t>
  </si>
  <si>
    <t>2021BU06540101</t>
  </si>
  <si>
    <t>buurten.28dfa29e-1ace-4e94-8782-1da041259d6f</t>
  </si>
  <si>
    <t>BU06540102</t>
  </si>
  <si>
    <t>Buitengebied Baarland</t>
  </si>
  <si>
    <t>2021BU06540102</t>
  </si>
  <si>
    <t>buurten.af47c429-c0db-44eb-b2f5-a2b6b47e2495</t>
  </si>
  <si>
    <t>PL0654010004</t>
  </si>
  <si>
    <t>gebiedsgericht warmte uitvoeringsplan/ maatwerkoplossingen voor bedrijventerreinen, recreatiegebieden en nieuwbouw. Zoeken naar/ beginnen met startkansen voor een gebiedsgerichte aanpak (tussenstap naar wup)</t>
  </si>
  <si>
    <t>BU06540201</t>
  </si>
  <si>
    <t>Kern Borssele</t>
  </si>
  <si>
    <t>WK065402</t>
  </si>
  <si>
    <t>2021BU06540201</t>
  </si>
  <si>
    <t>buurten.293b0a66-fbe3-42c7-bd65-db5c7afa132d</t>
  </si>
  <si>
    <t>PL0654010002</t>
  </si>
  <si>
    <t>Borsele, s-Heerenhoek, Nieuwdorp, Lewedorp en Heinkenszand</t>
  </si>
  <si>
    <t>voldoende schaal en dichtheid. aanwezigheid van grote gebouweigenaar/ steun woningcorporaties. perspectief op duurzame bron</t>
  </si>
  <si>
    <t>onderzoeken mogelijkheid warmtenet. In enkele gebieden wordt aanvullend onderzoek gedaan naar mogelijkheden voor een gebiedsgerichte aanpak</t>
  </si>
  <si>
    <t>warmte (bron niet genoemd)</t>
  </si>
  <si>
    <t>BU06540202</t>
  </si>
  <si>
    <t>Buitengebied Borssele</t>
  </si>
  <si>
    <t>2021BU06540202</t>
  </si>
  <si>
    <t>buurten.44e045e3-fcd1-4613-b039-70c1c1907347</t>
  </si>
  <si>
    <t>Transitievisie Warmte Gemeente Vlissingen; Definitief Ontwerp</t>
  </si>
  <si>
    <t>BU06540203</t>
  </si>
  <si>
    <t>Havengebied Sloe Borssele</t>
  </si>
  <si>
    <t>2021BU06540203</t>
  </si>
  <si>
    <t>buurten.3f1196ee-2c6e-4c36-8a72-0c2fdb8ec658</t>
  </si>
  <si>
    <t>BU06540301</t>
  </si>
  <si>
    <t>Kern Driewegen</t>
  </si>
  <si>
    <t>WK065403</t>
  </si>
  <si>
    <t>2021BU06540301</t>
  </si>
  <si>
    <t>buurten.478ae783-57df-4c4c-a25d-12637c7d34f8</t>
  </si>
  <si>
    <t>BU06540302</t>
  </si>
  <si>
    <t>Buitengebied Driewegen</t>
  </si>
  <si>
    <t>2021BU06540302</t>
  </si>
  <si>
    <t>buurten.7f5ddfc6-74bd-4ad1-bf01-f1b5653d5487</t>
  </si>
  <si>
    <t>BU06540401</t>
  </si>
  <si>
    <t>Kern Ellewoutsdijk</t>
  </si>
  <si>
    <t>WK065404</t>
  </si>
  <si>
    <t>2021BU06540401</t>
  </si>
  <si>
    <t>buurten.8132fae2-2fe6-4de0-8f25-b917e0c8cbb5</t>
  </si>
  <si>
    <t>BU06540402</t>
  </si>
  <si>
    <t>Buitengebied Ellewoutsdijk</t>
  </si>
  <si>
    <t>2021BU06540402</t>
  </si>
  <si>
    <t>buurten.301a6341-9abc-48ff-8f62-9515df5a0c0e</t>
  </si>
  <si>
    <t>BU06540501</t>
  </si>
  <si>
    <t>Kern Heinkenszand</t>
  </si>
  <si>
    <t>WK065405</t>
  </si>
  <si>
    <t>2021BU06540501</t>
  </si>
  <si>
    <t>buurten.b792a14c-789a-4534-b937-7ea60fcc519b</t>
  </si>
  <si>
    <t>ontwikkeling doelgroepgerichte aanpak om eigenaren te helpen met een aanpak die past bij hun gebouw. Aanvullend onderzoek naar mogelijkheden zelfvoorzienend opwekken. Zoeken naar  startkansen voor een gebiedsgerichte aanpak (tussenstap naar wup)</t>
  </si>
  <si>
    <t>BU06540502</t>
  </si>
  <si>
    <t>Buitengebied Heinkenszand</t>
  </si>
  <si>
    <t>2021BU06540502</t>
  </si>
  <si>
    <t>buurten.6f5cc16e-b8f1-4eb5-8b84-5a44468c1323</t>
  </si>
  <si>
    <t>BU06540601</t>
  </si>
  <si>
    <t>Kern Hoedekenskerke</t>
  </si>
  <si>
    <t>WK065406</t>
  </si>
  <si>
    <t>2021BU06540601</t>
  </si>
  <si>
    <t>buurten.94886cb5-68d4-48f6-b223-d7121ce35f45</t>
  </si>
  <si>
    <t>BU06540602</t>
  </si>
  <si>
    <t>Buitengebied Hoedekenskerke</t>
  </si>
  <si>
    <t>2021BU06540602</t>
  </si>
  <si>
    <t>buurten.4e0fcd94-15dd-4a18-813e-d22e5a559ce5</t>
  </si>
  <si>
    <t>BU06540701</t>
  </si>
  <si>
    <t>Kern Kwadendamme</t>
  </si>
  <si>
    <t>WK065407</t>
  </si>
  <si>
    <t>2021BU06540701</t>
  </si>
  <si>
    <t>buurten.6cced0b9-c723-445f-98ed-b90bef1cb986</t>
  </si>
  <si>
    <t>PL0654010005</t>
  </si>
  <si>
    <t>Kwadendamme</t>
  </si>
  <si>
    <t>startkans: aanvullend onderzoek doen naar gebiedsgerichte aanpak voor all-electric oplossingen</t>
  </si>
  <si>
    <t>BU06540702</t>
  </si>
  <si>
    <t>Buitengebied Kwadendamme</t>
  </si>
  <si>
    <t>2021BU06540702</t>
  </si>
  <si>
    <t>buurten.94d4672b-877b-4087-b6fa-8f19498d2a11</t>
  </si>
  <si>
    <t>BU06540801</t>
  </si>
  <si>
    <t>Kern Lewedorp</t>
  </si>
  <si>
    <t>WK065408</t>
  </si>
  <si>
    <t>2021BU06540801</t>
  </si>
  <si>
    <t>buurten.adc8371f-7176-40dd-8681-7444e48ca6de</t>
  </si>
  <si>
    <t>PL0654010003</t>
  </si>
  <si>
    <t>Heinkenszand, s Heerenhoek, Lewedorp en s Gravenpolder</t>
  </si>
  <si>
    <t>BU06540802</t>
  </si>
  <si>
    <t>Buitengebied Lewedorp</t>
  </si>
  <si>
    <t>2021BU06540802</t>
  </si>
  <si>
    <t>buurten.45336f89-9516-416f-b5a7-12195ff49b66</t>
  </si>
  <si>
    <t>BU06540901</t>
  </si>
  <si>
    <t>Kern Nieuwdorp</t>
  </si>
  <si>
    <t>WK065409</t>
  </si>
  <si>
    <t>2021BU06540901</t>
  </si>
  <si>
    <t>buurten.cd0e4e9e-45cc-4e25-9912-ac4cd30c70a7</t>
  </si>
  <si>
    <t>BU06540902</t>
  </si>
  <si>
    <t>Buitengebied Nieuwdorp</t>
  </si>
  <si>
    <t>2021BU06540902</t>
  </si>
  <si>
    <t>buurten.e0de9f9b-cd97-424b-8372-e43583b74bc0</t>
  </si>
  <si>
    <t>BU06540903</t>
  </si>
  <si>
    <t>Havengebied Sloe Nieuwdorp</t>
  </si>
  <si>
    <t>2021BU06540903</t>
  </si>
  <si>
    <t>buurten.f0dac970-ef1f-4304-9a2e-1ea21e512d47</t>
  </si>
  <si>
    <t>BU06541001</t>
  </si>
  <si>
    <t>Kern Nisse</t>
  </si>
  <si>
    <t>WK065410</t>
  </si>
  <si>
    <t>2021BU06541001</t>
  </si>
  <si>
    <t>buurten.c60aeea2-04e9-41c9-9f5a-116205570831</t>
  </si>
  <si>
    <t>BU06541002</t>
  </si>
  <si>
    <t>Buitengebied Nisse</t>
  </si>
  <si>
    <t>2021BU06541002</t>
  </si>
  <si>
    <t>buurten.a3800d71-93ef-40b4-9bd3-8a1522205e47</t>
  </si>
  <si>
    <t>BU06541101</t>
  </si>
  <si>
    <t>Kern Oudelande</t>
  </si>
  <si>
    <t>WK065411</t>
  </si>
  <si>
    <t>2021BU06541101</t>
  </si>
  <si>
    <t>buurten.816864a3-e015-4321-8b4a-a711f43bb34e</t>
  </si>
  <si>
    <t>BU06541102</t>
  </si>
  <si>
    <t>Buitengebied Oudelande</t>
  </si>
  <si>
    <t>2021BU06541102</t>
  </si>
  <si>
    <t>buurten.ba788a21-bc88-4932-a42a-3bcd4bc533ab</t>
  </si>
  <si>
    <t>BU06541201</t>
  </si>
  <si>
    <t>Kern Ovezande</t>
  </si>
  <si>
    <t>WK065412</t>
  </si>
  <si>
    <t>2021BU06541201</t>
  </si>
  <si>
    <t>buurten.060e6c67-f700-4101-9303-268339b4529d</t>
  </si>
  <si>
    <t>BU06541202</t>
  </si>
  <si>
    <t>Buitengebied Ovezande</t>
  </si>
  <si>
    <t>2021BU06541202</t>
  </si>
  <si>
    <t>buurten.5dca10aa-9beb-4da4-92ce-ca38fa762061</t>
  </si>
  <si>
    <t>BU06541301</t>
  </si>
  <si>
    <t>Kern 's-Gravenpolder</t>
  </si>
  <si>
    <t>WK065413</t>
  </si>
  <si>
    <t>2021BU06541301</t>
  </si>
  <si>
    <t>buurten.88196117-ef87-4f51-820a-f8e697373894</t>
  </si>
  <si>
    <t>BU06541302</t>
  </si>
  <si>
    <t>Buitengebied 's-Gravenpolder</t>
  </si>
  <si>
    <t>2021BU06541302</t>
  </si>
  <si>
    <t>buurten.71e4e922-3e22-4ece-9f77-b1f92f8b26d1</t>
  </si>
  <si>
    <t>BU06541401</t>
  </si>
  <si>
    <t>Kern 's-Heer Abtskerke</t>
  </si>
  <si>
    <t>WK065414</t>
  </si>
  <si>
    <t>2021BU06541401</t>
  </si>
  <si>
    <t>buurten.a3554e74-9791-41a6-bcb5-d64f6896cad9</t>
  </si>
  <si>
    <t>BU06541402</t>
  </si>
  <si>
    <t>Buitengebied 's-Heer Abtskerke</t>
  </si>
  <si>
    <t>2021BU06541402</t>
  </si>
  <si>
    <t>buurten.86433e88-dfb4-47ea-85a1-faa94c28115a</t>
  </si>
  <si>
    <t>PL0664010004</t>
  </si>
  <si>
    <t>De Poel + industrieterreinen in Eindewege en Goes-West</t>
  </si>
  <si>
    <t>BU06541501</t>
  </si>
  <si>
    <t>Kern 's-Heerenhoek</t>
  </si>
  <si>
    <t>WK065415</t>
  </si>
  <si>
    <t>2021BU06541501</t>
  </si>
  <si>
    <t>buurten.dc2f5866-f357-453f-8069-fb924d812556</t>
  </si>
  <si>
    <t>BU06541502</t>
  </si>
  <si>
    <t>Buitengebied 's-Heerenhoek</t>
  </si>
  <si>
    <t>2021BU06541502</t>
  </si>
  <si>
    <t>buurten.9214036f-d486-4760-8c44-a11c2f5e22a4</t>
  </si>
  <si>
    <t>BU06640101</t>
  </si>
  <si>
    <t>Goes-Centrum</t>
  </si>
  <si>
    <t>WK066401</t>
  </si>
  <si>
    <t>2021BU06640101</t>
  </si>
  <si>
    <t>buurten.68fde6c0-7f46-4500-830e-97ee54867b88</t>
  </si>
  <si>
    <t>PL0664010001</t>
  </si>
  <si>
    <t>Oostmolenpark; Mannee; Goese Meer; Overzuid; Industrieterrein Haven</t>
  </si>
  <si>
    <t>Of in deze buurten een warmtenet komt is afhankelijk van de beschikbaarheid van warmtebronnen en de mate waarin we de warmtevraag kunnen organiseren. Hiervoor ontbreekt op dit moment voldoende perspectief. Bij de herijking van de Transitievisie Warmte be</t>
  </si>
  <si>
    <t>Buurten waar de warmtepomp de meest logische route is, zijn relatief nieuwe buurten die al goed geisoleerd zijn of buurten met een lage bebouwingsdichtheid aan de rand van de stad. Het gaat dan bijvoorbeeld om de wijken Overzuid, Oostmolenpark, Goese Mee</t>
  </si>
  <si>
    <t>Op isolatie is in deze buurten nog veel winst te maken, daar zal voorlopi de nadruk liggen.Warmtenetten zijn het meest logisch in deze naoorlogse buurten met een hoge bebouwingsdichtheid. In deze buurten staan vaak veel flats die relatief eenvoudig en te</t>
  </si>
  <si>
    <t>WKO, Aquathermie(?)</t>
  </si>
  <si>
    <t>BU06640102</t>
  </si>
  <si>
    <t>Goes-Oost</t>
  </si>
  <si>
    <t>2021BU06640102</t>
  </si>
  <si>
    <t>buurten.7899f2d0-c78f-4d8e-ab76-5959bbb662f9</t>
  </si>
  <si>
    <t>BU06640103</t>
  </si>
  <si>
    <t>Goes-Zuid</t>
  </si>
  <si>
    <t>2021BU06640103</t>
  </si>
  <si>
    <t>buurten.ec17ce56-828d-463b-8239-7de08b93b8be</t>
  </si>
  <si>
    <t>kleinschalig collectieve oplossingen met warmtepompen en WKO kan logische optie zijn</t>
  </si>
  <si>
    <t>BU06640104</t>
  </si>
  <si>
    <t>Goes-West</t>
  </si>
  <si>
    <t>2021BU06640104</t>
  </si>
  <si>
    <t>buurten.ac642d9e-cd7e-4028-874d-475e2c27f36c</t>
  </si>
  <si>
    <t>Goes-Oost; Goes-Noordoost; Goes-West; Goes-Noordwest; Goes-Zuid</t>
  </si>
  <si>
    <t>BU06640105</t>
  </si>
  <si>
    <t>Goes-Noordwest</t>
  </si>
  <si>
    <t>2021BU06640105</t>
  </si>
  <si>
    <t>buurten.5aff511e-0dfa-458c-b55f-b22736d5e83d</t>
  </si>
  <si>
    <t>BU06640106</t>
  </si>
  <si>
    <t>Goes-Noordoost</t>
  </si>
  <si>
    <t>2021BU06640106</t>
  </si>
  <si>
    <t>buurten.369a98ee-3c15-4674-8dfa-35678b6a5722</t>
  </si>
  <si>
    <t>PL0664010002</t>
  </si>
  <si>
    <t>Hybride pomp mogelijk als tussenoplossing;Eigenaren kunnen ook kiezen voor een kleinschalige collectieve WKO-oplossing</t>
  </si>
  <si>
    <t>BU06640107</t>
  </si>
  <si>
    <t>Industrieterrein De Poel</t>
  </si>
  <si>
    <t>2021BU06640107</t>
  </si>
  <si>
    <t>buurten.b76b53f4-edb3-4478-9660-9cb3a49f87d3</t>
  </si>
  <si>
    <t>BU06640108</t>
  </si>
  <si>
    <t>Industrieterrein Haven</t>
  </si>
  <si>
    <t>2021BU06640108</t>
  </si>
  <si>
    <t>buurten.557bad3c-24ee-4f8a-a2e5-55e521efe560</t>
  </si>
  <si>
    <t>BU06640109</t>
  </si>
  <si>
    <t>Goese Meer</t>
  </si>
  <si>
    <t>2021BU06640109</t>
  </si>
  <si>
    <t>buurten.f15c2eec-c643-4ade-876b-30b2495e8b20</t>
  </si>
  <si>
    <t>BU06640110</t>
  </si>
  <si>
    <t>Overzuid</t>
  </si>
  <si>
    <t>2021BU06640110</t>
  </si>
  <si>
    <t>buurten.9f822fb3-e435-4c76-a9a3-38c1b18e6ac3</t>
  </si>
  <si>
    <t>BU06640111</t>
  </si>
  <si>
    <t>Mannee</t>
  </si>
  <si>
    <t>2021BU06640111</t>
  </si>
  <si>
    <t>buurten.46a1c761-38f0-4141-9a32-414dda2b4b9c</t>
  </si>
  <si>
    <t>BU06640220</t>
  </si>
  <si>
    <t>Wilhelminadorp</t>
  </si>
  <si>
    <t>WK066402</t>
  </si>
  <si>
    <t>2021BU06640220</t>
  </si>
  <si>
    <t>buurten.30ac7cfc-a7d3-4ee2-af2c-d2074b73dec8</t>
  </si>
  <si>
    <t>BU06640229</t>
  </si>
  <si>
    <t>Verspreide huizen Wilhelminadorp</t>
  </si>
  <si>
    <t>2021BU06640229</t>
  </si>
  <si>
    <t>buurten.b55a799c-22ac-467a-bd88-63e6cf415673</t>
  </si>
  <si>
    <t>PL0664010005</t>
  </si>
  <si>
    <t>Voldoende isolatie (in geval van permanente bewoning)</t>
  </si>
  <si>
    <t>BU06640330</t>
  </si>
  <si>
    <t>Kloetinge</t>
  </si>
  <si>
    <t>WK066403</t>
  </si>
  <si>
    <t>2021BU06640330</t>
  </si>
  <si>
    <t>buurten.cedcbdc0-9363-49ab-952a-b03c1ffbc7fb</t>
  </si>
  <si>
    <t>BU06640331</t>
  </si>
  <si>
    <t>Oostmolenpark</t>
  </si>
  <si>
    <t>2021BU06640331</t>
  </si>
  <si>
    <t>buurten.4b62b3e8-f806-43bc-a54c-af99d31cf568</t>
  </si>
  <si>
    <t>BU06640338</t>
  </si>
  <si>
    <t>2021BU06640338</t>
  </si>
  <si>
    <t>buurten.9693e874-96a8-4342-b611-076ccaf3055b</t>
  </si>
  <si>
    <t>BU06640339</t>
  </si>
  <si>
    <t>Verspreide huizen in het Zuiden</t>
  </si>
  <si>
    <t>2021BU06640339</t>
  </si>
  <si>
    <t>buurten.fd795d1e-845c-40cb-84e9-3a4d6f06671c</t>
  </si>
  <si>
    <t>BU06640440</t>
  </si>
  <si>
    <t>Kattendijke</t>
  </si>
  <si>
    <t>WK066404</t>
  </si>
  <si>
    <t>2021BU06640440</t>
  </si>
  <si>
    <t>buurten.b46f711d-18a6-4e2a-bdea-0c2ea504f546</t>
  </si>
  <si>
    <t>Maatwerk voor recreatiegebieden, verschillende alternatieve warmtebronnen mogelijk, zoals zonneboilers</t>
  </si>
  <si>
    <t>BU06640449</t>
  </si>
  <si>
    <t>Verspreide huizen Kattendijke</t>
  </si>
  <si>
    <t>2021BU06640449</t>
  </si>
  <si>
    <t>buurten.0e99758f-43c6-4488-8d21-6855b5f5a7d7</t>
  </si>
  <si>
    <t>BU06640550</t>
  </si>
  <si>
    <t>'s-Heer-Arendskerke</t>
  </si>
  <si>
    <t>WK066405</t>
  </si>
  <si>
    <t>2021BU06640550</t>
  </si>
  <si>
    <t>buurten.0aad46a6-99de-4482-aa8e-7cdfb5b8cdb6</t>
  </si>
  <si>
    <t>BU06640551</t>
  </si>
  <si>
    <t>De Schenge</t>
  </si>
  <si>
    <t>2021BU06640551</t>
  </si>
  <si>
    <t>buurten.8892420c-fc61-40ad-8ab3-7e2e58ad708f</t>
  </si>
  <si>
    <t>BU06640559</t>
  </si>
  <si>
    <t>2021BU06640559</t>
  </si>
  <si>
    <t>buurten.3c95a6e6-8326-4147-a774-48b8abd7fa07</t>
  </si>
  <si>
    <t>BU06640660</t>
  </si>
  <si>
    <t>Eindewege</t>
  </si>
  <si>
    <t>WK066406</t>
  </si>
  <si>
    <t>2021BU06640660</t>
  </si>
  <si>
    <t>buurten.1b815e8a-accb-428e-8356-22b0f2c070fd</t>
  </si>
  <si>
    <t>BU06640770</t>
  </si>
  <si>
    <t>'s-Heer-Hendrikskinderen</t>
  </si>
  <si>
    <t>WK066407</t>
  </si>
  <si>
    <t>2021BU06640770</t>
  </si>
  <si>
    <t>buurten.1a0a0ca8-40d9-4075-afc0-08493041db99</t>
  </si>
  <si>
    <t>BU06640778</t>
  </si>
  <si>
    <t>Verspreide huizen ten noorden van 's-Heer-Hendrikskinderen</t>
  </si>
  <si>
    <t>2021BU06640778</t>
  </si>
  <si>
    <t>buurten.a5a3f559-9995-4510-bc30-ce591d520b09</t>
  </si>
  <si>
    <t>BU06640779</t>
  </si>
  <si>
    <t>Verspreide huizen ten zuiden van 's-Heer-Hendrikskinderen</t>
  </si>
  <si>
    <t>2021BU06640779</t>
  </si>
  <si>
    <t>buurten.d0c7ef83-d27b-4418-9da9-88d699f97ac7</t>
  </si>
  <si>
    <t>BU06640880</t>
  </si>
  <si>
    <t>Wolphaartsdijk</t>
  </si>
  <si>
    <t>WK066408</t>
  </si>
  <si>
    <t>2021BU06640880</t>
  </si>
  <si>
    <t>buurten.67aac4c0-b31f-40bb-a2aa-b1a563e26ca4</t>
  </si>
  <si>
    <t>BU06640889</t>
  </si>
  <si>
    <t>Verspreide huizen Wolphaartsdijk</t>
  </si>
  <si>
    <t>2021BU06640889</t>
  </si>
  <si>
    <t>buurten.100477d6-818c-43f0-b465-0d2e8e3ff0f1</t>
  </si>
  <si>
    <t>BU06640990</t>
  </si>
  <si>
    <t>Oud-Sabbinge</t>
  </si>
  <si>
    <t>WK066409</t>
  </si>
  <si>
    <t>2021BU06640990</t>
  </si>
  <si>
    <t>buurten.ad22b38d-0b50-4cc4-9690-1a78ac3c7dea</t>
  </si>
  <si>
    <t>BU06680100</t>
  </si>
  <si>
    <t>Kern Alphen</t>
  </si>
  <si>
    <t>WK066801</t>
  </si>
  <si>
    <t>2021BU06680100</t>
  </si>
  <si>
    <t>buurten.6e8ca0b6-83d0-4472-bf36-a15cd423c9af</t>
  </si>
  <si>
    <t>DC066802</t>
  </si>
  <si>
    <t>nmda kosten principe, voorkeursalternatief voorstellen aan bewoners</t>
  </si>
  <si>
    <t>De verdieping per wijk (of buurt) bevestigt de voorkeursoplossing en prioriteert op basis van mogelijke koppelkansen, lokale initiatieven van bewoners of woningcorporaties</t>
  </si>
  <si>
    <t>https://westmaasenwaal.notubiz.nl/document/11938989/1#search=%22Van%20Transitievisie%20Warmte%20naar%20Wijkuitvoeringsplannen%22</t>
  </si>
  <si>
    <t>PL0668020002</t>
  </si>
  <si>
    <t>Alphen</t>
  </si>
  <si>
    <t>collectief en/of individueel</t>
  </si>
  <si>
    <t>WKO, met PVT of indiv. All electric</t>
  </si>
  <si>
    <t>aquathermie, WKO, PVT of collectieve warmtepomp of indiv. All electric</t>
  </si>
  <si>
    <t>17</t>
  </si>
  <si>
    <t>BU06680101</t>
  </si>
  <si>
    <t>Buitengebied Alphen</t>
  </si>
  <si>
    <t>2021BU06680101</t>
  </si>
  <si>
    <t>buurten.c6b03ae9-2fd6-4fc3-b953-259f072cc762</t>
  </si>
  <si>
    <t>BU06680200</t>
  </si>
  <si>
    <t>Kern Altforst</t>
  </si>
  <si>
    <t>WK066802</t>
  </si>
  <si>
    <t>2021BU06680200</t>
  </si>
  <si>
    <t>buurten.cd5066eb-fd8e-4e92-9c3e-152bf20931e7</t>
  </si>
  <si>
    <t>PL0668020001</t>
  </si>
  <si>
    <t>Altforst</t>
  </si>
  <si>
    <t>BU06680201</t>
  </si>
  <si>
    <t>Buitengebied Altforst</t>
  </si>
  <si>
    <t>2021BU06680201</t>
  </si>
  <si>
    <t>buurten.859c6516-4948-4143-aab3-a46be51712e7</t>
  </si>
  <si>
    <t>BU06680300</t>
  </si>
  <si>
    <t>Kern Appeltern</t>
  </si>
  <si>
    <t>WK066803</t>
  </si>
  <si>
    <t>2021BU06680300</t>
  </si>
  <si>
    <t>buurten.269952b3-d2d8-45b6-bd65-9ee13243774f</t>
  </si>
  <si>
    <t>PL0668020003</t>
  </si>
  <si>
    <t>Appeltern</t>
  </si>
  <si>
    <t>BU06680301</t>
  </si>
  <si>
    <t>Buitengebied Appeltern</t>
  </si>
  <si>
    <t>2021BU06680301</t>
  </si>
  <si>
    <t>buurten.c46e1347-6504-4ba8-8b22-687e5fbd6b67</t>
  </si>
  <si>
    <t>BU06680400</t>
  </si>
  <si>
    <t>Kern Beneden-Leeuwen</t>
  </si>
  <si>
    <t>WK066804</t>
  </si>
  <si>
    <t>2021BU06680400</t>
  </si>
  <si>
    <t>buurten.6129082b-f1e5-47ee-9e78-e85d6e97eaf5</t>
  </si>
  <si>
    <t>PL0668020008</t>
  </si>
  <si>
    <t>Beneden-Leeuwen</t>
  </si>
  <si>
    <t>kansrijke optie: bronnet</t>
  </si>
  <si>
    <t>BU06680401</t>
  </si>
  <si>
    <t>Buitengebied Beneden-Leeuwen</t>
  </si>
  <si>
    <t>2021BU06680401</t>
  </si>
  <si>
    <t>buurten.f1e94216-c6a3-4de2-bcbf-dd6cefcd815b</t>
  </si>
  <si>
    <t>BU06680500</t>
  </si>
  <si>
    <t>Kern Boven-Leeuwen</t>
  </si>
  <si>
    <t>WK066805</t>
  </si>
  <si>
    <t>2021BU06680500</t>
  </si>
  <si>
    <t>buurten.9d138d11-e554-4a0d-a3fb-9fb858d722a7</t>
  </si>
  <si>
    <t>PL0668020004</t>
  </si>
  <si>
    <t>BU06680501</t>
  </si>
  <si>
    <t>Buitengebied Boven-Leeuwen</t>
  </si>
  <si>
    <t>2021BU06680501</t>
  </si>
  <si>
    <t>buurten.30e8a32c-24e8-4b24-a2ca-1e5310f5bafe</t>
  </si>
  <si>
    <t>BU06680600</t>
  </si>
  <si>
    <t>Kern Dreumel</t>
  </si>
  <si>
    <t>WK066806</t>
  </si>
  <si>
    <t>2021BU06680600</t>
  </si>
  <si>
    <t>buurten.ac6168bb-f507-4b22-a5c3-ecfc634c0bd9</t>
  </si>
  <si>
    <t>PL0668020005</t>
  </si>
  <si>
    <t>Dreumel</t>
  </si>
  <si>
    <t>BU06680601</t>
  </si>
  <si>
    <t>Buitengebied Dreumel</t>
  </si>
  <si>
    <t>2021BU06680601</t>
  </si>
  <si>
    <t>buurten.0614be64-9928-447d-9aee-7c228a90a9c0</t>
  </si>
  <si>
    <t>BU06680700</t>
  </si>
  <si>
    <t>Kern Maasbommel</t>
  </si>
  <si>
    <t>WK066807</t>
  </si>
  <si>
    <t>2021BU06680700</t>
  </si>
  <si>
    <t>buurten.a0246b49-5d6a-4ef8-9aad-e5e8561bce0a</t>
  </si>
  <si>
    <t>PL0668020006</t>
  </si>
  <si>
    <t>Maasbommel</t>
  </si>
  <si>
    <t>BU06680701</t>
  </si>
  <si>
    <t>Buitengebied Maasbommel</t>
  </si>
  <si>
    <t>2021BU06680701</t>
  </si>
  <si>
    <t>buurten.12f1b2a8-b244-4458-9694-9b6458e5c685</t>
  </si>
  <si>
    <t>BU06680800</t>
  </si>
  <si>
    <t>Kern Wamel</t>
  </si>
  <si>
    <t>WK066808</t>
  </si>
  <si>
    <t>2021BU06680800</t>
  </si>
  <si>
    <t>buurten.bf812e69-3992-44ed-8dd4-97af6ac0f9cb</t>
  </si>
  <si>
    <t>PL0668020007</t>
  </si>
  <si>
    <t>Wamel</t>
  </si>
  <si>
    <t>BU06680801</t>
  </si>
  <si>
    <t>Buitengebied Wamel</t>
  </si>
  <si>
    <t>2021BU06680801</t>
  </si>
  <si>
    <t>buurten.66a2494d-117c-458e-8a3c-3fcf15ac1db1</t>
  </si>
  <si>
    <t>BU06770101</t>
  </si>
  <si>
    <t>WK067701</t>
  </si>
  <si>
    <t>2021BU06770101</t>
  </si>
  <si>
    <t>buurten.0b7185fc-c5a4-4452-82df-491627913a69</t>
  </si>
  <si>
    <t>DC067701</t>
  </si>
  <si>
    <t>Transitievisie Warmte Gemeente Hulst</t>
  </si>
  <si>
    <t>https://hulst.raadsinformatie.nl/document/10804209/2/WarmteRaadsbesluit_2021-11-09</t>
  </si>
  <si>
    <t>PL0677010001</t>
  </si>
  <si>
    <t>PL0677010002</t>
  </si>
  <si>
    <t>Linie, Carmel, Dullaert en delen van binnestad (wijken Absdaalseweg en Zoetevaart)</t>
  </si>
  <si>
    <t>met doelgroepenaanpak (informeren/ motiveren/ stimuleren): zoveel mogelijk isoleren en in sommige gevallen op natuurlijke momenten overstappen op hwp.</t>
  </si>
  <si>
    <t>op natuurlijke momenten isoleren, ventileren, kieren dichten en elektrisch koken. Eventueel hwp. Zoeken naar/ beginnen met startkansen voor een gebiedsgerichte aanpak (tussenstap naar wup)</t>
  </si>
  <si>
    <t>BU06770102</t>
  </si>
  <si>
    <t>Carmel</t>
  </si>
  <si>
    <t>2021BU06770102</t>
  </si>
  <si>
    <t>buurten.c0fc55d4-4b3f-44d4-a062-77771cbed8c2</t>
  </si>
  <si>
    <t>BU06770103</t>
  </si>
  <si>
    <t>Linie</t>
  </si>
  <si>
    <t>2021BU06770103</t>
  </si>
  <si>
    <t>buurten.35c07e84-a9e5-4ad2-b976-6cb52b7ebeeb</t>
  </si>
  <si>
    <t>PL0677010003</t>
  </si>
  <si>
    <t>doelgroepenaanpak, bewoners stimuleren om op natuurlijke momenten over te stappen op all-electric oplossingen. Net verzwaren waar nodig. Zoeken naar/ beginnen met startkansen voor een gebiedsgerichte aanpak (tussenstap naar wup)</t>
  </si>
  <si>
    <t>BU06770104</t>
  </si>
  <si>
    <t>Dullaert</t>
  </si>
  <si>
    <t>2021BU06770104</t>
  </si>
  <si>
    <t>buurten.7b6ea4c2-1a27-4be8-8d49-99e6e59c67ec</t>
  </si>
  <si>
    <t>BU06770105</t>
  </si>
  <si>
    <t>Puienput</t>
  </si>
  <si>
    <t>2021BU06770105</t>
  </si>
  <si>
    <t>buurten.598bd588-f5b4-47a1-b532-5eedd55ed29c</t>
  </si>
  <si>
    <t>BU06770106</t>
  </si>
  <si>
    <t>Nassau</t>
  </si>
  <si>
    <t>2021BU06770106</t>
  </si>
  <si>
    <t>buurten.9ec287b0-3923-4aba-987b-1ab261f87f69</t>
  </si>
  <si>
    <t>BU06770107</t>
  </si>
  <si>
    <t>Groote Kreek</t>
  </si>
  <si>
    <t>2021BU06770107</t>
  </si>
  <si>
    <t>buurten.5e631cfb-40f0-42ff-ac8c-80c2ff2d9802</t>
  </si>
  <si>
    <t>Groote Kreek te Hulst en enkele straten</t>
  </si>
  <si>
    <t>BU06770108</t>
  </si>
  <si>
    <t>Zoetevaart</t>
  </si>
  <si>
    <t>2021BU06770108</t>
  </si>
  <si>
    <t>buurten.d25e7111-8b2a-440c-b020-e1694537a22d</t>
  </si>
  <si>
    <t>BU06770109</t>
  </si>
  <si>
    <t>Absdaalseweg</t>
  </si>
  <si>
    <t>2021BU06770109</t>
  </si>
  <si>
    <t>buurten.f0b4021b-d54f-466b-a818-8ed6dcd4da07</t>
  </si>
  <si>
    <t>PL0677010004</t>
  </si>
  <si>
    <t>Bedrijventerreinen (Hogeweg, Vogelwaarde, Clinge, onder Kloosterzande en aan de rand van Walsoorden. Nieuwbouw</t>
  </si>
  <si>
    <t>BU06770110</t>
  </si>
  <si>
    <t>Hogeweg</t>
  </si>
  <si>
    <t>2021BU06770110</t>
  </si>
  <si>
    <t>buurten.f1d7337c-d462-41cb-a252-d737fb9585bd</t>
  </si>
  <si>
    <t>BU06770111</t>
  </si>
  <si>
    <t>Buitengebied Hulst</t>
  </si>
  <si>
    <t>2021BU06770111</t>
  </si>
  <si>
    <t>buurten.caabe860-f324-4a7a-a5e2-86a06ff0a952</t>
  </si>
  <si>
    <t>BU06770201</t>
  </si>
  <si>
    <t>Polderken</t>
  </si>
  <si>
    <t>WK067702</t>
  </si>
  <si>
    <t>2021BU06770201</t>
  </si>
  <si>
    <t>buurten.cee1177c-8fc8-4829-8d91-c8624d256655</t>
  </si>
  <si>
    <t>BU06770202</t>
  </si>
  <si>
    <t>Walhoek</t>
  </si>
  <si>
    <t>2021BU06770202</t>
  </si>
  <si>
    <t>buurten.aa53b112-a1ce-45b2-bf47-1378605937c0</t>
  </si>
  <si>
    <t>BU06770203</t>
  </si>
  <si>
    <t>Gedelfte</t>
  </si>
  <si>
    <t>2021BU06770203</t>
  </si>
  <si>
    <t>buurten.c3a9f38a-4dfa-46a6-9b56-4111769f8992</t>
  </si>
  <si>
    <t>BU06770204</t>
  </si>
  <si>
    <t>Buitengebied Sint Jansteen</t>
  </si>
  <si>
    <t>2021BU06770204</t>
  </si>
  <si>
    <t>buurten.36b0f05d-d6b7-45c4-89bf-09ae3714a59b</t>
  </si>
  <si>
    <t>BU06770301</t>
  </si>
  <si>
    <t>Goukensberg</t>
  </si>
  <si>
    <t>WK067703</t>
  </si>
  <si>
    <t>2021BU06770301</t>
  </si>
  <si>
    <t>buurten.10bffb17-183d-4a88-897d-30b3547ab9b2</t>
  </si>
  <si>
    <t>BU06770302</t>
  </si>
  <si>
    <t>Durpe</t>
  </si>
  <si>
    <t>2021BU06770302</t>
  </si>
  <si>
    <t>buurten.12102302-a98f-43d6-bb8a-45e5b9ec94b8</t>
  </si>
  <si>
    <t>BU06770303</t>
  </si>
  <si>
    <t>Buitengebied Clinge</t>
  </si>
  <si>
    <t>2021BU06770303</t>
  </si>
  <si>
    <t>buurten.e91836b1-baec-4205-91fc-673d7f7190f8</t>
  </si>
  <si>
    <t>BU06770401</t>
  </si>
  <si>
    <t>Kern Graauw</t>
  </si>
  <si>
    <t>WK067704</t>
  </si>
  <si>
    <t>2021BU06770401</t>
  </si>
  <si>
    <t>buurten.580406d9-bb7f-4ba7-80cb-ff2b1b35bd35</t>
  </si>
  <si>
    <t>BU06770402</t>
  </si>
  <si>
    <t>Paal</t>
  </si>
  <si>
    <t>2021BU06770402</t>
  </si>
  <si>
    <t>buurten.0880341c-d2af-4104-a414-1f535295ec25</t>
  </si>
  <si>
    <t>BU06770403</t>
  </si>
  <si>
    <t>Buitengebied Graauw</t>
  </si>
  <si>
    <t>2021BU06770403</t>
  </si>
  <si>
    <t>buurten.98426eb9-f2db-4458-807e-54de4ea77fe6</t>
  </si>
  <si>
    <t>BU06770501</t>
  </si>
  <si>
    <t>Kern Heikant</t>
  </si>
  <si>
    <t>WK067705</t>
  </si>
  <si>
    <t>2021BU06770501</t>
  </si>
  <si>
    <t>buurten.981e540f-e4fc-415b-a490-bbd974c8e387</t>
  </si>
  <si>
    <t>BU06770502</t>
  </si>
  <si>
    <t>Buitengebied Heikant</t>
  </si>
  <si>
    <t>2021BU06770502</t>
  </si>
  <si>
    <t>buurten.27d46605-3c95-4db6-8403-6f0533ed32bf</t>
  </si>
  <si>
    <t>BU06770601</t>
  </si>
  <si>
    <t>Kern Nieuw Namen</t>
  </si>
  <si>
    <t>WK067706</t>
  </si>
  <si>
    <t>2021BU06770601</t>
  </si>
  <si>
    <t>buurten.d3682a12-7ada-4990-ad58-734a12774994</t>
  </si>
  <si>
    <t>BU06770602</t>
  </si>
  <si>
    <t>Buitengebied Nieuw Namen</t>
  </si>
  <si>
    <t>2021BU06770602</t>
  </si>
  <si>
    <t>buurten.8552208f-68f4-4575-80fa-5dd52ecd0ed4</t>
  </si>
  <si>
    <t>BU06770701</t>
  </si>
  <si>
    <t>Kern Kapellebrug</t>
  </si>
  <si>
    <t>WK067707</t>
  </si>
  <si>
    <t>2021BU06770701</t>
  </si>
  <si>
    <t>buurten.815e7513-8390-4d03-9fe0-55fd80d7a47c</t>
  </si>
  <si>
    <t>BU06770702</t>
  </si>
  <si>
    <t>Buitengebied Kapellebrug</t>
  </si>
  <si>
    <t>2021BU06770702</t>
  </si>
  <si>
    <t>buurten.93042577-c405-48da-b206-3da9fa37dfb5</t>
  </si>
  <si>
    <t>BU06770801</t>
  </si>
  <si>
    <t>Groenendijk</t>
  </si>
  <si>
    <t>WK067708</t>
  </si>
  <si>
    <t>2021BU06770801</t>
  </si>
  <si>
    <t>buurten.8c3f63c5-8e21-4464-821f-0f0b8f3cbece</t>
  </si>
  <si>
    <t>BU06770802</t>
  </si>
  <si>
    <t>Zandewijk</t>
  </si>
  <si>
    <t>2021BU06770802</t>
  </si>
  <si>
    <t>buurten.8fce16ed-5a7c-4aa9-afff-d00dc0424399</t>
  </si>
  <si>
    <t>BU06770803</t>
  </si>
  <si>
    <t>Molenstraat</t>
  </si>
  <si>
    <t>2021BU06770803</t>
  </si>
  <si>
    <t>buurten.79e84c78-b85c-4452-a732-c06c352b4cac</t>
  </si>
  <si>
    <t>BU06770804</t>
  </si>
  <si>
    <t>Hoek en Bosch</t>
  </si>
  <si>
    <t>2021BU06770804</t>
  </si>
  <si>
    <t>buurten.e1b6d110-7e36-4c24-a0af-67c4a2bc2092</t>
  </si>
  <si>
    <t>BU06770805</t>
  </si>
  <si>
    <t>Buitengebied Kloosterzande</t>
  </si>
  <si>
    <t>2021BU06770805</t>
  </si>
  <si>
    <t>buurten.19213841-51cc-4a90-8664-fbf8b496b04c</t>
  </si>
  <si>
    <t>BU06770901</t>
  </si>
  <si>
    <t>Kern Lamswaarde</t>
  </si>
  <si>
    <t>WK067709</t>
  </si>
  <si>
    <t>2021BU06770901</t>
  </si>
  <si>
    <t>buurten.470cd68e-7354-434b-bd0e-6c5cda5704a3</t>
  </si>
  <si>
    <t>BU06770902</t>
  </si>
  <si>
    <t>Buitengebied Lamswaarde</t>
  </si>
  <si>
    <t>2021BU06770902</t>
  </si>
  <si>
    <t>buurten.1cc7eb16-d37d-46b4-a0b7-8b0c97fdf090</t>
  </si>
  <si>
    <t>BU06771001</t>
  </si>
  <si>
    <t>Kern Terhole</t>
  </si>
  <si>
    <t>WK067710</t>
  </si>
  <si>
    <t>2021BU06771001</t>
  </si>
  <si>
    <t>buurten.61a8b580-30bd-45cd-94a0-99ee42315aa9</t>
  </si>
  <si>
    <t>BU06771002</t>
  </si>
  <si>
    <t>Buitengebied Terhole</t>
  </si>
  <si>
    <t>2021BU06771002</t>
  </si>
  <si>
    <t>buurten.7f831ab0-412f-42a1-b8ae-a00223c7def8</t>
  </si>
  <si>
    <t>BU06771101</t>
  </si>
  <si>
    <t>Stoppeldijk</t>
  </si>
  <si>
    <t>WK067711</t>
  </si>
  <si>
    <t>2021BU06771101</t>
  </si>
  <si>
    <t>buurten.9be8d979-db85-4819-92df-3307b38b46fa</t>
  </si>
  <si>
    <t>BU06771102</t>
  </si>
  <si>
    <t>Boschkapelle</t>
  </si>
  <si>
    <t>2021BU06771102</t>
  </si>
  <si>
    <t>buurten.7445de45-8ab1-4c19-be01-e13b5d3d14b3</t>
  </si>
  <si>
    <t>BU06771103</t>
  </si>
  <si>
    <t>Buitengebied Vogelwaarde</t>
  </si>
  <si>
    <t>2021BU06771103</t>
  </si>
  <si>
    <t>buurten.d1c4b598-f782-46df-951f-181288178f3a</t>
  </si>
  <si>
    <t>BU06771201</t>
  </si>
  <si>
    <t>Kern Hengstdijk</t>
  </si>
  <si>
    <t>WK067712</t>
  </si>
  <si>
    <t>2021BU06771201</t>
  </si>
  <si>
    <t>buurten.2c6a4f40-9a41-4d67-98e4-0779816172e0</t>
  </si>
  <si>
    <t>BU06771202</t>
  </si>
  <si>
    <t>Buitengebied Hengstdijk</t>
  </si>
  <si>
    <t>2021BU06771202</t>
  </si>
  <si>
    <t>buurten.76b188cc-7031-4931-a6f5-7e2e735f806a</t>
  </si>
  <si>
    <t>BU06771301</t>
  </si>
  <si>
    <t>Kern Ossenisse</t>
  </si>
  <si>
    <t>WK067713</t>
  </si>
  <si>
    <t>2021BU06771301</t>
  </si>
  <si>
    <t>buurten.ee052a02-1107-4664-ae51-37e149bc9f98</t>
  </si>
  <si>
    <t>BU06771302</t>
  </si>
  <si>
    <t>Buitengebied Ossenisse</t>
  </si>
  <si>
    <t>2021BU06771302</t>
  </si>
  <si>
    <t>buurten.da598bc9-8e35-418f-8b43-5ac1f6105e9a</t>
  </si>
  <si>
    <t>BU06771401</t>
  </si>
  <si>
    <t>Kern Kuitaart</t>
  </si>
  <si>
    <t>WK067714</t>
  </si>
  <si>
    <t>2021BU06771401</t>
  </si>
  <si>
    <t>buurten.e30456aa-977b-449e-bf65-533527213f29</t>
  </si>
  <si>
    <t>BU06771402</t>
  </si>
  <si>
    <t>Buitengebied Kuitaart</t>
  </si>
  <si>
    <t>2021BU06771402</t>
  </si>
  <si>
    <t>buurten.2b4b9a16-e41f-42e9-a165-d86f16a6a241</t>
  </si>
  <si>
    <t>BU06771501</t>
  </si>
  <si>
    <t>Kern Walsoorden</t>
  </si>
  <si>
    <t>WK067715</t>
  </si>
  <si>
    <t>2021BU06771501</t>
  </si>
  <si>
    <t>buurten.2607c207-311b-479b-953a-bbe7ab7fb64d</t>
  </si>
  <si>
    <t>BU06771502</t>
  </si>
  <si>
    <t>Perkpolder</t>
  </si>
  <si>
    <t>2021BU06771502</t>
  </si>
  <si>
    <t>buurten.2f6e9cb5-1ebe-480f-9a62-ee0307435ad5</t>
  </si>
  <si>
    <t>BU06771503</t>
  </si>
  <si>
    <t>Buitengebied Walsoorden</t>
  </si>
  <si>
    <t>2021BU06771503</t>
  </si>
  <si>
    <t>buurten.c5c31720-02fb-486a-85f2-669f69cd8080</t>
  </si>
  <si>
    <t>BU06780000</t>
  </si>
  <si>
    <t>WK067800</t>
  </si>
  <si>
    <t>2021BU06780000</t>
  </si>
  <si>
    <t>buurten.e7a6c841-5800-4f3f-a06c-d3377ae88e80</t>
  </si>
  <si>
    <t>PL0678010002</t>
  </si>
  <si>
    <t>BU06780009</t>
  </si>
  <si>
    <t>Verspreide huizen Kapelle</t>
  </si>
  <si>
    <t>2021BU06780009</t>
  </si>
  <si>
    <t>buurten.0581e9ee-5c9a-4193-bf24-ab01d0879edd</t>
  </si>
  <si>
    <t>BU06780100</t>
  </si>
  <si>
    <t>Wemeldinge</t>
  </si>
  <si>
    <t>WK067801</t>
  </si>
  <si>
    <t>2021BU06780100</t>
  </si>
  <si>
    <t>buurten.bd3bfed4-849b-4255-8096-1a29e435da91</t>
  </si>
  <si>
    <t>BU06780109</t>
  </si>
  <si>
    <t>Verspreide huizen Wemeldinge</t>
  </si>
  <si>
    <t>2021BU06780109</t>
  </si>
  <si>
    <t>buurten.59ff6346-5033-44e7-aa24-8c7205a5df8a</t>
  </si>
  <si>
    <t>BU06780200</t>
  </si>
  <si>
    <t>Schore</t>
  </si>
  <si>
    <t>WK067802</t>
  </si>
  <si>
    <t>2021BU06780200</t>
  </si>
  <si>
    <t>buurten.972c7efa-26da-4694-981d-2d91d97d6a17</t>
  </si>
  <si>
    <t>BU06780209</t>
  </si>
  <si>
    <t>Verspreide huizen Schore</t>
  </si>
  <si>
    <t>2021BU06780209</t>
  </si>
  <si>
    <t>buurten.c77d0eec-294b-423f-8e52-a0a5082897ff</t>
  </si>
  <si>
    <t>BU06870003</t>
  </si>
  <si>
    <t>Abdij</t>
  </si>
  <si>
    <t>WK068700</t>
  </si>
  <si>
    <t>2021BU06870003</t>
  </si>
  <si>
    <t>buurten.cdfdf7a0-545f-49ea-b62b-e24868435568</t>
  </si>
  <si>
    <t>BU06870004</t>
  </si>
  <si>
    <t>Stadhuis</t>
  </si>
  <si>
    <t>2021BU06870004</t>
  </si>
  <si>
    <t>buurten.abf64681-fec1-4064-a841-ebf0e40a1f6b</t>
  </si>
  <si>
    <t>BU06870005</t>
  </si>
  <si>
    <t>2021BU06870005</t>
  </si>
  <si>
    <t>buurten.e1c370f2-1920-4335-b3c9-879df1945632</t>
  </si>
  <si>
    <t>BU06870006</t>
  </si>
  <si>
    <t>Damplein</t>
  </si>
  <si>
    <t>2021BU06870006</t>
  </si>
  <si>
    <t>buurten.63f2524d-6598-43a0-835b-2513913573f9</t>
  </si>
  <si>
    <t>BU06870007</t>
  </si>
  <si>
    <t>Dampoort</t>
  </si>
  <si>
    <t>2021BU06870007</t>
  </si>
  <si>
    <t>buurten.271305d0-0d61-4d23-b8af-90e757ab72d2</t>
  </si>
  <si>
    <t>BU06871008</t>
  </si>
  <si>
    <t>Griffioen I</t>
  </si>
  <si>
    <t>WK068710</t>
  </si>
  <si>
    <t>2021BU06871008</t>
  </si>
  <si>
    <t>buurten.f6e977a8-0a3b-4e62-b7c4-92b35f0416d1</t>
  </si>
  <si>
    <t>BU06871009</t>
  </si>
  <si>
    <t>Griffioen II</t>
  </si>
  <si>
    <t>2021BU06871009</t>
  </si>
  <si>
    <t>buurten.4e7dc6ee-fd85-4c6b-9229-75a5014edd68</t>
  </si>
  <si>
    <t>BU06871010</t>
  </si>
  <si>
    <t>Poppenroede</t>
  </si>
  <si>
    <t>2021BU06871010</t>
  </si>
  <si>
    <t>buurten.d8d40eed-de46-4841-957a-86688b0a0050</t>
  </si>
  <si>
    <t>BU06871102</t>
  </si>
  <si>
    <t>Seislaan</t>
  </si>
  <si>
    <t>WK068711</t>
  </si>
  <si>
    <t>2021BU06871102</t>
  </si>
  <si>
    <t>buurten.e6536f7f-003c-465e-8850-c653f5d9f91d</t>
  </si>
  <si>
    <t>BU06871111</t>
  </si>
  <si>
    <t>Klarenbeek I</t>
  </si>
  <si>
    <t>2021BU06871111</t>
  </si>
  <si>
    <t>buurten.719a2bf8-7d96-4171-8d55-8c4f8a5e0f7f</t>
  </si>
  <si>
    <t>BU06871112</t>
  </si>
  <si>
    <t>Klarenbeek II &amp; III</t>
  </si>
  <si>
    <t>2021BU06871112</t>
  </si>
  <si>
    <t>buurten.5a4850e7-054b-4ed5-8550-891525627f71</t>
  </si>
  <si>
    <t>BU06871213</t>
  </si>
  <si>
    <t>Nieuw Middelburg</t>
  </si>
  <si>
    <t>WK068712</t>
  </si>
  <si>
    <t>2021BU06871213</t>
  </si>
  <si>
    <t>buurten.f6b6a29f-f23e-4bde-b40e-fb451020b277</t>
  </si>
  <si>
    <t>BU06871301</t>
  </si>
  <si>
    <t>Brigdamme</t>
  </si>
  <si>
    <t>WK068713</t>
  </si>
  <si>
    <t>2021BU06871301</t>
  </si>
  <si>
    <t>buurten.e464eb3a-9e87-4fed-b9c1-31bf14836e53</t>
  </si>
  <si>
    <t>BU06871314</t>
  </si>
  <si>
    <t>Leliendale</t>
  </si>
  <si>
    <t>2021BU06871314</t>
  </si>
  <si>
    <t>buurten.8b17ba3a-a52d-445f-995a-a9b14c55d713</t>
  </si>
  <si>
    <t>BU06871415</t>
  </si>
  <si>
    <t>Sint Laurens</t>
  </si>
  <si>
    <t>WK068714</t>
  </si>
  <si>
    <t>2021BU06871415</t>
  </si>
  <si>
    <t>buurten.b1d2fc84-2674-4234-b46e-53ac70fe4326</t>
  </si>
  <si>
    <t>BU06871416</t>
  </si>
  <si>
    <t>Rozenhof</t>
  </si>
  <si>
    <t>2021BU06871416</t>
  </si>
  <si>
    <t>buurten.42df5201-3f69-4b33-ad83-ba1029852e8d</t>
  </si>
  <si>
    <t>BU06871417</t>
  </si>
  <si>
    <t>Popkensburg</t>
  </si>
  <si>
    <t>2021BU06871417</t>
  </si>
  <si>
    <t>buurten.57a7910e-2b50-4126-b44d-7c6a53a57f68</t>
  </si>
  <si>
    <t>BU06871518</t>
  </si>
  <si>
    <t>Ramsburg</t>
  </si>
  <si>
    <t>WK068715</t>
  </si>
  <si>
    <t>2021BU06871518</t>
  </si>
  <si>
    <t>buurten.ba0d0c6b-34a7-4534-9e3b-dcf6b9a7ef24</t>
  </si>
  <si>
    <t>BU06871619</t>
  </si>
  <si>
    <t>Prooijenspark</t>
  </si>
  <si>
    <t>WK068716</t>
  </si>
  <si>
    <t>2021BU06871619</t>
  </si>
  <si>
    <t>buurten.007c8756-65ff-4ea3-854e-851566042bb2</t>
  </si>
  <si>
    <t>BU06871620</t>
  </si>
  <si>
    <t>Veersepoort</t>
  </si>
  <si>
    <t>2021BU06871620</t>
  </si>
  <si>
    <t>buurten.8345bfb1-79f5-4e5a-a747-30bba0dc2683</t>
  </si>
  <si>
    <t>BU06871721</t>
  </si>
  <si>
    <t>Golsteinseweg</t>
  </si>
  <si>
    <t>WK068717</t>
  </si>
  <si>
    <t>2021BU06871721</t>
  </si>
  <si>
    <t>buurten.7f37c54d-004b-4521-8092-305d69ff0f0d</t>
  </si>
  <si>
    <t>BU06871768</t>
  </si>
  <si>
    <t>Nieuwenhove</t>
  </si>
  <si>
    <t>2021BU06871768</t>
  </si>
  <si>
    <t>buurten.c5cf3947-7cbe-4efc-bfc2-64d5e5a26d80</t>
  </si>
  <si>
    <t>BU06871781</t>
  </si>
  <si>
    <t>Brigdamsepad</t>
  </si>
  <si>
    <t>2021BU06871781</t>
  </si>
  <si>
    <t>buurten.7e16f49f-7d07-429d-958c-54313f25a789</t>
  </si>
  <si>
    <t>BU06871822</t>
  </si>
  <si>
    <t>WK068718</t>
  </si>
  <si>
    <t>2021BU06871822</t>
  </si>
  <si>
    <t>buurten.19679f72-e21b-40fe-961c-43827e322078</t>
  </si>
  <si>
    <t>BU06871823</t>
  </si>
  <si>
    <t>Goedgelegen</t>
  </si>
  <si>
    <t>2021BU06871823</t>
  </si>
  <si>
    <t>buurten.770510c9-b048-4042-b6b2-33fe234a7c98</t>
  </si>
  <si>
    <t>BU06871824</t>
  </si>
  <si>
    <t>Pronkenburg</t>
  </si>
  <si>
    <t>2021BU06871824</t>
  </si>
  <si>
    <t>buurten.7a3ae3f8-1cb2-48a1-8db7-2d2a6294aaf4</t>
  </si>
  <si>
    <t>BU06871925</t>
  </si>
  <si>
    <t>Schellach</t>
  </si>
  <si>
    <t>WK068719</t>
  </si>
  <si>
    <t>2021BU06871925</t>
  </si>
  <si>
    <t>buurten.adf4e1c1-0ffb-48e9-a9ee-137fc7c1d62f</t>
  </si>
  <si>
    <t>BU06871926</t>
  </si>
  <si>
    <t>Krooneveld</t>
  </si>
  <si>
    <t>2021BU06871926</t>
  </si>
  <si>
    <t>buurten.124224f5-8540-408d-aecd-9da4cc62907e</t>
  </si>
  <si>
    <t>BU06872027</t>
  </si>
  <si>
    <t>Poelendaele</t>
  </si>
  <si>
    <t>WK068720</t>
  </si>
  <si>
    <t>2021BU06872027</t>
  </si>
  <si>
    <t>buurten.aadcb396-6528-4562-afbe-7dba8bfba79c</t>
  </si>
  <si>
    <t>BU06872028</t>
  </si>
  <si>
    <t>'t Zand</t>
  </si>
  <si>
    <t>2021BU06872028</t>
  </si>
  <si>
    <t>buurten.56335ef5-cf25-453a-9247-013fc85a9a55</t>
  </si>
  <si>
    <t>BU06872031</t>
  </si>
  <si>
    <t>Stromenwijk</t>
  </si>
  <si>
    <t>2021BU06872031</t>
  </si>
  <si>
    <t>buurten.4e365812-a869-4a3a-9f84-4b17ac8c8386</t>
  </si>
  <si>
    <t>Veersepoort, Mortiere, Rittenburg en delen van Arnemuiden</t>
  </si>
  <si>
    <t>BU06872032</t>
  </si>
  <si>
    <t>Toorenvliedt</t>
  </si>
  <si>
    <t>2021BU06872032</t>
  </si>
  <si>
    <t>buurten.c56a5e2c-fce5-4563-a279-301ea02def24</t>
  </si>
  <si>
    <t>BU06872084</t>
  </si>
  <si>
    <t>Breewijk</t>
  </si>
  <si>
    <t>2021BU06872084</t>
  </si>
  <si>
    <t>buurten.5b772b29-0905-4991-8789-469afd1be9f6</t>
  </si>
  <si>
    <t>BU06872933</t>
  </si>
  <si>
    <t>Breeweg</t>
  </si>
  <si>
    <t>WK068729</t>
  </si>
  <si>
    <t>2021BU06872933</t>
  </si>
  <si>
    <t>buurten.36ce8411-66fe-4a7f-9194-0ca8164c2140</t>
  </si>
  <si>
    <t>BU06872934</t>
  </si>
  <si>
    <t>Ter Hooge</t>
  </si>
  <si>
    <t>2021BU06872934</t>
  </si>
  <si>
    <t>buurten.d55ade1f-7efa-4622-adf5-7f31644bc683</t>
  </si>
  <si>
    <t>PL0687010002</t>
  </si>
  <si>
    <t>met doelgroepenaanpak zoveel mogelijk transitiegereed maken, overstappen op all-electric waar mogelijk op natuurlijke momenten. Zoeken naar/ beginnen met startkansen voor een gebiedsgerichte aanpak (tussenstap naar wup)</t>
  </si>
  <si>
    <t>BU06872935</t>
  </si>
  <si>
    <t>Lustenburg</t>
  </si>
  <si>
    <t>2021BU06872935</t>
  </si>
  <si>
    <t>buurten.a0a06ad0-05fb-4922-9324-a863a0117fda</t>
  </si>
  <si>
    <t>PL0718010001</t>
  </si>
  <si>
    <t>BU06872936</t>
  </si>
  <si>
    <t>Nieuw Abeele</t>
  </si>
  <si>
    <t>2021BU06872936</t>
  </si>
  <si>
    <t>buurten.27ba2027-ceba-49a8-8b3e-361f17b78e37</t>
  </si>
  <si>
    <t>PL0718010006</t>
  </si>
  <si>
    <t>Souburg-Noord, Schoonenburg-Groot Abeele, West-Souburg</t>
  </si>
  <si>
    <t>BU06873037</t>
  </si>
  <si>
    <t>Magistraatwijk I</t>
  </si>
  <si>
    <t>WK068730</t>
  </si>
  <si>
    <t>2021BU06873037</t>
  </si>
  <si>
    <t>buurten.47672756-de9d-46cd-af9a-8e5d0d08ca64</t>
  </si>
  <si>
    <t>BU06873038</t>
  </si>
  <si>
    <t>Magistraatwijk II</t>
  </si>
  <si>
    <t>2021BU06873038</t>
  </si>
  <si>
    <t>buurten.5336865d-f562-4b69-b522-38244d6a243e</t>
  </si>
  <si>
    <t>BU06873039</t>
  </si>
  <si>
    <t>Erasmuswijk</t>
  </si>
  <si>
    <t>2021BU06873039</t>
  </si>
  <si>
    <t>buurten.44a418d0-2862-49e6-8594-1af52b8e7c9d</t>
  </si>
  <si>
    <t>BU06873040</t>
  </si>
  <si>
    <t>Magistraatwijk III</t>
  </si>
  <si>
    <t>2021BU06873040</t>
  </si>
  <si>
    <t>buurten.53d93484-ed23-4629-948d-64fad2737bd2</t>
  </si>
  <si>
    <t>BU06873041</t>
  </si>
  <si>
    <t>Reijershove</t>
  </si>
  <si>
    <t>2021BU06873041</t>
  </si>
  <si>
    <t>buurten.123df24c-c60d-4e55-ae2d-bea773f57bb0</t>
  </si>
  <si>
    <t>BU06873082</t>
  </si>
  <si>
    <t>2021BU06873082</t>
  </si>
  <si>
    <t>buurten.b2790022-7974-48a2-a6bd-a3e636005cab</t>
  </si>
  <si>
    <t>BU06873083</t>
  </si>
  <si>
    <t>Essenvelt</t>
  </si>
  <si>
    <t>2021BU06873083</t>
  </si>
  <si>
    <t>buurten.90beb10c-3d93-48d8-968b-5ff2d91eb687</t>
  </si>
  <si>
    <t>BU06873143</t>
  </si>
  <si>
    <t>Kruitmolen</t>
  </si>
  <si>
    <t>WK068731</t>
  </si>
  <si>
    <t>2021BU06873143</t>
  </si>
  <si>
    <t>buurten.587caff5-6177-4968-8b23-8299ff990f56</t>
  </si>
  <si>
    <t>restwarmte van bedrijf op Arnestein</t>
  </si>
  <si>
    <t>BU06873144</t>
  </si>
  <si>
    <t>Dauwendaele I</t>
  </si>
  <si>
    <t>2021BU06873144</t>
  </si>
  <si>
    <t>buurten.03a21d92-bbb9-4b86-acb8-776bc1451ba5</t>
  </si>
  <si>
    <t>PL0687010003</t>
  </si>
  <si>
    <t>Dauwendaele (PAW)</t>
  </si>
  <si>
    <t>onderzoeken of 900 woningen kunnen worden aangesloten op een warmtenet</t>
  </si>
  <si>
    <t>BU06873145</t>
  </si>
  <si>
    <t>Dauwendaele II</t>
  </si>
  <si>
    <t>2021BU06873145</t>
  </si>
  <si>
    <t>buurten.ea20bec0-4adf-4ca2-bd32-cae62b2210f5</t>
  </si>
  <si>
    <t>BU06873171</t>
  </si>
  <si>
    <t>2021BU06873171</t>
  </si>
  <si>
    <t>buurten.b6b62fbd-630b-450d-9666-dc4a15e21f4c</t>
  </si>
  <si>
    <t>BU06873247</t>
  </si>
  <si>
    <t>Arnestein I</t>
  </si>
  <si>
    <t>WK068732</t>
  </si>
  <si>
    <t>2021BU06873247</t>
  </si>
  <si>
    <t>buurten.5819000d-3f14-4bd5-a803-16d5306514b8</t>
  </si>
  <si>
    <t>BU06873248</t>
  </si>
  <si>
    <t>Arnestein II</t>
  </si>
  <si>
    <t>2021BU06873248</t>
  </si>
  <si>
    <t>buurten.44197701-13f9-4516-8ea5-3ddfaf479e24</t>
  </si>
  <si>
    <t>BU06873946</t>
  </si>
  <si>
    <t>Mortiere I</t>
  </si>
  <si>
    <t>WK068739</t>
  </si>
  <si>
    <t>2021BU06873946</t>
  </si>
  <si>
    <t>buurten.c4ae1f4a-9792-4f30-9f9c-0b0de0e5235b</t>
  </si>
  <si>
    <t>BU06873950</t>
  </si>
  <si>
    <t>Mortiere III</t>
  </si>
  <si>
    <t>2021BU06873950</t>
  </si>
  <si>
    <t>buurten.b7f4e3b5-4a03-41bf-b09a-c3f117a90563</t>
  </si>
  <si>
    <t>elektriciteit en (op termijn) duurzaam gas, WKO</t>
  </si>
  <si>
    <t>38</t>
  </si>
  <si>
    <t>BU06873970</t>
  </si>
  <si>
    <t>Mortiere II</t>
  </si>
  <si>
    <t>2021BU06873970</t>
  </si>
  <si>
    <t>buurten.91599353-7f4c-4bf0-854f-9cdee4fca590</t>
  </si>
  <si>
    <t>BU06874051</t>
  </si>
  <si>
    <t>Nieuw- en Sint Joosland</t>
  </si>
  <si>
    <t>WK068740</t>
  </si>
  <si>
    <t>2021BU06874051</t>
  </si>
  <si>
    <t>buurten.a19815c5-632e-41b3-a288-56c07b7a669c</t>
  </si>
  <si>
    <t>BU06874952</t>
  </si>
  <si>
    <t>Nieuwlandsrust</t>
  </si>
  <si>
    <t>WK068749</t>
  </si>
  <si>
    <t>2021BU06874952</t>
  </si>
  <si>
    <t>buurten.3acb7079-941e-4794-b65a-639e5777e41d</t>
  </si>
  <si>
    <t>BU06874953</t>
  </si>
  <si>
    <t>Vlackeweg</t>
  </si>
  <si>
    <t>2021BU06874953</t>
  </si>
  <si>
    <t>buurten.ad0a11d4-785d-40ef-9dc5-f99382c8bd8b</t>
  </si>
  <si>
    <t>BU06874954</t>
  </si>
  <si>
    <t>Middelburgschepolder</t>
  </si>
  <si>
    <t>2021BU06874954</t>
  </si>
  <si>
    <t>buurten.456c7853-5a3a-4bc9-91c4-5d7fa7934419</t>
  </si>
  <si>
    <t>BU06874955</t>
  </si>
  <si>
    <t>Mortierepolder</t>
  </si>
  <si>
    <t>2021BU06874955</t>
  </si>
  <si>
    <t>buurten.1b7cb0d4-4f78-4893-a680-3246019b97bb</t>
  </si>
  <si>
    <t>Havengebied en sloegebied. Baskensburg. Recreatievastgoed in het westen van Paauwenburg Westduin</t>
  </si>
  <si>
    <t>BU06874956</t>
  </si>
  <si>
    <t>Oudedorp</t>
  </si>
  <si>
    <t>2021BU06874956</t>
  </si>
  <si>
    <t>buurten.56baff54-4c4a-4984-ae03-c046074874b3</t>
  </si>
  <si>
    <t>BU06874957</t>
  </si>
  <si>
    <t>Derdeweg</t>
  </si>
  <si>
    <t>2021BU06874957</t>
  </si>
  <si>
    <t>buurten.582b2ab6-b975-4e30-bb25-ba392bb37639</t>
  </si>
  <si>
    <t>BU06875058</t>
  </si>
  <si>
    <t>WK068750</t>
  </si>
  <si>
    <t>2021BU06875058</t>
  </si>
  <si>
    <t>buurten.84d10a88-6f53-4bb1-a5cf-2eb3bba35b9e</t>
  </si>
  <si>
    <t>BU06875059</t>
  </si>
  <si>
    <t>Poldertje</t>
  </si>
  <si>
    <t>2021BU06875059</t>
  </si>
  <si>
    <t>buurten.5d1c19e4-ec0e-421d-9a16-3aa95a8da49d</t>
  </si>
  <si>
    <t>BU06875060</t>
  </si>
  <si>
    <t>Brakenburg I</t>
  </si>
  <si>
    <t>2021BU06875060</t>
  </si>
  <si>
    <t>buurten.7ef1c70d-8185-4745-ba5e-9056fe18a32d</t>
  </si>
  <si>
    <t>BU06875061</t>
  </si>
  <si>
    <t>Brakenburg II</t>
  </si>
  <si>
    <t>2021BU06875061</t>
  </si>
  <si>
    <t>buurten.f95741fa-58b1-471e-9b1e-b5d5018baa4d</t>
  </si>
  <si>
    <t>BU06875062</t>
  </si>
  <si>
    <t>Brakenburg III</t>
  </si>
  <si>
    <t>2021BU06875062</t>
  </si>
  <si>
    <t>buurten.8363dc63-3d08-4030-9b62-7658385c8202</t>
  </si>
  <si>
    <t>BU06875063</t>
  </si>
  <si>
    <t>Hazenburg I</t>
  </si>
  <si>
    <t>2021BU06875063</t>
  </si>
  <si>
    <t>buurten.5bf4b1bd-1ecc-4071-8669-46d3bca4cdf6</t>
  </si>
  <si>
    <t>BU06875069</t>
  </si>
  <si>
    <t>De Lage Landen</t>
  </si>
  <si>
    <t>2021BU06875069</t>
  </si>
  <si>
    <t>buurten.06e612d5-55a1-4927-9550-80ab9aa330ae</t>
  </si>
  <si>
    <t>BU06875085</t>
  </si>
  <si>
    <t>Hazenburg II</t>
  </si>
  <si>
    <t>2021BU06875085</t>
  </si>
  <si>
    <t>buurten.6bc7223c-9427-4007-ba03-50035daa7230</t>
  </si>
  <si>
    <t>BU06875164</t>
  </si>
  <si>
    <t>Kleverskerke</t>
  </si>
  <si>
    <t>WK068751</t>
  </si>
  <si>
    <t>2021BU06875164</t>
  </si>
  <si>
    <t>buurten.3321c630-b324-4b03-b3db-17ab46fd3c9a</t>
  </si>
  <si>
    <t>BU06875265</t>
  </si>
  <si>
    <t>Oranjeplaat</t>
  </si>
  <si>
    <t>WK068752</t>
  </si>
  <si>
    <t>2021BU06875265</t>
  </si>
  <si>
    <t>buurten.5dc22234-19c5-41b5-9075-07249f115482</t>
  </si>
  <si>
    <t>BU06875367</t>
  </si>
  <si>
    <t>Veerse Meer</t>
  </si>
  <si>
    <t>WK068753</t>
  </si>
  <si>
    <t>2021BU06875367</t>
  </si>
  <si>
    <t>buurten.4994d367-5005-4fd8-8757-1493752f75d3</t>
  </si>
  <si>
    <t>BU06875966</t>
  </si>
  <si>
    <t>WK068759</t>
  </si>
  <si>
    <t>2021BU06875966</t>
  </si>
  <si>
    <t>buurten.bb93b4ca-5d08-4574-bfa0-e172d3c55f12</t>
  </si>
  <si>
    <t>BU07030000</t>
  </si>
  <si>
    <t>Yerseke - Kern</t>
  </si>
  <si>
    <t>WK070300</t>
  </si>
  <si>
    <t>2021BU07030000</t>
  </si>
  <si>
    <t>buurten.441723e1-81b3-4561-97bb-f7dd3c5ea023</t>
  </si>
  <si>
    <t>PL0703010007</t>
  </si>
  <si>
    <t>All- electric: alle dorpen en (delen van) sommige wijken</t>
  </si>
  <si>
    <t>gericht informeren, motiveren en faciliteren van inwoners met een doelgroepenaanpak: op natuurlijke momenten overstappen naar warmtepomp</t>
  </si>
  <si>
    <t>BU07030001</t>
  </si>
  <si>
    <t>Yerseke - West</t>
  </si>
  <si>
    <t>2021BU07030001</t>
  </si>
  <si>
    <t>buurten.3b71d8c6-f27b-473b-9845-308593781217</t>
  </si>
  <si>
    <t>BU07030002</t>
  </si>
  <si>
    <t>Yerseke - Steehof</t>
  </si>
  <si>
    <t>2021BU07030002</t>
  </si>
  <si>
    <t>buurten.f009db84-b946-4548-80a3-b3a193887e2d</t>
  </si>
  <si>
    <t>BU07030006</t>
  </si>
  <si>
    <t>Yerseke - Molenpolder/Olzendepolder</t>
  </si>
  <si>
    <t>2021BU07030006</t>
  </si>
  <si>
    <t>buurten.9680ddac-268b-4636-a2cb-0c9ac6f13aef</t>
  </si>
  <si>
    <t>BU07030009</t>
  </si>
  <si>
    <t>Verspreide huizen Yerseke</t>
  </si>
  <si>
    <t>2021BU07030009</t>
  </si>
  <si>
    <t>buurten.c383e215-5c6e-4e4a-bf88-65eb77ce558e</t>
  </si>
  <si>
    <t>BU07030100</t>
  </si>
  <si>
    <t>Kruiningen - Kern</t>
  </si>
  <si>
    <t>WK070301</t>
  </si>
  <si>
    <t>2021BU07030100</t>
  </si>
  <si>
    <t>buurten.e6bf649c-84fa-48ce-8a31-ac2fcc4b1713</t>
  </si>
  <si>
    <t>PL0703010001</t>
  </si>
  <si>
    <t>BU07030101</t>
  </si>
  <si>
    <t>Kruiningen - Zandweg</t>
  </si>
  <si>
    <t>2021BU07030101</t>
  </si>
  <si>
    <t>buurten.ac81fab9-dd87-4b95-a18f-1264fea0edd6</t>
  </si>
  <si>
    <t>BU07030102</t>
  </si>
  <si>
    <t>Kruiningen - Kruseveer</t>
  </si>
  <si>
    <t>2021BU07030102</t>
  </si>
  <si>
    <t>buurten.b2358278-9e90-4ab8-8914-306ccae3e00c</t>
  </si>
  <si>
    <t>BU07030106</t>
  </si>
  <si>
    <t>Kruiningen - Nishoek</t>
  </si>
  <si>
    <t>2021BU07030106</t>
  </si>
  <si>
    <t>buurten.3eb7eaf9-13a2-4b91-8128-0963e1e3dcaa</t>
  </si>
  <si>
    <t>PL0703010002</t>
  </si>
  <si>
    <t>Bedrijventerrein Nishoek Kruiningen</t>
  </si>
  <si>
    <t>startkans: met LWM en Wiskeerke onderzoeken of restwarmtenet kan worden opgengesteld voor andere bedrijven en/of kan worden uitgebreid</t>
  </si>
  <si>
    <t>restwarmte LWM en Wiskerke (onder andere)</t>
  </si>
  <si>
    <t>BU07030109</t>
  </si>
  <si>
    <t>Verspreide huizen Kruiningen</t>
  </si>
  <si>
    <t>2021BU07030109</t>
  </si>
  <si>
    <t>buurten.8472b4d0-ed72-4ca8-8fe6-3db1a7252b6d</t>
  </si>
  <si>
    <t>BU07030200</t>
  </si>
  <si>
    <t>Krabbendijke - Kern</t>
  </si>
  <si>
    <t>WK070302</t>
  </si>
  <si>
    <t>2021BU07030200</t>
  </si>
  <si>
    <t>buurten.cbb826f8-05c4-49c9-b2a5-e3122ec0e6b5</t>
  </si>
  <si>
    <t>BU07030201</t>
  </si>
  <si>
    <t>Krabbendijke - Oostpolder</t>
  </si>
  <si>
    <t>2021BU07030201</t>
  </si>
  <si>
    <t>buurten.bd61a9b3-6320-40af-9bc3-b01d1d3ee8f9</t>
  </si>
  <si>
    <t>BU07030202</t>
  </si>
  <si>
    <t>Krabbendijke - Rozeboom</t>
  </si>
  <si>
    <t>2021BU07030202</t>
  </si>
  <si>
    <t>buurten.d38f3708-94f7-45f1-affa-3faee1deff50</t>
  </si>
  <si>
    <t>BU07030206</t>
  </si>
  <si>
    <t>Krabbendijke - Zuidweg</t>
  </si>
  <si>
    <t>2021BU07030206</t>
  </si>
  <si>
    <t>buurten.f4b2a866-73a9-4852-891d-60a1f2640606</t>
  </si>
  <si>
    <t>BU07030209</t>
  </si>
  <si>
    <t>Verspreide huizen Krabbendijke</t>
  </si>
  <si>
    <t>2021BU07030209</t>
  </si>
  <si>
    <t>buurten.761e9559-8ddb-4a31-a941-9d077b5f851b</t>
  </si>
  <si>
    <t>BU07030300</t>
  </si>
  <si>
    <t>Waarde</t>
  </si>
  <si>
    <t>WK070303</t>
  </si>
  <si>
    <t>2021BU07030300</t>
  </si>
  <si>
    <t>buurten.3af5ed4c-893e-4d61-901f-5dfd3e9fbab6</t>
  </si>
  <si>
    <t>BU07030309</t>
  </si>
  <si>
    <t>Verspreide huizen Waarde</t>
  </si>
  <si>
    <t>2021BU07030309</t>
  </si>
  <si>
    <t>buurten.541b1f37-8179-4bbc-8def-1f5b04b57e67</t>
  </si>
  <si>
    <t>BU07030400</t>
  </si>
  <si>
    <t>Rilland - Kern</t>
  </si>
  <si>
    <t>WK070304</t>
  </si>
  <si>
    <t>2021BU07030400</t>
  </si>
  <si>
    <t>buurten.de598ce5-3f52-4b39-b2dd-2b51f7a9ea88</t>
  </si>
  <si>
    <t>PL0703010003</t>
  </si>
  <si>
    <t>Rilland en Bath</t>
  </si>
  <si>
    <t>startkans: vormgeven van het energielandschap (met duurzame warmte), mogelijk ook groen gas/ duurzame energie. Energiewerkgroepen zijn opgericht. Er komt een omgevingsfonds dat duurzame activiteiten en verbetering leefomgeving gaat stimuleren.</t>
  </si>
  <si>
    <t>BU07030401</t>
  </si>
  <si>
    <t>Rilland- Stationsbuurt</t>
  </si>
  <si>
    <t>2021BU07030401</t>
  </si>
  <si>
    <t>buurten.2a0c1f61-93f1-40d5-9666-9ea9e3eb784e</t>
  </si>
  <si>
    <t>BU07030402</t>
  </si>
  <si>
    <t>Rilland - Bath</t>
  </si>
  <si>
    <t>2021BU07030402</t>
  </si>
  <si>
    <t>buurten.ce8b2f0d-a089-45c1-94b9-a4fe7a3f8e85</t>
  </si>
  <si>
    <t>BU07030403</t>
  </si>
  <si>
    <t>Rilland - Werfkampen</t>
  </si>
  <si>
    <t>2021BU07030403</t>
  </si>
  <si>
    <t>buurten.fc621afc-5191-494e-bd51-ff9e7e4a9f59</t>
  </si>
  <si>
    <t>BU07030406</t>
  </si>
  <si>
    <t>Rilland - De Poort</t>
  </si>
  <si>
    <t>2021BU07030406</t>
  </si>
  <si>
    <t>buurten.ea266af1-fdab-463b-a21a-3397aa0e3a6d</t>
  </si>
  <si>
    <t>PL0703010004</t>
  </si>
  <si>
    <t>Bedrijventerrein de Poort te Rilland</t>
  </si>
  <si>
    <t>sStartkans: vanwege ligging naast energielandschap mogelijkheden voor restwarmte</t>
  </si>
  <si>
    <t>restwarmte van energielandschap</t>
  </si>
  <si>
    <t>BU07030409</t>
  </si>
  <si>
    <t>Verspreide huizen Rilland</t>
  </si>
  <si>
    <t>2021BU07030409</t>
  </si>
  <si>
    <t>buurten.a1eba4ea-34ae-437a-887e-e5c48810c34f</t>
  </si>
  <si>
    <t>GM0873</t>
  </si>
  <si>
    <t>Woensdrecht</t>
  </si>
  <si>
    <t>DC087301</t>
  </si>
  <si>
    <t>Transitievisie Warmte Gemeente Woensdrecht</t>
  </si>
  <si>
    <t>2021-11-17</t>
  </si>
  <si>
    <t>voldoende draagvlak, gedegen haalbaarheidsstudie en consequenties voor woonlasten van bewoners en ondernemers moeten bekend zijn</t>
  </si>
  <si>
    <t>stappen naar een aardgasvrije gemeente in 2050 uit te stippelen.</t>
  </si>
  <si>
    <t>https://woensdrecht.bestuurlijkeinformatie.nl/Agenda/Document/2075778d-8317-43ee-83b7-c938f7003a11?documentId=93673ae0-84c8-45f9-813d-5720ae0579da&amp;agendaItemId=d956afb5-b5cc-42ac-ada3-b0fd92d8da68</t>
  </si>
  <si>
    <t>PL0873010003</t>
  </si>
  <si>
    <t>glastuinbouwcomplex Eerste Bathpolder</t>
  </si>
  <si>
    <t>restwarmte van energielandschap (mogelijk ook de Poort of Haven van Antwerpen).</t>
  </si>
  <si>
    <t>BU07030500</t>
  </si>
  <si>
    <t>Hansweert - Kern</t>
  </si>
  <si>
    <t>WK070305</t>
  </si>
  <si>
    <t>2021BU07030500</t>
  </si>
  <si>
    <t>buurten.8be6ad19-1830-4a24-ac3e-e4d01d69b7b2</t>
  </si>
  <si>
    <t>BU07030501</t>
  </si>
  <si>
    <t>Hansweert - Tramper</t>
  </si>
  <si>
    <t>2021BU07030501</t>
  </si>
  <si>
    <t>buurten.0af79093-7dfd-40a3-b6fa-ff4916420e4b</t>
  </si>
  <si>
    <t>BU07030509</t>
  </si>
  <si>
    <t>Verspreide huizen Hansweert</t>
  </si>
  <si>
    <t>2021BU07030509</t>
  </si>
  <si>
    <t>buurten.3c3981c2-7442-4fa6-b8ee-f8dc5534e049</t>
  </si>
  <si>
    <t>BU07030600</t>
  </si>
  <si>
    <t>Oostdijk</t>
  </si>
  <si>
    <t>WK070306</t>
  </si>
  <si>
    <t>2021BU07030600</t>
  </si>
  <si>
    <t>buurten.17ea0b50-f406-4e5e-a827-50158f1a04e3</t>
  </si>
  <si>
    <t>BU07030609</t>
  </si>
  <si>
    <t>Verspreide huizen Oostdijk</t>
  </si>
  <si>
    <t>2021BU07030609</t>
  </si>
  <si>
    <t>buurten.0402ed88-7b05-4726-aacd-bbef7e40f838</t>
  </si>
  <si>
    <t>BU07150101</t>
  </si>
  <si>
    <t>Kern Axel</t>
  </si>
  <si>
    <t>WK071501</t>
  </si>
  <si>
    <t>2021BU07150101</t>
  </si>
  <si>
    <t>buurten.d761dadc-5015-4f64-9beb-363b00224161</t>
  </si>
  <si>
    <t>BU07150201</t>
  </si>
  <si>
    <t>Buitengebied Axel</t>
  </si>
  <si>
    <t>WK071502</t>
  </si>
  <si>
    <t>2021BU07150201</t>
  </si>
  <si>
    <t>buurten.eae0caaf-802c-4d7b-b01a-1cce65542cc5</t>
  </si>
  <si>
    <t>BU07150301</t>
  </si>
  <si>
    <t>Kern Biervliet</t>
  </si>
  <si>
    <t>WK071503</t>
  </si>
  <si>
    <t>2021BU07150301</t>
  </si>
  <si>
    <t>buurten.0eb033f3-7fb7-4a35-b91c-975dd3201c95</t>
  </si>
  <si>
    <t>BU07150401</t>
  </si>
  <si>
    <t>Buitengebied Biervliet</t>
  </si>
  <si>
    <t>WK071504</t>
  </si>
  <si>
    <t>2021BU07150401</t>
  </si>
  <si>
    <t>buurten.5dc0785c-b67d-4c0f-aaff-28f96bbc04a0</t>
  </si>
  <si>
    <t>BU07150501</t>
  </si>
  <si>
    <t>Kern Hoek</t>
  </si>
  <si>
    <t>WK071505</t>
  </si>
  <si>
    <t>2021BU07150501</t>
  </si>
  <si>
    <t>buurten.dbe906ad-96e1-461b-8aa2-5338d708c955</t>
  </si>
  <si>
    <t>BU07150601</t>
  </si>
  <si>
    <t>Buitengebied Hoek</t>
  </si>
  <si>
    <t>WK071506</t>
  </si>
  <si>
    <t>2021BU07150601</t>
  </si>
  <si>
    <t>buurten.69db6a10-205c-4b5e-a2b7-feb4ee7dcd59</t>
  </si>
  <si>
    <t>BU07150701</t>
  </si>
  <si>
    <t>Kern Koewacht</t>
  </si>
  <si>
    <t>WK071507</t>
  </si>
  <si>
    <t>2021BU07150701</t>
  </si>
  <si>
    <t>buurten.03f863e1-311e-46a2-bb5a-1a6ddcbd60d7</t>
  </si>
  <si>
    <t>BU07150801</t>
  </si>
  <si>
    <t>Buitengebied Koewacht</t>
  </si>
  <si>
    <t>WK071508</t>
  </si>
  <si>
    <t>2021BU07150801</t>
  </si>
  <si>
    <t>buurten.984eff5f-d408-494d-80b2-2dbc343da36f</t>
  </si>
  <si>
    <t>BU07150901</t>
  </si>
  <si>
    <t>Kern Overslag</t>
  </si>
  <si>
    <t>WK071509</t>
  </si>
  <si>
    <t>2021BU07150901</t>
  </si>
  <si>
    <t>buurten.854a8c68-3cbb-49a7-a6ab-11098fef21d1</t>
  </si>
  <si>
    <t>BU07151001</t>
  </si>
  <si>
    <t>Buitengebied Overslag</t>
  </si>
  <si>
    <t>WK071510</t>
  </si>
  <si>
    <t>2021BU07151001</t>
  </si>
  <si>
    <t>buurten.ee2e1550-0923-4601-ab94-c5d9e161aeb3</t>
  </si>
  <si>
    <t>BU07151101</t>
  </si>
  <si>
    <t>Kern Philippine</t>
  </si>
  <si>
    <t>WK071511</t>
  </si>
  <si>
    <t>2021BU07151101</t>
  </si>
  <si>
    <t>buurten.9643e84d-50db-4843-a6f2-0f0d6ef98942</t>
  </si>
  <si>
    <t>BU07151201</t>
  </si>
  <si>
    <t>Buitengebied Philippine</t>
  </si>
  <si>
    <t>WK071512</t>
  </si>
  <si>
    <t>2021BU07151201</t>
  </si>
  <si>
    <t>buurten.be61a5dd-fbc3-48e1-965d-93903c4ece4e</t>
  </si>
  <si>
    <t>BU07151301</t>
  </si>
  <si>
    <t>Kern Sas van Gent</t>
  </si>
  <si>
    <t>WK071513</t>
  </si>
  <si>
    <t>2021BU07151301</t>
  </si>
  <si>
    <t>buurten.ec7a0367-f88d-4ea6-9fc7-f1790e4fa44c</t>
  </si>
  <si>
    <t>BU07151401</t>
  </si>
  <si>
    <t>Buitengebied Sas van Gent</t>
  </si>
  <si>
    <t>WK071514</t>
  </si>
  <si>
    <t>2021BU07151401</t>
  </si>
  <si>
    <t>buurten.e204aa8d-7eef-4722-a5b2-200331b73495</t>
  </si>
  <si>
    <t>BU07151501</t>
  </si>
  <si>
    <t>Kern Sluiskil</t>
  </si>
  <si>
    <t>WK071515</t>
  </si>
  <si>
    <t>2021BU07151501</t>
  </si>
  <si>
    <t>buurten.917e4a74-60b7-456c-8a12-0b656d80329d</t>
  </si>
  <si>
    <t>BU07151601</t>
  </si>
  <si>
    <t>Buitengebied Sluiskil</t>
  </si>
  <si>
    <t>WK071516</t>
  </si>
  <si>
    <t>2021BU07151601</t>
  </si>
  <si>
    <t>buurten.104e3c2d-ee44-49e1-be39-3c7dec67c3f7</t>
  </si>
  <si>
    <t>BU07151701</t>
  </si>
  <si>
    <t>Kern Spui</t>
  </si>
  <si>
    <t>WK071517</t>
  </si>
  <si>
    <t>2021BU07151701</t>
  </si>
  <si>
    <t>buurten.e78052b6-1fbe-470b-94e3-67abf59d9da3</t>
  </si>
  <si>
    <t>BU07151801</t>
  </si>
  <si>
    <t>Buitengebied Spui</t>
  </si>
  <si>
    <t>WK071518</t>
  </si>
  <si>
    <t>2021BU07151801</t>
  </si>
  <si>
    <t>buurten.ed25af2d-72d2-4c7e-b205-7d0da475a9ca</t>
  </si>
  <si>
    <t>BU07151901</t>
  </si>
  <si>
    <t>Buitengebied Terneuzen</t>
  </si>
  <si>
    <t>WK071519</t>
  </si>
  <si>
    <t>2021BU07151901</t>
  </si>
  <si>
    <t>buurten.188a2ee5-6ddd-4e81-b829-3a2b79c0363f</t>
  </si>
  <si>
    <t>DC071501</t>
  </si>
  <si>
    <t>Transitievisie Warmte Terneuzen</t>
  </si>
  <si>
    <t>voldoende geld van het Rijk om de overgang naar aardgasvrij betaalbaar te maken, moeten het financieel en juridisch kunnen waarmaken</t>
  </si>
  <si>
    <t>https://terneuzen.raadsinformatie.nl/vergadering/812927#ai_6387889</t>
  </si>
  <si>
    <t>PL0715010001</t>
  </si>
  <si>
    <t>Othene; all-electric</t>
  </si>
  <si>
    <t>startkans: onderzoeken gebiedsgerichte aanpak voor all-electric oplossingen</t>
  </si>
  <si>
    <t>BU07152001</t>
  </si>
  <si>
    <t>Binnenstad-Java</t>
  </si>
  <si>
    <t>WK071520</t>
  </si>
  <si>
    <t>2021BU07152001</t>
  </si>
  <si>
    <t>buurten.f45c5e9e-d5bd-4a66-9e89-54f28aa2aa18</t>
  </si>
  <si>
    <t>BU07152101</t>
  </si>
  <si>
    <t>WK071521</t>
  </si>
  <si>
    <t>2021BU07152101</t>
  </si>
  <si>
    <t>buurten.b4b9e11f-b5cc-4223-89c6-0062f51c519e</t>
  </si>
  <si>
    <t>BU07152102</t>
  </si>
  <si>
    <t>Serlippenspolder</t>
  </si>
  <si>
    <t>2021BU07152102</t>
  </si>
  <si>
    <t>buurten.e08b4d85-9dda-4de2-a965-58762773a8ff</t>
  </si>
  <si>
    <t>BU07152103</t>
  </si>
  <si>
    <t>2021BU07152103</t>
  </si>
  <si>
    <t>buurten.e05c9e3d-39d8-4fdf-84b6-304647f8077a</t>
  </si>
  <si>
    <t>BU07152104</t>
  </si>
  <si>
    <t>Lievenspolder</t>
  </si>
  <si>
    <t>2021BU07152104</t>
  </si>
  <si>
    <t>buurten.5797793c-3aee-42d9-9682-f69ed0ec520c</t>
  </si>
  <si>
    <t>BU07152105</t>
  </si>
  <si>
    <t>Triniteit</t>
  </si>
  <si>
    <t>2021BU07152105</t>
  </si>
  <si>
    <t>buurten.1f9d23f4-0824-4004-b612-5b8b81ed6cee</t>
  </si>
  <si>
    <t>BU07152201</t>
  </si>
  <si>
    <t>Noorderdokken</t>
  </si>
  <si>
    <t>WK071522</t>
  </si>
  <si>
    <t>2021BU07152201</t>
  </si>
  <si>
    <t>buurten.76169e8c-c7c8-4581-991d-0dd71e0758f9</t>
  </si>
  <si>
    <t>BU07152202</t>
  </si>
  <si>
    <t>Handelspoort</t>
  </si>
  <si>
    <t>2021BU07152202</t>
  </si>
  <si>
    <t>buurten.e50bdb21-fc5e-4d79-a3de-7f71b65ad6ba</t>
  </si>
  <si>
    <t>BU07152203</t>
  </si>
  <si>
    <t>2021BU07152203</t>
  </si>
  <si>
    <t>buurten.d751f24d-f4f6-4d1d-b529-00a99a19acc1</t>
  </si>
  <si>
    <t>BU07152204</t>
  </si>
  <si>
    <t>2021BU07152204</t>
  </si>
  <si>
    <t>buurten.3f658224-0671-474d-b6c2-2c3852a2dc56</t>
  </si>
  <si>
    <t>BU07152301</t>
  </si>
  <si>
    <t>WK071523</t>
  </si>
  <si>
    <t>2021BU07152301</t>
  </si>
  <si>
    <t>buurten.feb6acef-bdd8-42b7-981f-35eeb2247512</t>
  </si>
  <si>
    <t>BU07152302</t>
  </si>
  <si>
    <t>Driewegen</t>
  </si>
  <si>
    <t>2021BU07152302</t>
  </si>
  <si>
    <t>buurten.8f978dfe-3ee0-46dd-b279-3bad7ec26ad8</t>
  </si>
  <si>
    <t>BU07152303</t>
  </si>
  <si>
    <t>Oudelandse Hoeve</t>
  </si>
  <si>
    <t>2021BU07152303</t>
  </si>
  <si>
    <t>buurten.f124ac03-2038-4e09-9281-f21b8c77aede</t>
  </si>
  <si>
    <t>BU07152304</t>
  </si>
  <si>
    <t>Katspolder</t>
  </si>
  <si>
    <t>2021BU07152304</t>
  </si>
  <si>
    <t>buurten.ea8b1984-8e1a-474b-861e-01119815d277</t>
  </si>
  <si>
    <t>BU07152305</t>
  </si>
  <si>
    <t>Zeldenrust</t>
  </si>
  <si>
    <t>2021BU07152305</t>
  </si>
  <si>
    <t>buurten.4635cba5-2c4f-411f-867c-bbca086987af</t>
  </si>
  <si>
    <t>BU07152401</t>
  </si>
  <si>
    <t>Othene</t>
  </si>
  <si>
    <t>WK071524</t>
  </si>
  <si>
    <t>2021BU07152401</t>
  </si>
  <si>
    <t>buurten.07e23d2e-f910-42a2-b28d-82b99a963499</t>
  </si>
  <si>
    <t>BU07152501</t>
  </si>
  <si>
    <t>Kern Westdorpe</t>
  </si>
  <si>
    <t>WK071525</t>
  </si>
  <si>
    <t>2021BU07152501</t>
  </si>
  <si>
    <t>buurten.183475c2-8991-4d85-b98e-d408f2974fad</t>
  </si>
  <si>
    <t>BU07152601</t>
  </si>
  <si>
    <t>Buitengebied Westdorpe</t>
  </si>
  <si>
    <t>WK071526</t>
  </si>
  <si>
    <t>2021BU07152601</t>
  </si>
  <si>
    <t>buurten.93c017b2-e872-4258-8595-d65a78f5c250</t>
  </si>
  <si>
    <t>BU07152701</t>
  </si>
  <si>
    <t>Kern Zaamslag</t>
  </si>
  <si>
    <t>WK071527</t>
  </si>
  <si>
    <t>2021BU07152701</t>
  </si>
  <si>
    <t>buurten.cf4e8da0-08f4-4c80-a00d-da107f551d4e</t>
  </si>
  <si>
    <t>BU07152801</t>
  </si>
  <si>
    <t>Buitengebied Zaamslag</t>
  </si>
  <si>
    <t>WK071528</t>
  </si>
  <si>
    <t>2021BU07152801</t>
  </si>
  <si>
    <t>buurten.fc6ba518-c784-467d-99cb-390e26f828ab</t>
  </si>
  <si>
    <t>BU07152901</t>
  </si>
  <si>
    <t>Kern Zuiddorpe</t>
  </si>
  <si>
    <t>WK071529</t>
  </si>
  <si>
    <t>2021BU07152901</t>
  </si>
  <si>
    <t>buurten.656ad228-edd0-4d47-8a3d-a66fb0e1b6e5</t>
  </si>
  <si>
    <t>BU07153001</t>
  </si>
  <si>
    <t>Buitengebied Zuiddorpe</t>
  </si>
  <si>
    <t>WK071530</t>
  </si>
  <si>
    <t>2021BU07153001</t>
  </si>
  <si>
    <t>buurten.966f6947-7e2c-4485-a4bf-caba8f28d72c</t>
  </si>
  <si>
    <t>BU07160000</t>
  </si>
  <si>
    <t>WK071600</t>
  </si>
  <si>
    <t>2021BU07160000</t>
  </si>
  <si>
    <t>buurten.6b56e20c-ee92-432f-a0d8-8b503ae52725</t>
  </si>
  <si>
    <t>DC071601</t>
  </si>
  <si>
    <t>Transitievisie Warmte Tholen</t>
  </si>
  <si>
    <t>https://ris2.ibabs.eu/Agenda/Details/Tholen/2bbee49e-c90c-49a2-9b1a-f39ecec04994</t>
  </si>
  <si>
    <t>PL0716010008</t>
  </si>
  <si>
    <t>49% CO2-reductie in 2030: Transitiegereed maken door isolatie, te ventileren, kierendichten en overstappen naar elektrische koken. Bijzonder gebied met afwijkende warmtevraag (bedrijventerreinen).</t>
  </si>
  <si>
    <t>BU07160009</t>
  </si>
  <si>
    <t>Verspreide huizen Tholen</t>
  </si>
  <si>
    <t>2021BU07160009</t>
  </si>
  <si>
    <t>buurten.da11ad33-4849-431f-ab67-efdb61b1caa6</t>
  </si>
  <si>
    <t>BU07160100</t>
  </si>
  <si>
    <t>Poortvliet</t>
  </si>
  <si>
    <t>WK071601</t>
  </si>
  <si>
    <t>2021BU07160100</t>
  </si>
  <si>
    <t>buurten.97d1b16d-9780-4816-a945-4226df75c063</t>
  </si>
  <si>
    <t>PL0716010006</t>
  </si>
  <si>
    <t>Afleverset en/of (hybride) warmtepomp en/of individueel gasloos alternatief</t>
  </si>
  <si>
    <t>BU07160109</t>
  </si>
  <si>
    <t>Verspreide huizen Poortvliet</t>
  </si>
  <si>
    <t>2021BU07160109</t>
  </si>
  <si>
    <t>buurten.f32e31f6-920c-4bb5-ae6d-7b7fe155e400</t>
  </si>
  <si>
    <t>PL0716010005</t>
  </si>
  <si>
    <t>Scherpenisse</t>
  </si>
  <si>
    <t>49% CO2-reductie in 2030: Transitiegereed maken door isolatie, te ventileren, kierendichten en overstappen naar elektrische koken. Bijzonder gebied met afwijkende warmtevraag (recreatiegebied).</t>
  </si>
  <si>
    <t>BU07160200</t>
  </si>
  <si>
    <t>WK071602</t>
  </si>
  <si>
    <t>2021BU07160200</t>
  </si>
  <si>
    <t>buurten.2374806f-78d2-4554-a97f-efe9656a57e8</t>
  </si>
  <si>
    <t>BU07160209</t>
  </si>
  <si>
    <t>Verspreide huizen Scherpenisse</t>
  </si>
  <si>
    <t>2021BU07160209</t>
  </si>
  <si>
    <t>buurten.d518e090-4b2b-4789-b203-5cc52a7cc6c5</t>
  </si>
  <si>
    <t>PL0716010004</t>
  </si>
  <si>
    <t>Sint-Maartensdijk</t>
  </si>
  <si>
    <t>BU07160300</t>
  </si>
  <si>
    <t>WK071603</t>
  </si>
  <si>
    <t>2021BU07160300</t>
  </si>
  <si>
    <t>buurten.d60b3605-93cb-4a98-82d4-b805bedfb8b0</t>
  </si>
  <si>
    <t>BU07160309</t>
  </si>
  <si>
    <t>Verspreide huizen Sint-Maartensdijk</t>
  </si>
  <si>
    <t>2021BU07160309</t>
  </si>
  <si>
    <t>buurten.76a9d543-d80e-4e30-bfdf-fbbf6fd2da55</t>
  </si>
  <si>
    <t>BU07160400</t>
  </si>
  <si>
    <t>WK071604</t>
  </si>
  <si>
    <t>2021BU07160400</t>
  </si>
  <si>
    <t>buurten.acb9d581-25eb-4bcd-adb3-ed0600f7e838</t>
  </si>
  <si>
    <t>PL0716010003</t>
  </si>
  <si>
    <t>BU07160409</t>
  </si>
  <si>
    <t>Verspreide huizen Stavenisse</t>
  </si>
  <si>
    <t>2021BU07160409</t>
  </si>
  <si>
    <t>buurten.0030ffa8-f432-4762-8c12-307d48d80be1</t>
  </si>
  <si>
    <t>BU07160500</t>
  </si>
  <si>
    <t>Sint-Annaland</t>
  </si>
  <si>
    <t>WK071605</t>
  </si>
  <si>
    <t>2021BU07160500</t>
  </si>
  <si>
    <t>buurten.1b76df2c-552f-4203-8951-22853fb81c99</t>
  </si>
  <si>
    <t>PL0716010002</t>
  </si>
  <si>
    <t>49% CO2-reductie in 2030: Transitiegereed maken door isolatie, te ventileren, kierendichten en overstappen naar elektrische koken.: Bijzonder gebied met afwijkende warmtevraag (recreatiegebied en glastuinbouw).</t>
  </si>
  <si>
    <t>BU07160509</t>
  </si>
  <si>
    <t>Verspreide huizen Sint-Annaland</t>
  </si>
  <si>
    <t>2021BU07160509</t>
  </si>
  <si>
    <t>buurten.d8562e48-afde-4e83-b098-413a3ae31bdb</t>
  </si>
  <si>
    <t>BU07160600</t>
  </si>
  <si>
    <t>Oud-Vossemeer</t>
  </si>
  <si>
    <t>WK071606</t>
  </si>
  <si>
    <t>2021BU07160600</t>
  </si>
  <si>
    <t>buurten.0cdc1a38-7ee6-4c89-b911-d2f00b7dfd6a</t>
  </si>
  <si>
    <t>PL0716010007</t>
  </si>
  <si>
    <t>BU07160609</t>
  </si>
  <si>
    <t>Verspreide huizen Oud-Vossemeer</t>
  </si>
  <si>
    <t>2021BU07160609</t>
  </si>
  <si>
    <t>buurten.4bd51f56-67e8-44c0-bd64-cb1808beb49f</t>
  </si>
  <si>
    <t>BU07160700</t>
  </si>
  <si>
    <t>Sint Philipsland</t>
  </si>
  <si>
    <t>WK071607</t>
  </si>
  <si>
    <t>2021BU07160700</t>
  </si>
  <si>
    <t>buurten.a6e9f296-44df-474c-8845-83f8af3fb665</t>
  </si>
  <si>
    <t>PL0716010001</t>
  </si>
  <si>
    <t>BU07160709</t>
  </si>
  <si>
    <t>Verspreide huizen Sint Philipsland</t>
  </si>
  <si>
    <t>2021BU07160709</t>
  </si>
  <si>
    <t>buurten.1b5ba088-e2ae-44a5-8557-6de25cfd4c58</t>
  </si>
  <si>
    <t>BU07160710</t>
  </si>
  <si>
    <t>Anna Jacobapolder</t>
  </si>
  <si>
    <t>2021BU07160710</t>
  </si>
  <si>
    <t>buurten.9826cbc2-c427-465e-a8ba-b457b9b098dd</t>
  </si>
  <si>
    <t>BU07170000</t>
  </si>
  <si>
    <t>WK071700</t>
  </si>
  <si>
    <t>2021BU07170000</t>
  </si>
  <si>
    <t>buurten.7973b1d5-d4f3-45f4-abd0-e6119359ff73</t>
  </si>
  <si>
    <t>BU07170001</t>
  </si>
  <si>
    <t>Zanddijk</t>
  </si>
  <si>
    <t>2021BU07170001</t>
  </si>
  <si>
    <t>buurten.fb58a53c-e9d3-4244-8572-f1c0eee6ba27</t>
  </si>
  <si>
    <t>BU07170002</t>
  </si>
  <si>
    <t>Buiten de Veste</t>
  </si>
  <si>
    <t>2021BU07170002</t>
  </si>
  <si>
    <t>buurten.3d354112-81aa-4cbd-bf2c-e6d79cc4b06a</t>
  </si>
  <si>
    <t>BU07170009</t>
  </si>
  <si>
    <t>Verspreide huizen Veere</t>
  </si>
  <si>
    <t>2021BU07170009</t>
  </si>
  <si>
    <t>buurten.f2b8aea3-b900-47f1-83a2-d76fd08afeb6</t>
  </si>
  <si>
    <t>BU07170100</t>
  </si>
  <si>
    <t>Gapinge</t>
  </si>
  <si>
    <t>WK071701</t>
  </si>
  <si>
    <t>2021BU07170100</t>
  </si>
  <si>
    <t>buurten.71ed6fe6-3922-4156-a73a-44c745c66f38</t>
  </si>
  <si>
    <t>PL0717010012</t>
  </si>
  <si>
    <t>transitiegereed maken door isolatie, te ventileren, kierendichten en overstappen naar elektrische koken. Warmteopties  later herijken.</t>
  </si>
  <si>
    <t>BU07170109</t>
  </si>
  <si>
    <t>Verspreide huizen Gapinge</t>
  </si>
  <si>
    <t>2021BU07170109</t>
  </si>
  <si>
    <t>buurten.0d09e319-db6c-4522-a0c6-289dff381cdb</t>
  </si>
  <si>
    <t>BU07170200</t>
  </si>
  <si>
    <t>WK071702</t>
  </si>
  <si>
    <t>2021BU07170200</t>
  </si>
  <si>
    <t>buurten.2b5317e8-5e29-4eee-be85-d7b5cc432ddd</t>
  </si>
  <si>
    <t>PL0717010001</t>
  </si>
  <si>
    <t>BU07170201</t>
  </si>
  <si>
    <t>Breezand</t>
  </si>
  <si>
    <t>2021BU07170201</t>
  </si>
  <si>
    <t>buurten.a19dc5f3-dc48-45d7-a6a1-400341e76f5b</t>
  </si>
  <si>
    <t>BU07170209</t>
  </si>
  <si>
    <t>Verspreide huizen Vrouwenpolder</t>
  </si>
  <si>
    <t>2021BU07170209</t>
  </si>
  <si>
    <t>buurten.80df6380-b632-454c-a070-b300fbdc72ec</t>
  </si>
  <si>
    <t>BU07170300</t>
  </si>
  <si>
    <t>Serooskerke</t>
  </si>
  <si>
    <t>WK071703</t>
  </si>
  <si>
    <t>2021BU07170300</t>
  </si>
  <si>
    <t>buurten.850358c4-0cd8-4c2a-bae3-63c94aeb6213</t>
  </si>
  <si>
    <t>PL0717010011</t>
  </si>
  <si>
    <t>BU07170309</t>
  </si>
  <si>
    <t>Verspreide huizen Serooskerke</t>
  </si>
  <si>
    <t>2021BU07170309</t>
  </si>
  <si>
    <t>buurten.b3551eac-1ddd-4a89-9c73-3da77d1cd722</t>
  </si>
  <si>
    <t>BU07170400</t>
  </si>
  <si>
    <t>WK071704</t>
  </si>
  <si>
    <t>2021BU07170400</t>
  </si>
  <si>
    <t>buurten.f36bcacb-06f7-481b-b8b0-41b2367e53c5</t>
  </si>
  <si>
    <t>BU07170409</t>
  </si>
  <si>
    <t>Verspreide huizen Domburg</t>
  </si>
  <si>
    <t>2021BU07170409</t>
  </si>
  <si>
    <t>buurten.7461fbab-857f-4455-be77-0ae1131679d9</t>
  </si>
  <si>
    <t>BU07170500</t>
  </si>
  <si>
    <t>Oostkapelle</t>
  </si>
  <si>
    <t>WK071705</t>
  </si>
  <si>
    <t>2021BU07170500</t>
  </si>
  <si>
    <t>buurten.a238dcb5-1cad-4e53-8bbd-c7e2cb630e05</t>
  </si>
  <si>
    <t>PL0717010002</t>
  </si>
  <si>
    <t>BU07170501</t>
  </si>
  <si>
    <t>Randduin</t>
  </si>
  <si>
    <t>2021BU07170501</t>
  </si>
  <si>
    <t>buurten.547a2b2e-5563-462e-af98-c71a1b70cb8d</t>
  </si>
  <si>
    <t>BU07170502</t>
  </si>
  <si>
    <t>Duno</t>
  </si>
  <si>
    <t>2021BU07170502</t>
  </si>
  <si>
    <t>buurten.a8f9205b-586c-45c9-920f-dad9e251462b</t>
  </si>
  <si>
    <t>BU07170508</t>
  </si>
  <si>
    <t>2021BU07170508</t>
  </si>
  <si>
    <t>buurten.8e4f2c3c-da35-4572-9bbf-43979ea45ca9</t>
  </si>
  <si>
    <t>BU07170509</t>
  </si>
  <si>
    <t>2021BU07170509</t>
  </si>
  <si>
    <t>buurten.fcb4ec7c-1745-40ab-8198-1fb24a22d8fe</t>
  </si>
  <si>
    <t>BU07170600</t>
  </si>
  <si>
    <t>Aagtekerke</t>
  </si>
  <si>
    <t>WK071706</t>
  </si>
  <si>
    <t>2021BU07170600</t>
  </si>
  <si>
    <t>buurten.e57e022f-52b5-4370-a0fa-af7cf1cc8d16</t>
  </si>
  <si>
    <t>PL0717010009</t>
  </si>
  <si>
    <t>BU07170609</t>
  </si>
  <si>
    <t>Verspreide huizen Aagtekerke</t>
  </si>
  <si>
    <t>2021BU07170609</t>
  </si>
  <si>
    <t>buurten.d90bd3d9-0880-4883-922a-5c7d83569098</t>
  </si>
  <si>
    <t>BU07170700</t>
  </si>
  <si>
    <t>Grijpskerke</t>
  </si>
  <si>
    <t>WK071707</t>
  </si>
  <si>
    <t>2021BU07170700</t>
  </si>
  <si>
    <t>buurten.ef21357f-853d-4d02-baa7-066ef8451c42</t>
  </si>
  <si>
    <t>PL0717010010</t>
  </si>
  <si>
    <t>BU07170709</t>
  </si>
  <si>
    <t>Verspreide huizen Grijpskerke</t>
  </si>
  <si>
    <t>2021BU07170709</t>
  </si>
  <si>
    <t>buurten.46acfe8b-36b4-46f9-a9e8-2710c4809bbc</t>
  </si>
  <si>
    <t>BU07170800</t>
  </si>
  <si>
    <t>Meliskerke</t>
  </si>
  <si>
    <t>WK071708</t>
  </si>
  <si>
    <t>2021BU07170800</t>
  </si>
  <si>
    <t>buurten.edecd7f6-4d45-4383-be6d-39acc36d4c66</t>
  </si>
  <si>
    <t>PL0717010008</t>
  </si>
  <si>
    <t>BU07170809</t>
  </si>
  <si>
    <t>Verspreide huizen Meliskerke</t>
  </si>
  <si>
    <t>2021BU07170809</t>
  </si>
  <si>
    <t>buurten.26ea2bf2-c997-4266-96db-8efaf58dfffb</t>
  </si>
  <si>
    <t>BU07170900</t>
  </si>
  <si>
    <t>Koudekerke</t>
  </si>
  <si>
    <t>WK071709</t>
  </si>
  <si>
    <t>2021BU07170900</t>
  </si>
  <si>
    <t>buurten.7bfd9984-e11e-4798-b7bb-0286decd4db8</t>
  </si>
  <si>
    <t>PL0717010007</t>
  </si>
  <si>
    <t>transitiegereed maken door isolatie, te ventileren, kierendichten en overstappen naar elektrische koken. Besparen en warmteoptie  later herijken. Bijzonder gebied met afwijkende warmtevraag (recreatiegebied en bedrijventerreinen in havengebied).</t>
  </si>
  <si>
    <t>BU07170901</t>
  </si>
  <si>
    <t>Dishoek</t>
  </si>
  <si>
    <t>2021BU07170901</t>
  </si>
  <si>
    <t>buurten.0202d1fb-ffa6-4818-b9a4-dff32b449712</t>
  </si>
  <si>
    <t>BU07170908</t>
  </si>
  <si>
    <t>Verspreide huizen recreatiegebied van Koudekerke</t>
  </si>
  <si>
    <t>2021BU07170908</t>
  </si>
  <si>
    <t>buurten.31b59dae-48c3-4535-a4d6-8772066d2d68</t>
  </si>
  <si>
    <t>BU07170909</t>
  </si>
  <si>
    <t>Verspreide huizen buiten recreatiegebied Koudekerke</t>
  </si>
  <si>
    <t>2021BU07170909</t>
  </si>
  <si>
    <t>buurten.5f83822a-f6af-4f1a-9780-a652d51545c8</t>
  </si>
  <si>
    <t>PL0718010005</t>
  </si>
  <si>
    <t>Middengebied, Paauwenburg Zuidoost, Lammerenburg, Papegaaienburg-Hofwijk, Hercules Segherslaan en omgeving</t>
  </si>
  <si>
    <t>transitiegereed maken door isolatie, te ventileren, kierendichten en overstappen naar elektrische koken. Zoeken naar startkansen voor warmtenetten</t>
  </si>
  <si>
    <t>BU07171000</t>
  </si>
  <si>
    <t>Biggekerke</t>
  </si>
  <si>
    <t>WK071710</t>
  </si>
  <si>
    <t>2021BU07171000</t>
  </si>
  <si>
    <t>buurten.9a49e762-e979-4871-9bd8-75879cc45cce</t>
  </si>
  <si>
    <t>PL0717010006</t>
  </si>
  <si>
    <t>transitiegereed maken door isolatie, te ventileren, kierendichten en overstappen naar elektrische koken. Besparen en warmteoptie  later herijken.</t>
  </si>
  <si>
    <t>BU07171001</t>
  </si>
  <si>
    <t>De Ruiser</t>
  </si>
  <si>
    <t>2021BU07171001</t>
  </si>
  <si>
    <t>buurten.5b030254-4b40-46fe-a927-99b07be28934</t>
  </si>
  <si>
    <t>BU07171008</t>
  </si>
  <si>
    <t>Verspreide huizen in recreatiegebied van Biggekerke</t>
  </si>
  <si>
    <t>2021BU07171008</t>
  </si>
  <si>
    <t>buurten.6c464b29-b00f-4213-8af5-ad6c3ab86267</t>
  </si>
  <si>
    <t>BU07171009</t>
  </si>
  <si>
    <t>Verspreide huizen buiten recreatiegebied Biggekerke</t>
  </si>
  <si>
    <t>2021BU07171009</t>
  </si>
  <si>
    <t>buurten.440eeeaf-47ea-4ff1-b8cf-091868461ba8</t>
  </si>
  <si>
    <t>BU07171100</t>
  </si>
  <si>
    <t>Zoutelande</t>
  </si>
  <si>
    <t>WK071711</t>
  </si>
  <si>
    <t>2021BU07171100</t>
  </si>
  <si>
    <t>buurten.11d931e8-23e7-4f78-be41-268def15ad85</t>
  </si>
  <si>
    <t>PL0717010005</t>
  </si>
  <si>
    <t>BU07171101</t>
  </si>
  <si>
    <t>Kustlicht</t>
  </si>
  <si>
    <t>2021BU07171101</t>
  </si>
  <si>
    <t>buurten.c8e14bfa-a135-45aa-a845-3f0feca3f7c1</t>
  </si>
  <si>
    <t>BU07171109</t>
  </si>
  <si>
    <t>Verspreide huizen Zoutelande</t>
  </si>
  <si>
    <t>2021BU07171109</t>
  </si>
  <si>
    <t>buurten.157aa935-3a36-4958-86ec-1684df8ac560</t>
  </si>
  <si>
    <t>BU07171200</t>
  </si>
  <si>
    <t>WK071712</t>
  </si>
  <si>
    <t>2021BU07171200</t>
  </si>
  <si>
    <t>buurten.defcb992-7274-4e12-8011-3e4e02d2297d</t>
  </si>
  <si>
    <t>PL0717010004</t>
  </si>
  <si>
    <t>transitiegereed maken door isolatie, te ventileren, kierendichten en overstappen naar elektrische koken. Besparen en warmteoptie  later herijken. Bijzonder gebied met afwijkende warmtevraag (bedrijventerreinen in havengebied).</t>
  </si>
  <si>
    <t>BU07171201</t>
  </si>
  <si>
    <t>Joossesweg</t>
  </si>
  <si>
    <t>2021BU07171201</t>
  </si>
  <si>
    <t>buurten.75a7ae71-5940-4cb0-a733-1f35e2fa5978</t>
  </si>
  <si>
    <t>BU07171209</t>
  </si>
  <si>
    <t>Verspreide huizen Westkapelle</t>
  </si>
  <si>
    <t>2021BU07171209</t>
  </si>
  <si>
    <t>buurten.9c479d7b-454d-46d9-b23a-fd2e818c33ad</t>
  </si>
  <si>
    <t>BU07180100</t>
  </si>
  <si>
    <t>Oude Binnenstad</t>
  </si>
  <si>
    <t>WK071801</t>
  </si>
  <si>
    <t>2021BU07180100</t>
  </si>
  <si>
    <t>buurten.e15ee4fb-4f4e-41b2-af4c-8e92ea4d3af8</t>
  </si>
  <si>
    <t>BU07180101</t>
  </si>
  <si>
    <t>Scheldestraat e.o.</t>
  </si>
  <si>
    <t>2021BU07180101</t>
  </si>
  <si>
    <t>buurten.635119e7-8a89-4c48-b0a4-f35de84cb5ed</t>
  </si>
  <si>
    <t>PL0718010004</t>
  </si>
  <si>
    <t>met doelgroepenaanpak burgers informeren/ stimuleren/ faciliteren om op natuurlijke momenten te isoleren en over te stappen op hpw of elektrische warmtepomp op natuurlijke momenten waar logisch</t>
  </si>
  <si>
    <t>BU07180102</t>
  </si>
  <si>
    <t>Stadhuisplein e.o.</t>
  </si>
  <si>
    <t>2021BU07180102</t>
  </si>
  <si>
    <t>buurten.c662642d-9555-4211-b219-1a7267750699</t>
  </si>
  <si>
    <t>BU07180103</t>
  </si>
  <si>
    <t>Scheldekwartier</t>
  </si>
  <si>
    <t>2021BU07180103</t>
  </si>
  <si>
    <t>buurten.e589e4a4-c3cc-4ee1-b1d7-95afc32d1836</t>
  </si>
  <si>
    <t>BU07180200</t>
  </si>
  <si>
    <t>Vredehof Zuid</t>
  </si>
  <si>
    <t>WK071802</t>
  </si>
  <si>
    <t>2021BU07180200</t>
  </si>
  <si>
    <t>buurten.0ad88bc9-5c3c-486a-8fa9-e79c61215670</t>
  </si>
  <si>
    <t>BU07180201</t>
  </si>
  <si>
    <t>Bonedijkestraat e.o.</t>
  </si>
  <si>
    <t>2021BU07180201</t>
  </si>
  <si>
    <t>buurten.b450e9b9-efe5-44a4-9395-af7e5c516ad9</t>
  </si>
  <si>
    <t>BU07180202</t>
  </si>
  <si>
    <t>Bloemenlaan e.o. Oost</t>
  </si>
  <si>
    <t>2021BU07180202</t>
  </si>
  <si>
    <t>buurten.2dbd03c3-e6ae-473c-ba27-f6870bf3346c</t>
  </si>
  <si>
    <t>Bloemenlaan Oost en Hercules Segherslaan (PAW)</t>
  </si>
  <si>
    <t>632 woningen aansluiten op een warmtenet</t>
  </si>
  <si>
    <t>BU07180203</t>
  </si>
  <si>
    <t>Baskensburg Zuid</t>
  </si>
  <si>
    <t>2021BU07180203</t>
  </si>
  <si>
    <t>buurten.dcae086f-6e31-4de7-a674-fa4c20fedbdd</t>
  </si>
  <si>
    <t>BU07180204</t>
  </si>
  <si>
    <t>Vredehof Noord</t>
  </si>
  <si>
    <t>2021BU07180204</t>
  </si>
  <si>
    <t>buurten.2f118d14-3836-480e-bfed-adbfedbb816d</t>
  </si>
  <si>
    <t>BU07180205</t>
  </si>
  <si>
    <t>Het Fort e.o.</t>
  </si>
  <si>
    <t>2021BU07180205</t>
  </si>
  <si>
    <t>buurten.b1e54eed-227b-47b9-b42b-1b3c9dac12eb</t>
  </si>
  <si>
    <t>BU07180206</t>
  </si>
  <si>
    <t>Hercules Segherslaan e.o.</t>
  </si>
  <si>
    <t>2021BU07180206</t>
  </si>
  <si>
    <t>buurten.f94abd1c-a181-46a6-9cfc-ef556b838c2a</t>
  </si>
  <si>
    <t>BU07180207</t>
  </si>
  <si>
    <t>Baskensburg Noord</t>
  </si>
  <si>
    <t>2021BU07180207</t>
  </si>
  <si>
    <t>buurten.59482ac1-494d-4027-84b3-ab3f526857ee</t>
  </si>
  <si>
    <t>BU07180208</t>
  </si>
  <si>
    <t>Boulevards Bankert en Evertsen</t>
  </si>
  <si>
    <t>2021BU07180208</t>
  </si>
  <si>
    <t>buurten.1618f475-cc2c-422b-9662-791d87b5c8bc</t>
  </si>
  <si>
    <t>BU07180209</t>
  </si>
  <si>
    <t>Bloemenlaan e.o. West</t>
  </si>
  <si>
    <t>2021BU07180209</t>
  </si>
  <si>
    <t>buurten.f48663f3-8f92-4e88-8dd0-4b5b7eec845c</t>
  </si>
  <si>
    <t>BU07180300</t>
  </si>
  <si>
    <t>Paauwenburg Zuidoost</t>
  </si>
  <si>
    <t>WK071803</t>
  </si>
  <si>
    <t>2021BU07180300</t>
  </si>
  <si>
    <t>buurten.c3d2c65a-5e10-47fe-b0fc-04e6dea356c6</t>
  </si>
  <si>
    <t>BU07180301</t>
  </si>
  <si>
    <t>Paauwenburg West</t>
  </si>
  <si>
    <t>2021BU07180301</t>
  </si>
  <si>
    <t>buurten.4df15c8c-87c5-41f4-811d-9f578c885722</t>
  </si>
  <si>
    <t>BU07180302</t>
  </si>
  <si>
    <t>Westduin</t>
  </si>
  <si>
    <t>2021BU07180302</t>
  </si>
  <si>
    <t>buurten.2707a3f2-5819-47db-ac84-353234bfab3b</t>
  </si>
  <si>
    <t>BU07180303</t>
  </si>
  <si>
    <t>Paauwenburg Noordoost</t>
  </si>
  <si>
    <t>2021BU07180303</t>
  </si>
  <si>
    <t>buurten.b99135f4-7ccd-4db4-b6a8-b2708ff8f316</t>
  </si>
  <si>
    <t>BU07180400</t>
  </si>
  <si>
    <t>WK071804</t>
  </si>
  <si>
    <t>2021BU07180400</t>
  </si>
  <si>
    <t>buurten.19c0d6ef-45fc-4a13-99e0-83d73eb4f457</t>
  </si>
  <si>
    <t>BU07180401</t>
  </si>
  <si>
    <t>Bossenburgh - Weyevliet</t>
  </si>
  <si>
    <t>2021BU07180401</t>
  </si>
  <si>
    <t>buurten.5e6b351f-de3f-496b-bfa8-b49604fee7e6</t>
  </si>
  <si>
    <t>BU07180402</t>
  </si>
  <si>
    <t>Westerzicht</t>
  </si>
  <si>
    <t>2021BU07180402</t>
  </si>
  <si>
    <t>buurten.f226521f-551f-4811-9554-61c1c8b4e1ec</t>
  </si>
  <si>
    <t>BU07180403</t>
  </si>
  <si>
    <t>Lammerenburg</t>
  </si>
  <si>
    <t>2021BU07180403</t>
  </si>
  <si>
    <t>buurten.65fa3f89-0db4-44e1-a2d6-1ddba4b903b5</t>
  </si>
  <si>
    <t>BU07180405</t>
  </si>
  <si>
    <t>Papegaaienburg - Hofwijk</t>
  </si>
  <si>
    <t>2021BU07180405</t>
  </si>
  <si>
    <t>buurten.6a79d86b-8aa7-404f-8a7f-659063010762</t>
  </si>
  <si>
    <t>BU07180406</t>
  </si>
  <si>
    <t>West-Souburg</t>
  </si>
  <si>
    <t>2021BU07180406</t>
  </si>
  <si>
    <t>buurten.9ea3dfe2-b343-4aed-9e60-4daa4397db06</t>
  </si>
  <si>
    <t>BU07180407</t>
  </si>
  <si>
    <t>Landelijk gebied Lammerenburg</t>
  </si>
  <si>
    <t>2021BU07180407</t>
  </si>
  <si>
    <t>buurten.09bf5247-c19e-4680-a6f5-d457cb1d41f5</t>
  </si>
  <si>
    <t>BU07180408</t>
  </si>
  <si>
    <t>2021BU07180408</t>
  </si>
  <si>
    <t>buurten.6438e9c8-3281-4a5d-8d97-05ab3c0e041a</t>
  </si>
  <si>
    <t>transitiegereed maken door isolatie, te ventileren, kierendichten en overstappen naar elektrische koken. Op natuurlijke momenten isoleren en overstappen op all-electric oplossingen. Zoeken naar startkansen voor all-electric</t>
  </si>
  <si>
    <t>BU07180500</t>
  </si>
  <si>
    <t>Kern Oost-Souburg West</t>
  </si>
  <si>
    <t>WK071805</t>
  </si>
  <si>
    <t>2021BU07180500</t>
  </si>
  <si>
    <t>buurten.4282e773-0b03-4573-8242-922ae8bb8b86</t>
  </si>
  <si>
    <t>BU07180501</t>
  </si>
  <si>
    <t>Zeewijksingel</t>
  </si>
  <si>
    <t>2021BU07180501</t>
  </si>
  <si>
    <t>buurten.7eaa56b0-cf0e-490b-b4f3-41c4921d465b</t>
  </si>
  <si>
    <t>BU07180502</t>
  </si>
  <si>
    <t>Schoonenburg - Groot Abeele</t>
  </si>
  <si>
    <t>2021BU07180502</t>
  </si>
  <si>
    <t>buurten.f256ede0-87a3-4875-a65c-2ba202786089</t>
  </si>
  <si>
    <t>BU07180503</t>
  </si>
  <si>
    <t>Molenweg e.o.</t>
  </si>
  <si>
    <t>2021BU07180503</t>
  </si>
  <si>
    <t>buurten.981abd42-7e0d-4dca-b7e3-55e1582c9119</t>
  </si>
  <si>
    <t>BU07180504</t>
  </si>
  <si>
    <t>Landelijk gebied Oost-Souburg</t>
  </si>
  <si>
    <t>2021BU07180504</t>
  </si>
  <si>
    <t>buurten.622ed5c1-af8b-4d90-81d0-1af85110df83</t>
  </si>
  <si>
    <t>BU07180505</t>
  </si>
  <si>
    <t>Kern Oost-Souburg Oost</t>
  </si>
  <si>
    <t>2021BU07180505</t>
  </si>
  <si>
    <t>buurten.54c77c09-6957-4674-a6da-911cfe09c42f</t>
  </si>
  <si>
    <t>BU07180506</t>
  </si>
  <si>
    <t>Schoonenburg</t>
  </si>
  <si>
    <t>2021BU07180506</t>
  </si>
  <si>
    <t>buurten.a100699e-8723-465a-a98c-1d605db593a1</t>
  </si>
  <si>
    <t>BU07180507</t>
  </si>
  <si>
    <t>Souburg-Noord</t>
  </si>
  <si>
    <t>2021BU07180507</t>
  </si>
  <si>
    <t>buurten.660049a6-9ce7-4f7c-9065-9df28f74b002</t>
  </si>
  <si>
    <t>BU07180600</t>
  </si>
  <si>
    <t>Ritthem</t>
  </si>
  <si>
    <t>WK071806</t>
  </si>
  <si>
    <t>2021BU07180600</t>
  </si>
  <si>
    <t>buurten.a0225bed-c857-48d4-adba-e70c0b9f0da2</t>
  </si>
  <si>
    <t>BU07180601</t>
  </si>
  <si>
    <t>Rammekens</t>
  </si>
  <si>
    <t>2021BU07180601</t>
  </si>
  <si>
    <t>buurten.4e8f9675-d74d-41f6-b8a4-93ce459a64bc</t>
  </si>
  <si>
    <t>BU07180602</t>
  </si>
  <si>
    <t>Welzinge</t>
  </si>
  <si>
    <t>2021BU07180602</t>
  </si>
  <si>
    <t>buurten.a337e864-7aaa-4ed9-bc35-03f9eba25437</t>
  </si>
  <si>
    <t>BU07180603</t>
  </si>
  <si>
    <t>Bedrijventerrein Oost-Souburg Oost</t>
  </si>
  <si>
    <t>2021BU07180603</t>
  </si>
  <si>
    <t>buurten.831c5612-be06-4570-bd7f-53e337c88b1d</t>
  </si>
  <si>
    <t>BU07180700</t>
  </si>
  <si>
    <t>Kennishaven</t>
  </si>
  <si>
    <t>WK071807</t>
  </si>
  <si>
    <t>2021BU07180700</t>
  </si>
  <si>
    <t>buurten.b33bc291-375b-4908-a250-1490d4de64d0</t>
  </si>
  <si>
    <t>BU07180701</t>
  </si>
  <si>
    <t>Buitenhaven</t>
  </si>
  <si>
    <t>2021BU07180701</t>
  </si>
  <si>
    <t>buurten.393cb231-72a8-4a59-b714-bd0291fd6d25</t>
  </si>
  <si>
    <t>BU07180702</t>
  </si>
  <si>
    <t>Bedrijventerrein Oost-Souburg West</t>
  </si>
  <si>
    <t>2021BU07180702</t>
  </si>
  <si>
    <t>buurten.b35f2878-1f09-4112-8b53-9f7a0a13ce52</t>
  </si>
  <si>
    <t>BU07180800</t>
  </si>
  <si>
    <t>Sloegebied</t>
  </si>
  <si>
    <t>WK071808</t>
  </si>
  <si>
    <t>2021BU07180800</t>
  </si>
  <si>
    <t>buurten.812cbbcb-e62c-4e3d-aa77-a61a13904c74</t>
  </si>
  <si>
    <t>BU07360101</t>
  </si>
  <si>
    <t>Mijdrecht Dorp</t>
  </si>
  <si>
    <t>WK073601</t>
  </si>
  <si>
    <t>2021BU07360101</t>
  </si>
  <si>
    <t>buurten.ecaa4119-7c13-44ce-a818-e81461260e5e</t>
  </si>
  <si>
    <t>PL0736010002</t>
  </si>
  <si>
    <t>Mijdrecht</t>
  </si>
  <si>
    <t>gewild en financieel haalbaar</t>
  </si>
  <si>
    <t>BU07360102</t>
  </si>
  <si>
    <t>Hofland</t>
  </si>
  <si>
    <t>2021BU07360102</t>
  </si>
  <si>
    <t>buurten.65647a2d-db07-4ec0-be73-0d2cda395c63</t>
  </si>
  <si>
    <t>BU07360103</t>
  </si>
  <si>
    <t>Molenland</t>
  </si>
  <si>
    <t>2021BU07360103</t>
  </si>
  <si>
    <t>buurten.d4cd95f6-0edc-44a5-a278-81d93f4242e6</t>
  </si>
  <si>
    <t>BU07360104</t>
  </si>
  <si>
    <t>Proostdijland</t>
  </si>
  <si>
    <t>2021BU07360104</t>
  </si>
  <si>
    <t>buurten.acb6a8e6-8b41-408f-a2be-9a16c09a2a48</t>
  </si>
  <si>
    <t>BU07360105</t>
  </si>
  <si>
    <t>Twistvlied-Wickelhof</t>
  </si>
  <si>
    <t>2021BU07360105</t>
  </si>
  <si>
    <t>buurten.46d77584-58c8-4b35-93a8-7bfd0377b0a7</t>
  </si>
  <si>
    <t>BU07360106</t>
  </si>
  <si>
    <t>Sportpark Mijdrecht</t>
  </si>
  <si>
    <t>2021BU07360106</t>
  </si>
  <si>
    <t>buurten.384072c8-7865-48fa-be8b-e1b3a9af63bc</t>
  </si>
  <si>
    <t>BU07360107</t>
  </si>
  <si>
    <t>Bedrijventerrein Mijdrecht</t>
  </si>
  <si>
    <t>2021BU07360107</t>
  </si>
  <si>
    <t>buurten.b7169396-8c47-4978-8e25-b841fe87cf52</t>
  </si>
  <si>
    <t>BU07360108</t>
  </si>
  <si>
    <t>Mijdrecht Buitengebied</t>
  </si>
  <si>
    <t>2021BU07360108</t>
  </si>
  <si>
    <t>buurten.dd626cad-b632-4f02-b831-0d1a95ae88ad</t>
  </si>
  <si>
    <t>BU07360201</t>
  </si>
  <si>
    <t>de Hoef</t>
  </si>
  <si>
    <t>WK073602</t>
  </si>
  <si>
    <t>2021BU07360201</t>
  </si>
  <si>
    <t>buurten.bff1e9b5-b914-436c-a064-454ddea6f675</t>
  </si>
  <si>
    <t>BU07360202</t>
  </si>
  <si>
    <t>de Hoef Buitengebied</t>
  </si>
  <si>
    <t>2021BU07360202</t>
  </si>
  <si>
    <t>buurten.935fb1b9-4fa8-48f0-a645-07060d6cf54e</t>
  </si>
  <si>
    <t>BU07360301</t>
  </si>
  <si>
    <t>Amstelhoek</t>
  </si>
  <si>
    <t>WK073603</t>
  </si>
  <si>
    <t>2021BU07360301</t>
  </si>
  <si>
    <t>buurten.baaec5d2-7e1a-48c4-9d1a-31bc3dffc533</t>
  </si>
  <si>
    <t>BU07360401</t>
  </si>
  <si>
    <t>Vinkeveen Dorp</t>
  </si>
  <si>
    <t>WK073604</t>
  </si>
  <si>
    <t>2021BU07360401</t>
  </si>
  <si>
    <t>buurten.2d31b3e1-6cbe-40ab-ad5a-86f6d06c0c24</t>
  </si>
  <si>
    <t>PL0736010003</t>
  </si>
  <si>
    <t>Vinkeveense Plassen</t>
  </si>
  <si>
    <t>BU07360402</t>
  </si>
  <si>
    <t>Zuiderwaard-Westerheul</t>
  </si>
  <si>
    <t>2021BU07360402</t>
  </si>
  <si>
    <t>buurten.63f25f1a-1e53-4293-8b06-959df847e7ce</t>
  </si>
  <si>
    <t>BU07360403</t>
  </si>
  <si>
    <t>Vinkeveen Plassengebied</t>
  </si>
  <si>
    <t>2021BU07360403</t>
  </si>
  <si>
    <t>buurten.72a9dfd4-cf57-45bc-a525-dd0fe557ecbd</t>
  </si>
  <si>
    <t>BU07360404</t>
  </si>
  <si>
    <t>Vinkeveen Buitengebied</t>
  </si>
  <si>
    <t>2021BU07360404</t>
  </si>
  <si>
    <t>buurten.2ae8985a-8ec2-4f63-b64a-9ad724b91093</t>
  </si>
  <si>
    <t>BU07360501</t>
  </si>
  <si>
    <t>Waverveen</t>
  </si>
  <si>
    <t>WK073605</t>
  </si>
  <si>
    <t>2021BU07360501</t>
  </si>
  <si>
    <t>buurten.56707714-07b1-44aa-8c21-115a5d94389f</t>
  </si>
  <si>
    <t>BU07360502</t>
  </si>
  <si>
    <t>Waverveen Buitengebied</t>
  </si>
  <si>
    <t>2021BU07360502</t>
  </si>
  <si>
    <t>buurten.01709486-243a-4db0-b4ee-4ea69931094c</t>
  </si>
  <si>
    <t>BU07360601</t>
  </si>
  <si>
    <t>Wilnis Dorp</t>
  </si>
  <si>
    <t>WK073606</t>
  </si>
  <si>
    <t>2021BU07360601</t>
  </si>
  <si>
    <t>buurten.b3c3a636-2529-4064-9c42-131a03f93803</t>
  </si>
  <si>
    <t>BU07360602</t>
  </si>
  <si>
    <t>de Maricken-Veenzijde</t>
  </si>
  <si>
    <t>2021BU07360602</t>
  </si>
  <si>
    <t>buurten.53b24c69-1ca1-43ce-92b6-207f4141424f</t>
  </si>
  <si>
    <t>BU07360603</t>
  </si>
  <si>
    <t>Wilnis Buitengebied</t>
  </si>
  <si>
    <t>2021BU07360603</t>
  </si>
  <si>
    <t>buurten.169d735e-6234-4713-8db3-afd2f0a90d50</t>
  </si>
  <si>
    <t>BU07360701</t>
  </si>
  <si>
    <t>Abcoude-Noordoost</t>
  </si>
  <si>
    <t>WK073607</t>
  </si>
  <si>
    <t>2021BU07360701</t>
  </si>
  <si>
    <t>buurten.d5dab10a-1067-4694-a3ac-1379a6411df1</t>
  </si>
  <si>
    <t>BU07360702</t>
  </si>
  <si>
    <t>Abcoude-Zuidwest</t>
  </si>
  <si>
    <t>2021BU07360702</t>
  </si>
  <si>
    <t>buurten.55e3ffd0-b3f6-4236-85b6-a39f8f182e1b</t>
  </si>
  <si>
    <t>BU07360703</t>
  </si>
  <si>
    <t>Abcoude Buitengebied</t>
  </si>
  <si>
    <t>2021BU07360703</t>
  </si>
  <si>
    <t>buurten.96e7af3d-6dd0-4403-aaa5-9f3084a85b0a</t>
  </si>
  <si>
    <t>BU07360801</t>
  </si>
  <si>
    <t>Baambrugge Dorp</t>
  </si>
  <si>
    <t>WK073608</t>
  </si>
  <si>
    <t>2021BU07360801</t>
  </si>
  <si>
    <t>buurten.6b5dbb99-8ca6-470d-91da-7c72e78cbcbb</t>
  </si>
  <si>
    <t>BU07360802</t>
  </si>
  <si>
    <t>Baambrugge Buitengebied</t>
  </si>
  <si>
    <t>2021BU07360802</t>
  </si>
  <si>
    <t>buurten.8c772329-0186-4b75-a802-2fb72ec482cd</t>
  </si>
  <si>
    <t>BU07370000</t>
  </si>
  <si>
    <t>Burgum</t>
  </si>
  <si>
    <t>WK073700</t>
  </si>
  <si>
    <t>GM0737</t>
  </si>
  <si>
    <t>Tytsjerksteradiel</t>
  </si>
  <si>
    <t>2021BU07370000</t>
  </si>
  <si>
    <t>buurten.bc3a5311-eab6-4e39-934d-2d799e3b0fe6</t>
  </si>
  <si>
    <t>Het opzetten van een werkgroep met bedrijven kan helpen om de verschillende initiatieven en stappen naar verduurzaming te bundelen. Op die manier kunnen de bedrijven gezamenlijk werken aan een aanpak om geleidelijk af te stappen van het aardgas</t>
  </si>
  <si>
    <t>Restwarmte is mogelijk</t>
  </si>
  <si>
    <t>BU07370009</t>
  </si>
  <si>
    <t>Verspreide huizen Burgum</t>
  </si>
  <si>
    <t>2021BU07370009</t>
  </si>
  <si>
    <t>buurten.da9e6c2b-8cb8-4121-a6fe-5c6027b9b68d</t>
  </si>
  <si>
    <t>BU07370100</t>
  </si>
  <si>
    <t>Aldtsjerk</t>
  </si>
  <si>
    <t>WK073701</t>
  </si>
  <si>
    <t>2021BU07370100</t>
  </si>
  <si>
    <t>buurten.2d469811-8055-4687-88d1-9291bbcfbb37</t>
  </si>
  <si>
    <t>BU07370101</t>
  </si>
  <si>
    <t>Oentsjerk</t>
  </si>
  <si>
    <t>2021BU07370101</t>
  </si>
  <si>
    <t>buurten.d3620ac8-429b-4f30-897f-a219220d9974</t>
  </si>
  <si>
    <t>BU07370102</t>
  </si>
  <si>
    <t>Verspreide huizen Wyns</t>
  </si>
  <si>
    <t>2021BU07370102</t>
  </si>
  <si>
    <t>buurten.1eab0f21-23f8-4d8c-a14b-a326964f613d</t>
  </si>
  <si>
    <t>BU07370108</t>
  </si>
  <si>
    <t>Verspreide huizen Aldtsjerk</t>
  </si>
  <si>
    <t>2021BU07370108</t>
  </si>
  <si>
    <t>buurten.a85a5cf2-a9e5-4da4-ab22-5e7229f5a7ba</t>
  </si>
  <si>
    <t>BU07370109</t>
  </si>
  <si>
    <t>Verspreide huizen Oentsjerk</t>
  </si>
  <si>
    <t>2021BU07370109</t>
  </si>
  <si>
    <t>buurten.0099f8b3-211f-4f6d-8750-fcc23fbdc493</t>
  </si>
  <si>
    <t>BU07370200</t>
  </si>
  <si>
    <t>Mûnein</t>
  </si>
  <si>
    <t>WK073702</t>
  </si>
  <si>
    <t>2021BU07370200</t>
  </si>
  <si>
    <t>buurten.5a599f41-bccf-416c-ba7a-7e6b949e7af2</t>
  </si>
  <si>
    <t>BU07370201</t>
  </si>
  <si>
    <t>Gytsjerk</t>
  </si>
  <si>
    <t>2021BU07370201</t>
  </si>
  <si>
    <t>buurten.4cebfacc-c3f8-4148-be0f-1b7fc740ca37</t>
  </si>
  <si>
    <t>BU07370208</t>
  </si>
  <si>
    <t>Verspreide huizen Mûnein</t>
  </si>
  <si>
    <t>2021BU07370208</t>
  </si>
  <si>
    <t>buurten.169ffc48-8e21-4f08-b7d8-c528ccce30a0</t>
  </si>
  <si>
    <t>BU07370209</t>
  </si>
  <si>
    <t>Verspreide huizen Gytsjerk</t>
  </si>
  <si>
    <t>2021BU07370209</t>
  </si>
  <si>
    <t>buurten.240a50ad-0395-4790-bc6b-f5aa98165d94</t>
  </si>
  <si>
    <t>BU07370300</t>
  </si>
  <si>
    <t>Ryptsjerk</t>
  </si>
  <si>
    <t>WK073703</t>
  </si>
  <si>
    <t>2021BU07370300</t>
  </si>
  <si>
    <t>buurten.af176b36-b6a7-49a4-8381-4e825957f445</t>
  </si>
  <si>
    <t>PL0059010008</t>
  </si>
  <si>
    <t>Ook wanneer blijkt dat alleen het dorpshuis, een grotere warmtevrager, gevoed zal worden door een duurzame bron, wordt gekeken naar de mogelijkheden die dit biedt om een start te maken met de verduurzaming van het dorp.</t>
  </si>
  <si>
    <t>In 2019 is de Europese LEADER-subsidie toegekend aan het project Warmtenet Ryptsjerk. In dit project wordt toegewerkt naar een warmtekoppeling tussen een dorpshuis en een basisschool. Zij zullen gezamenlijk gebruikmaken van een duurzame bron. Ook wordt b</t>
  </si>
  <si>
    <t>BU07370309</t>
  </si>
  <si>
    <t>Verspreide huizen Ryptsjerk</t>
  </si>
  <si>
    <t>2021BU07370309</t>
  </si>
  <si>
    <t>buurten.0ff3d537-7b45-49d9-93b0-419c1c577a44</t>
  </si>
  <si>
    <t>BU07370400</t>
  </si>
  <si>
    <t>Tytsjerk</t>
  </si>
  <si>
    <t>WK073704</t>
  </si>
  <si>
    <t>2021BU07370400</t>
  </si>
  <si>
    <t>buurten.af794b53-0857-40e5-9d0c-1eeb5faa7ac5</t>
  </si>
  <si>
    <t>BU07370401</t>
  </si>
  <si>
    <t>Suwâld</t>
  </si>
  <si>
    <t>2021BU07370401</t>
  </si>
  <si>
    <t>buurten.0771f5ca-548a-4080-8236-df89001225d1</t>
  </si>
  <si>
    <t>BU07370408</t>
  </si>
  <si>
    <t>Verspreide huizen Tytsjerk</t>
  </si>
  <si>
    <t>2021BU07370408</t>
  </si>
  <si>
    <t>buurten.1c30595a-bf1d-4809-88c5-1b06e125e37a</t>
  </si>
  <si>
    <t>BU07370409</t>
  </si>
  <si>
    <t>Verspreide huizen Suwâld</t>
  </si>
  <si>
    <t>2021BU07370409</t>
  </si>
  <si>
    <t>buurten.80c45f58-8068-4f7d-aa25-fc0fa68eb438</t>
  </si>
  <si>
    <t>BU07370500</t>
  </si>
  <si>
    <t>Earnewâld</t>
  </si>
  <si>
    <t>WK073705</t>
  </si>
  <si>
    <t>2021BU07370500</t>
  </si>
  <si>
    <t>buurten.d9173cc3-a1da-48c4-a67e-4a76656052f5</t>
  </si>
  <si>
    <t>BU07370501</t>
  </si>
  <si>
    <t>Garyp</t>
  </si>
  <si>
    <t>2021BU07370501</t>
  </si>
  <si>
    <t>buurten.622cf274-b0d7-4323-8b3e-ac4a7b27c72a</t>
  </si>
  <si>
    <t>PL0059010007</t>
  </si>
  <si>
    <t>Eerste aardgasvrije dorp van Nederland worden. Voor 2024 wil Garyp 80-90% van de woningen met all-electric alternatieven van het aardgas af krijgen.</t>
  </si>
  <si>
    <t>BU07370508</t>
  </si>
  <si>
    <t>Verspreide huizen Earnewâld</t>
  </si>
  <si>
    <t>2021BU07370508</t>
  </si>
  <si>
    <t>buurten.bf20a83f-1028-4610-82b8-79bcdabc0708</t>
  </si>
  <si>
    <t>BU07370509</t>
  </si>
  <si>
    <t>Verspreide huizen Garyp</t>
  </si>
  <si>
    <t>2021BU07370509</t>
  </si>
  <si>
    <t>buurten.091c7cf3-a6d8-4b0e-80ae-032643bad06c</t>
  </si>
  <si>
    <t>BU07370600</t>
  </si>
  <si>
    <t>Sumar</t>
  </si>
  <si>
    <t>WK073706</t>
  </si>
  <si>
    <t>2021BU07370600</t>
  </si>
  <si>
    <t>buurten.e9423bbd-c922-4dfc-b82a-6e1fa6ad0899</t>
  </si>
  <si>
    <t>BU07370609</t>
  </si>
  <si>
    <t>Verspreide huizen Sumar</t>
  </si>
  <si>
    <t>2021BU07370609</t>
  </si>
  <si>
    <t>buurten.e820af55-89bf-438a-9ba9-83b6c6389cd1</t>
  </si>
  <si>
    <t>BU07370700</t>
  </si>
  <si>
    <t>Eastermar</t>
  </si>
  <si>
    <t>WK073707</t>
  </si>
  <si>
    <t>2021BU07370700</t>
  </si>
  <si>
    <t>buurten.630ca30c-4139-4f3d-8b7c-7bef4667f642</t>
  </si>
  <si>
    <t>BU07370701</t>
  </si>
  <si>
    <t>Jistrum</t>
  </si>
  <si>
    <t>2021BU07370701</t>
  </si>
  <si>
    <t>buurten.e7833fa2-2c0b-4ec3-9dce-321ef01e2742</t>
  </si>
  <si>
    <t>BU07370708</t>
  </si>
  <si>
    <t>Verspreide huizen Eastermar</t>
  </si>
  <si>
    <t>2021BU07370708</t>
  </si>
  <si>
    <t>buurten.258f9661-23b7-45c8-85d5-d418b3764da2</t>
  </si>
  <si>
    <t>BU07370709</t>
  </si>
  <si>
    <t>Verspreide huizen Jistrum</t>
  </si>
  <si>
    <t>2021BU07370709</t>
  </si>
  <si>
    <t>buurten.1cfaf0de-987f-4089-be20-64893f78fd27</t>
  </si>
  <si>
    <t>BU07370800</t>
  </si>
  <si>
    <t>Noordburgum</t>
  </si>
  <si>
    <t>WK073708</t>
  </si>
  <si>
    <t>2021BU07370800</t>
  </si>
  <si>
    <t>buurten.740cf13a-71c4-4d5c-9b0e-fa8008987eca</t>
  </si>
  <si>
    <t>BU07370809</t>
  </si>
  <si>
    <t>Verspreide huizen Noordburgum</t>
  </si>
  <si>
    <t>2021BU07370809</t>
  </si>
  <si>
    <t>buurten.70a72f20-9569-4215-a4f5-443ff2139709</t>
  </si>
  <si>
    <t>BU07370900</t>
  </si>
  <si>
    <t>Hurdegaryp</t>
  </si>
  <si>
    <t>WK073709</t>
  </si>
  <si>
    <t>2021BU07370900</t>
  </si>
  <si>
    <t>buurten.47ce6564-5aac-4c12-b542-e4ace24b2b3b</t>
  </si>
  <si>
    <t>BU07370909</t>
  </si>
  <si>
    <t>Verspreide huizen Hurdegaryp</t>
  </si>
  <si>
    <t>2021BU07370909</t>
  </si>
  <si>
    <t>buurten.9bdb542c-fa13-4a15-b3b8-892a3efa778f</t>
  </si>
  <si>
    <t>GM1891</t>
  </si>
  <si>
    <t>Dantumadiel</t>
  </si>
  <si>
    <t>DC189101</t>
  </si>
  <si>
    <t>Samen aan de slag voor een aardgasvrij Dantumadiel</t>
  </si>
  <si>
    <t>haalbaar en betaalbaar,  aanhaken op natuurlijke momenten</t>
  </si>
  <si>
    <t>optimaal mogelijke CO2 reductie</t>
  </si>
  <si>
    <t>https://dantumadiel.bestuurlijkeinformatie.nl/Agenda/Index/f686e86a-0ab5-4f0b-8d17-71f6f9625487</t>
  </si>
  <si>
    <t>PL1891010001</t>
  </si>
  <si>
    <t>Aanpak startbuurten: Feanwolden</t>
  </si>
  <si>
    <t>technisch en financieel haalbaar</t>
  </si>
  <si>
    <t>geothermie en/of PVT panelen, collectieve warmtepomp</t>
  </si>
  <si>
    <t>BU07430101</t>
  </si>
  <si>
    <t>Hoogveld</t>
  </si>
  <si>
    <t>WK074301</t>
  </si>
  <si>
    <t>GM0743</t>
  </si>
  <si>
    <t>Asten</t>
  </si>
  <si>
    <t>2021BU07430101</t>
  </si>
  <si>
    <t>buurten.638cf4e1-c52a-4692-a713-d7334ef88eca</t>
  </si>
  <si>
    <t>DC074301</t>
  </si>
  <si>
    <t>Programma warmtetransitie versie 1.0</t>
  </si>
  <si>
    <t>De nieuwe energievoorziening moet betaalbaar, duurzaam, betrouwbaar &amp; veilig zijn voor de inwoners. We nemen geen overhaaste beslissingen en houden rekening met innovaties.</t>
  </si>
  <si>
    <t>In de komende jaren wordt er intensief ingezet op een aanpak gericht op isolatie, gedragsverandering en voorlopers. Door deze aanpak kan de gemeente na 2030 voorbereid en buurtgericht aan de slag met het aardgasvrij maken van de bebouwde omgeving. De kom</t>
  </si>
  <si>
    <t>De gemeente wil dat in 2030, in vergelijking met 2019, een vijfde minder gas wordt verbruikt ten behoeve van de gebouwde omgeving.</t>
  </si>
  <si>
    <t>https://www.asten.nl/fileadmin/Asten/PDF-formulieren_productenoekomstagenda2030/Programma_warmtetransitie_1.0_-_versie__31-8-2021.pdf</t>
  </si>
  <si>
    <t>PL0743010001</t>
  </si>
  <si>
    <t>PL0743010015</t>
  </si>
  <si>
    <t>Buitengebied / overig</t>
  </si>
  <si>
    <t>In concept (afwachtend). Natuurlijke momenten zoveel mogelijk benutten</t>
  </si>
  <si>
    <t>In concept (verkennend). In deze gebieden zijn er naast de logische individuele warmteoplossing ook (mogelijk) collectieve kansen of ontwikkelingen waar de gemeente, samen met belanghebbenden, tijdig op wil inspelen. Dit zijn in gemeente Asten de gebiede</t>
  </si>
  <si>
    <t>geen keuze gemaakt. Individuele of klein-collectieve oplossingen passen, maar er bestaat ook een mogelijkheid om aan te sluiten op het nabijliggende warmtenet</t>
  </si>
  <si>
    <t>Elektra, gas en omgevingswarmte of restwarmte, RWZI, aquathermie, geothermie, zonthermie, gas of biomassa</t>
  </si>
  <si>
    <t>BU07430102</t>
  </si>
  <si>
    <t>Nobis</t>
  </si>
  <si>
    <t>2021BU07430102</t>
  </si>
  <si>
    <t>buurten.826c1b12-6862-46f9-8342-ef7a87986cb7</t>
  </si>
  <si>
    <t>PL0743010007</t>
  </si>
  <si>
    <t>In concept (onderzoekend). Dit zijn buurten waar het mogelijk lijkt om alle woningen de komende 10 tot 15 jaar van het gas te halen, omdat cv-installaties vervangen moeten worden en woningen gelet op het bouwjaar al geschikt zouden moeten zijn voor een l</t>
  </si>
  <si>
    <t>BU07430103</t>
  </si>
  <si>
    <t>2021BU07430103</t>
  </si>
  <si>
    <t>buurten.8142818b-34e2-4663-b51f-bfb94b779ed5</t>
  </si>
  <si>
    <t>PL0743010005</t>
  </si>
  <si>
    <t>Bedr. Florapark</t>
  </si>
  <si>
    <t>BU07430201</t>
  </si>
  <si>
    <t>Kleine Heitrak</t>
  </si>
  <si>
    <t>WK074302</t>
  </si>
  <si>
    <t>2021BU07430201</t>
  </si>
  <si>
    <t>buurten.7259dd2a-2137-4fe5-941f-2d832f6cc6be</t>
  </si>
  <si>
    <t>GM0762</t>
  </si>
  <si>
    <t>Deurne</t>
  </si>
  <si>
    <t>DC076201</t>
  </si>
  <si>
    <t>Transitievisie Warmte Deurne</t>
  </si>
  <si>
    <t>Iedereen moet mee kunnen in de warmtetransitie.We streven naar de laagste totale kosten voor de warmteoplossing en daarmee ook de laagste kosten voor inwoners en bedrijven.We spelen in op logische momenten in buurten die kostenverlagend werken, zoals ver</t>
  </si>
  <si>
    <t>Iedereen moet mee kunnen in de warmtetransitie. Het is belangrijk dat iedereen zowel in het proces mee kan als ook qua financiele draagkracht. Dat betekent dat er is bij het kiezen van een alternatief dat het best past bij de individuele situatie van inw</t>
  </si>
  <si>
    <t>Vanaf 2030 willen ze de eerste buurten en gebouwen overgezet hebben naar een aardgasvrije, duurzame verwarming. Daarom heeft de TVW al een aantal buurten aangewezen waar de gemeente in 2021 een verdiepend onderzoek wil starten. In deze verkenningsbuurten</t>
  </si>
  <si>
    <t>https://deurne.bestuurlijkeinformatie.nl/Document/View/b96393a7-5af8-40a9-a1dd-eb5ef4462c88</t>
  </si>
  <si>
    <t>PL0762010010</t>
  </si>
  <si>
    <t>Deurne buitengebied</t>
  </si>
  <si>
    <t>In concept (verkennend). De buitengebieden en dorpsranden hebben een lage bebouwingsdichtheid met veel vrijstaande huizen of twee-onder-een-kap woningen. Hier liggen individuele oplossingen het meest voor de hand. In deze buurten kiest daarom iedere indi</t>
  </si>
  <si>
    <t>Betaalbaar, Duurzaam en Betrouwbaar &amp; Veilig</t>
  </si>
  <si>
    <t>BU07430202</t>
  </si>
  <si>
    <t>Voordeldonk</t>
  </si>
  <si>
    <t>2021BU07430202</t>
  </si>
  <si>
    <t>buurten.d75ceffe-d3d5-450f-9771-a172d3d4dc40</t>
  </si>
  <si>
    <t>Loverbosch/Vlinderbuurt</t>
  </si>
  <si>
    <t>BU07430301</t>
  </si>
  <si>
    <t>WK074303</t>
  </si>
  <si>
    <t>2021BU07430301</t>
  </si>
  <si>
    <t>buurten.4bbe282d-dbce-4b1d-9c9c-e0d73eca683d</t>
  </si>
  <si>
    <t>PL0743010009</t>
  </si>
  <si>
    <t>BU07430302</t>
  </si>
  <si>
    <t>2021BU07430302</t>
  </si>
  <si>
    <t>buurten.89401ac4-d474-42dd-b74a-77afb1a183f1</t>
  </si>
  <si>
    <t>PL0743010010</t>
  </si>
  <si>
    <t>BU07430303</t>
  </si>
  <si>
    <t>Oude Bloemenbuurt</t>
  </si>
  <si>
    <t>2021BU07430303</t>
  </si>
  <si>
    <t>buurten.34f474aa-3ca9-4c38-b9e5-35cf2c6682b6</t>
  </si>
  <si>
    <t>PL0743010021</t>
  </si>
  <si>
    <t>Asten lint noord</t>
  </si>
  <si>
    <t>Bedr. Industrieweg Zuid</t>
  </si>
  <si>
    <t>BU07430401</t>
  </si>
  <si>
    <t>WK074304</t>
  </si>
  <si>
    <t>2021BU07430401</t>
  </si>
  <si>
    <t>buurten.a532df24-5977-474d-96b5-222bb46a082a</t>
  </si>
  <si>
    <t>PL0743010013</t>
  </si>
  <si>
    <t>Asten Oost</t>
  </si>
  <si>
    <t>BU07430402</t>
  </si>
  <si>
    <t>Nieuwe Bloemenbuurt</t>
  </si>
  <si>
    <t>2021BU07430402</t>
  </si>
  <si>
    <t>buurten.25a1a824-7861-48f8-9757-da8d97f1a82a</t>
  </si>
  <si>
    <t>PL0743010011</t>
  </si>
  <si>
    <t>PL0743010014</t>
  </si>
  <si>
    <t>Asten oost (woco)</t>
  </si>
  <si>
    <t>omgevingswarmte en/of restwarmte en/of aquathermie (RWZI) en/of gas en/of biomassa en/of geothermie en/of zonnewarmte</t>
  </si>
  <si>
    <t>BU07430403</t>
  </si>
  <si>
    <t>2021BU07430403</t>
  </si>
  <si>
    <t>buurten.aebc1410-be5c-4dbe-98f6-b6286e2a5c37</t>
  </si>
  <si>
    <t>PL0743010018</t>
  </si>
  <si>
    <t>Deels aardgasvrij 2031</t>
  </si>
  <si>
    <t>BU07430404</t>
  </si>
  <si>
    <t>2021BU07430404</t>
  </si>
  <si>
    <t>buurten.85013ff5-f27c-426b-8c77-dbf64a7f02ba</t>
  </si>
  <si>
    <t>BU07430405</t>
  </si>
  <si>
    <t>Loverbosch</t>
  </si>
  <si>
    <t>2021BU07430405</t>
  </si>
  <si>
    <t>buurten.e31880cc-837c-42b8-ac45-012ead45bf84</t>
  </si>
  <si>
    <t>Asten noordoost</t>
  </si>
  <si>
    <t>BU07430501</t>
  </si>
  <si>
    <t>Hemelberg</t>
  </si>
  <si>
    <t>WK074305</t>
  </si>
  <si>
    <t>2021BU07430501</t>
  </si>
  <si>
    <t>buurten.9e5f96e5-f08f-4788-bd39-d2abb0abaea9</t>
  </si>
  <si>
    <t>PL0743010023</t>
  </si>
  <si>
    <t>Deels aardgasvrij 2032</t>
  </si>
  <si>
    <t>BU07430502</t>
  </si>
  <si>
    <t>Centrum zuid</t>
  </si>
  <si>
    <t>2021BU07430502</t>
  </si>
  <si>
    <t>buurten.d205e190-cf04-405a-b12e-90f86a264c17</t>
  </si>
  <si>
    <t>BU07430503</t>
  </si>
  <si>
    <t>2021BU07430503</t>
  </si>
  <si>
    <t>buurten.f2fc6eac-9249-45d1-9f82-e742bc8cf17d</t>
  </si>
  <si>
    <t>BU07430504</t>
  </si>
  <si>
    <t>Hulterman</t>
  </si>
  <si>
    <t>2021BU07430504</t>
  </si>
  <si>
    <t>buurten.f8352b0d-279c-4e3e-b9f1-b279f7af431f</t>
  </si>
  <si>
    <t>BU07430601</t>
  </si>
  <si>
    <t>Ostade</t>
  </si>
  <si>
    <t>WK074306</t>
  </si>
  <si>
    <t>2021BU07430601</t>
  </si>
  <si>
    <t>buurten.4f7a2fb7-b5ec-4fba-b603-5fe55d0e1ee6</t>
  </si>
  <si>
    <t>Asten West</t>
  </si>
  <si>
    <t>BU07430602</t>
  </si>
  <si>
    <t>Centrum west</t>
  </si>
  <si>
    <t>2021BU07430602</t>
  </si>
  <si>
    <t>buurten.6c82df00-e2e5-4872-ad39-7219e4e4a956</t>
  </si>
  <si>
    <t>PL0743010004</t>
  </si>
  <si>
    <t>BU07430603</t>
  </si>
  <si>
    <t>2021BU07430603</t>
  </si>
  <si>
    <t>buurten.7fdd5684-d487-4495-875f-5a8cf75082bd</t>
  </si>
  <si>
    <t>PL0743010008</t>
  </si>
  <si>
    <t>BU07430701</t>
  </si>
  <si>
    <t>Verspreide huizen Asten west</t>
  </si>
  <si>
    <t>WK074307</t>
  </si>
  <si>
    <t>2021BU07430701</t>
  </si>
  <si>
    <t>buurten.bc81ecda-822b-436b-8cc3-42f0207fd479</t>
  </si>
  <si>
    <t>GM0847</t>
  </si>
  <si>
    <t>Someren</t>
  </si>
  <si>
    <t>DC084701</t>
  </si>
  <si>
    <t>Transitievisie Warmte Gemeente Someren 1.0</t>
  </si>
  <si>
    <t>2021-05-17</t>
  </si>
  <si>
    <t>Basis uitgangspunten blijven dat er een betaalbare, betrouwbaar &amp; veilige en duurzame warmtebron gekozen zal worden.</t>
  </si>
  <si>
    <t>Belangrijk dat de nieuwe energievoorziening betrouwbaar &amp; veilig, betaalbaar en duurzaam is. Alleen dan wordt het mogelijk  om voor iedereen de overstap te maken. Geen overhaaste beslissingen: er wordt rekening gehouden met nieuwe technieken en kijken na</t>
  </si>
  <si>
    <t>Vanaf 2030 wil de gemeente Someren de eerste buurten en gebouwen overgezet hebben naar een aardgasvrije, duurzame verwarming.</t>
  </si>
  <si>
    <t>https://www.somerennatuurlijkduurzaam.nl/fileadmin/user_upload/20210722_Transitievisie_warmte.pdf</t>
  </si>
  <si>
    <t>PL0743010003</t>
  </si>
  <si>
    <t>PL0847010013</t>
  </si>
  <si>
    <t>Voorsorterend. Voor woningen en bedrijven in het buitengebied, waarvan de buitenschil maximaal op label B is te brengen, zijn twee interessante opties:a. Hydride verwarmingssysteem (luchtwarmtepomp + CV-ketel) op groen gas/groene waterstof (overgang van</t>
  </si>
  <si>
    <t>BU07430702</t>
  </si>
  <si>
    <t>Hazeldonk</t>
  </si>
  <si>
    <t>2021BU07430702</t>
  </si>
  <si>
    <t>buurten.bea6aa76-f392-43c7-9bb7-19c8a0032111</t>
  </si>
  <si>
    <t>PL0743010016</t>
  </si>
  <si>
    <t>BU07430801</t>
  </si>
  <si>
    <t>Heusden centrum</t>
  </si>
  <si>
    <t>WK074308</t>
  </si>
  <si>
    <t>2021BU07430801</t>
  </si>
  <si>
    <t>buurten.ff421b7c-c7ec-4b8f-aa9a-4893ec3eabf6</t>
  </si>
  <si>
    <t>PL0743010017</t>
  </si>
  <si>
    <t>Heusden</t>
  </si>
  <si>
    <t>BU07430802</t>
  </si>
  <si>
    <t>Verspreide huizen Heusden</t>
  </si>
  <si>
    <t>2021BU07430802</t>
  </si>
  <si>
    <t>buurten.195463af-13e8-440f-a488-2ce289d5439d</t>
  </si>
  <si>
    <t>GM0946</t>
  </si>
  <si>
    <t>DC094601</t>
  </si>
  <si>
    <t>Haalbaar, betaalbaar en zo logisch mogelijk</t>
  </si>
  <si>
    <t>PL0946010006</t>
  </si>
  <si>
    <t>Inzetten op isolatie en creeren van handelingsperspectief</t>
  </si>
  <si>
    <t>BU07430901</t>
  </si>
  <si>
    <t>De Groote Peel</t>
  </si>
  <si>
    <t>WK074309</t>
  </si>
  <si>
    <t>2021BU07430901</t>
  </si>
  <si>
    <t>buurten.122dda8c-2add-4820-b051-a51f3912a9a0</t>
  </si>
  <si>
    <t>Nederweert</t>
  </si>
  <si>
    <t>Transitievisie Warmte Gemeente Nederweert</t>
  </si>
  <si>
    <t>Generieke aanpak voor alle inwoners en een uitgebreider participatietraject in een aantal focusbuurten</t>
  </si>
  <si>
    <t>Tot 2030 evenveel aardgas besparen als ongeveer 1480 woningen en 20% van de bedrijven (geen industrie) gebruiken</t>
  </si>
  <si>
    <t>https://www.nederweert.nl/_flysystem/mediaapportage-transitievisie-warmte-nederweert_0.pdf</t>
  </si>
  <si>
    <t>Generieke aanpak Nederweert</t>
  </si>
  <si>
    <t>BU07431001</t>
  </si>
  <si>
    <t>Ommel centrum</t>
  </si>
  <si>
    <t>WK074310</t>
  </si>
  <si>
    <t>2021BU07431001</t>
  </si>
  <si>
    <t>buurten.e4a4bc99-4d4d-4530-8ed8-fb941e7f9511</t>
  </si>
  <si>
    <t>PL0743010022</t>
  </si>
  <si>
    <t>Ommel (oud)</t>
  </si>
  <si>
    <t>In concept (afwachtend). Hier zal vanwege deze oudere bebouwing waarschijnlijk met groen gas verwarmd moeten worden. Omdat nog onduidelijk is waar groen gas mag worden ingezet in het bestaande aardgasnet, en omdat de Peelgemeenten nog uit moeten zoeken w</t>
  </si>
  <si>
    <t>BU07431002</t>
  </si>
  <si>
    <t>Verspreide huizen Ommel</t>
  </si>
  <si>
    <t>2021BU07431002</t>
  </si>
  <si>
    <t>buurten.da30e979-be4e-499c-89bf-a7812e0880f8</t>
  </si>
  <si>
    <t>PL0743010002</t>
  </si>
  <si>
    <t>Bedr. Asten t Hoogvelt</t>
  </si>
  <si>
    <t>BU07431101</t>
  </si>
  <si>
    <t>Ommel recreatie</t>
  </si>
  <si>
    <t>WK074311</t>
  </si>
  <si>
    <t>2021BU07431101</t>
  </si>
  <si>
    <t>buurten.5bb20a5a-f973-4ecc-97ca-a1acfee93e3f</t>
  </si>
  <si>
    <t>BU07440101</t>
  </si>
  <si>
    <t>Centrumgebied Baarle-Nassau</t>
  </si>
  <si>
    <t>WK074401</t>
  </si>
  <si>
    <t>2021BU07440101</t>
  </si>
  <si>
    <t>buurten.24141f2a-8828-4d06-90ce-c398b4b97d9a</t>
  </si>
  <si>
    <t>BU07440102</t>
  </si>
  <si>
    <t>Hoogbraak</t>
  </si>
  <si>
    <t>2021BU07440102</t>
  </si>
  <si>
    <t>buurten.90f2ef48-1964-4bc6-8738-fa3f98c698a5</t>
  </si>
  <si>
    <t>BU07440103</t>
  </si>
  <si>
    <t>2021BU07440103</t>
  </si>
  <si>
    <t>buurten.40b20a1e-6657-4cae-a107-4ca8022bfd83</t>
  </si>
  <si>
    <t>BU07440104</t>
  </si>
  <si>
    <t>Bedrijventerrein De Geer</t>
  </si>
  <si>
    <t>2021BU07440104</t>
  </si>
  <si>
    <t>buurten.75458b0b-cffc-4b30-bfdd-dffe90808844</t>
  </si>
  <si>
    <t>BU07440105</t>
  </si>
  <si>
    <t>Loveren</t>
  </si>
  <si>
    <t>2021BU07440105</t>
  </si>
  <si>
    <t>buurten.93727b99-2808-4755-91b7-8ce0a2323cf0</t>
  </si>
  <si>
    <t>BU07440106</t>
  </si>
  <si>
    <t>Goordonk</t>
  </si>
  <si>
    <t>2021BU07440106</t>
  </si>
  <si>
    <t>buurten.022ee347-9f4f-4136-ab16-0f7fb13cefc1</t>
  </si>
  <si>
    <t>BU07440107</t>
  </si>
  <si>
    <t>Buitengebied Baarle-Nassau</t>
  </si>
  <si>
    <t>2021BU07440107</t>
  </si>
  <si>
    <t>buurten.d86264db-ba3a-4b7a-b50c-1eefe79e18b0</t>
  </si>
  <si>
    <t>alleen toe te passen bij oudere woningen</t>
  </si>
  <si>
    <t>woningcorporaties label B, gemiddeld label C</t>
  </si>
  <si>
    <t>BU07440201</t>
  </si>
  <si>
    <t>Kern Ulicoten</t>
  </si>
  <si>
    <t>WK074402</t>
  </si>
  <si>
    <t>2021BU07440201</t>
  </si>
  <si>
    <t>buurten.47ca5df2-6cbe-4f8d-bedf-341f0f327060</t>
  </si>
  <si>
    <t>BU07440202</t>
  </si>
  <si>
    <t>Buitengebied Ulicoten</t>
  </si>
  <si>
    <t>2021BU07440202</t>
  </si>
  <si>
    <t>buurten.ccdaa6a9-1585-40ea-9426-db08b36541e7</t>
  </si>
  <si>
    <t>BU07440301</t>
  </si>
  <si>
    <t>Castelré</t>
  </si>
  <si>
    <t>WK074403</t>
  </si>
  <si>
    <t>2021BU07440301</t>
  </si>
  <si>
    <t>buurten.e4d17081-443b-4c79-87b6-d1c0658aa694</t>
  </si>
  <si>
    <t>BU07480000</t>
  </si>
  <si>
    <t>WK074800</t>
  </si>
  <si>
    <t>GM0748</t>
  </si>
  <si>
    <t>Bergen op Zoom</t>
  </si>
  <si>
    <t>2021BU07480000</t>
  </si>
  <si>
    <t>buurten.8bbd9929-c899-4ec7-ab80-b9e12d3e6cd7</t>
  </si>
  <si>
    <t>DC074801</t>
  </si>
  <si>
    <t>Transitievisie Warmte - Fase 1 Bergen op Zoom</t>
  </si>
  <si>
    <t>2021-12-18</t>
  </si>
  <si>
    <t>stappen naar een aardgasvrije gemeente in 2050 uitstippelen</t>
  </si>
  <si>
    <t>https://ris2.ibabs.eu/Agenda/Details/BergenOpZoom/92d3e43c-d965-4893-b375-93afb66f0c8e</t>
  </si>
  <si>
    <t>PL0748010001</t>
  </si>
  <si>
    <t>Zoekgebieden</t>
  </si>
  <si>
    <t>BU07480001</t>
  </si>
  <si>
    <t>2021BU07480001</t>
  </si>
  <si>
    <t>buurten.d03eddfa-5e0d-44e8-8847-b02decf289ab</t>
  </si>
  <si>
    <t>BU07480002</t>
  </si>
  <si>
    <t>Vestinggronden-Noord</t>
  </si>
  <si>
    <t>2021BU07480002</t>
  </si>
  <si>
    <t>buurten.06595afc-4b88-4b40-a4b8-8e834c12aac0</t>
  </si>
  <si>
    <t>BU07480003</t>
  </si>
  <si>
    <t>Vestinggronden-Zuid</t>
  </si>
  <si>
    <t>2021BU07480003</t>
  </si>
  <si>
    <t>buurten.f9816018-087d-43e4-be11-f28b8168b817</t>
  </si>
  <si>
    <t>BU07480004</t>
  </si>
  <si>
    <t>Het Fort</t>
  </si>
  <si>
    <t>2021BU07480004</t>
  </si>
  <si>
    <t>buurten.17d750af-1b24-446b-a3cc-948134da9bb8</t>
  </si>
  <si>
    <t>BU07480005</t>
  </si>
  <si>
    <t>Zeekant</t>
  </si>
  <si>
    <t>2021BU07480005</t>
  </si>
  <si>
    <t>buurten.aed4bb99-7c2e-474d-ac45-9ab8e507cfa0</t>
  </si>
  <si>
    <t>BU07480006</t>
  </si>
  <si>
    <t>Het Glacis</t>
  </si>
  <si>
    <t>2021BU07480006</t>
  </si>
  <si>
    <t>buurten.22496b82-cf25-46d2-9d07-a9c30d6e4afc</t>
  </si>
  <si>
    <t>BU07480100</t>
  </si>
  <si>
    <t>Meilust Zuid</t>
  </si>
  <si>
    <t>WK074801</t>
  </si>
  <si>
    <t>2021BU07480100</t>
  </si>
  <si>
    <t>buurten.c851351c-a270-402e-af9f-e29af3fb215f</t>
  </si>
  <si>
    <t>BU07480101</t>
  </si>
  <si>
    <t>Meilust Noord</t>
  </si>
  <si>
    <t>2021BU07480101</t>
  </si>
  <si>
    <t>buurten.1e88e1bc-75d5-4b3e-8f0c-a4651ecec9e3</t>
  </si>
  <si>
    <t>BU07480102</t>
  </si>
  <si>
    <t>2021BU07480102</t>
  </si>
  <si>
    <t>buurten.1b0cb139-c83d-49c0-9b64-d02f572039d9</t>
  </si>
  <si>
    <t>BU07480103</t>
  </si>
  <si>
    <t>Noordgeest</t>
  </si>
  <si>
    <t>2021BU07480103</t>
  </si>
  <si>
    <t>buurten.8917ba6e-6887-47f7-a5ae-d809d6a31466</t>
  </si>
  <si>
    <t>BU07480200</t>
  </si>
  <si>
    <t>Gageldonk-West</t>
  </si>
  <si>
    <t>WK074802</t>
  </si>
  <si>
    <t>2021BU07480200</t>
  </si>
  <si>
    <t>buurten.e83ab780-2fb1-42c8-9cd9-a8e38641f1cb</t>
  </si>
  <si>
    <t>BU07480201</t>
  </si>
  <si>
    <t>Warande-West</t>
  </si>
  <si>
    <t>2021BU07480201</t>
  </si>
  <si>
    <t>buurten.f6c7992b-4f52-4baa-9f89-1334abea57d6</t>
  </si>
  <si>
    <t>BU07480202</t>
  </si>
  <si>
    <t>Gageldonk-Oost</t>
  </si>
  <si>
    <t>2021BU07480202</t>
  </si>
  <si>
    <t>buurten.3935adee-0dfc-4fbc-b9f6-dac3eb19a5ab</t>
  </si>
  <si>
    <t>BU07480203</t>
  </si>
  <si>
    <t>Warande-Oost</t>
  </si>
  <si>
    <t>2021BU07480203</t>
  </si>
  <si>
    <t>buurten.4d5538fd-dc39-4f7c-90a9-fcd84c7a6ba6</t>
  </si>
  <si>
    <t>BU07480204</t>
  </si>
  <si>
    <t>Nieuw Borgvliet</t>
  </si>
  <si>
    <t>2021BU07480204</t>
  </si>
  <si>
    <t>buurten.44a5c220-8b19-44ec-92f9-1fa4255e0b93</t>
  </si>
  <si>
    <t>BU07480205</t>
  </si>
  <si>
    <t>Langeweg</t>
  </si>
  <si>
    <t>2021BU07480205</t>
  </si>
  <si>
    <t>buurten.2d978bea-20d6-4fcc-8eca-e9931eec6266</t>
  </si>
  <si>
    <t>BU07480206</t>
  </si>
  <si>
    <t>Lage Meren</t>
  </si>
  <si>
    <t>2021BU07480206</t>
  </si>
  <si>
    <t>buurten.186b20db-4f9d-413e-bb7a-df5de1b7d18d</t>
  </si>
  <si>
    <t>BU07480208</t>
  </si>
  <si>
    <t>Verspreide huizen Heimolen</t>
  </si>
  <si>
    <t>2021BU07480208</t>
  </si>
  <si>
    <t>buurten.67aac2e1-cb01-423a-a63b-972a2e0476e3</t>
  </si>
  <si>
    <t>Individuele aanpak gemeentebreed</t>
  </si>
  <si>
    <t>Individueel</t>
  </si>
  <si>
    <t>BU07480209</t>
  </si>
  <si>
    <t>Buitengebied-Oost</t>
  </si>
  <si>
    <t>2021BU07480209</t>
  </si>
  <si>
    <t>buurten.26fab7df-ac2f-4eb1-a1e0-67adac5b48c3</t>
  </si>
  <si>
    <t>GM1674</t>
  </si>
  <si>
    <t>laten zien welke wijken, hoe en wanneer van het gas af gaan of daarop worden voorbereid</t>
  </si>
  <si>
    <t>DC167401</t>
  </si>
  <si>
    <t>15% besparen op warmte in 2030</t>
  </si>
  <si>
    <t>PL1674010001</t>
  </si>
  <si>
    <t>warmtevraag verlagen</t>
  </si>
  <si>
    <t>BU07480300</t>
  </si>
  <si>
    <t>Bergse Plaat</t>
  </si>
  <si>
    <t>WK074803</t>
  </si>
  <si>
    <t>2021BU07480300</t>
  </si>
  <si>
    <t>buurten.24ebfc2a-8b77-4f51-bac2-daf24aa42a39</t>
  </si>
  <si>
    <t>BU07480301</t>
  </si>
  <si>
    <t>De Markiezaten</t>
  </si>
  <si>
    <t>2021BU07480301</t>
  </si>
  <si>
    <t>buurten.723abd0e-6b76-49bc-8bb2-c98730fd20a0</t>
  </si>
  <si>
    <t>BU07480302</t>
  </si>
  <si>
    <t>Schelde Vesting</t>
  </si>
  <si>
    <t>2021BU07480302</t>
  </si>
  <si>
    <t>buurten.dd46704f-f693-47f0-a4c5-0f5209718e74</t>
  </si>
  <si>
    <t>BU07480306</t>
  </si>
  <si>
    <t>Waterfront-Industriegebied</t>
  </si>
  <si>
    <t>2021BU07480306</t>
  </si>
  <si>
    <t>buurten.1be5fffd-d7a9-4820-8db9-a8aa143f17d9</t>
  </si>
  <si>
    <t>BU07480308</t>
  </si>
  <si>
    <t>Augustapolder</t>
  </si>
  <si>
    <t>2021BU07480308</t>
  </si>
  <si>
    <t>buurten.00d74cf6-12f8-4521-ae42-1485cb0d9b8e</t>
  </si>
  <si>
    <t>BU07480309</t>
  </si>
  <si>
    <t>2021BU07480309</t>
  </si>
  <si>
    <t>buurten.9986d74c-0c37-497b-9fa8-7cd07ec729a3</t>
  </si>
  <si>
    <t>BU07480400</t>
  </si>
  <si>
    <t>Halsteren-Centrum</t>
  </si>
  <si>
    <t>WK074804</t>
  </si>
  <si>
    <t>2021BU07480400</t>
  </si>
  <si>
    <t>buurten.d3231a89-d4c0-4eff-8885-6a5004a3fd40</t>
  </si>
  <si>
    <t>BU07480401</t>
  </si>
  <si>
    <t>De Beek</t>
  </si>
  <si>
    <t>2021BU07480401</t>
  </si>
  <si>
    <t>buurten.33895804-83bd-41ab-a680-b123bd00c875</t>
  </si>
  <si>
    <t>BU07480402</t>
  </si>
  <si>
    <t>Nieuwe Molen</t>
  </si>
  <si>
    <t>2021BU07480402</t>
  </si>
  <si>
    <t>buurten.795a4b95-86ce-475b-becf-0ff6b477cc3b</t>
  </si>
  <si>
    <t>BU07480403</t>
  </si>
  <si>
    <t>Jankenberg</t>
  </si>
  <si>
    <t>2021BU07480403</t>
  </si>
  <si>
    <t>buurten.1e0d0bd5-6cab-48d9-9c26-954f57e122df</t>
  </si>
  <si>
    <t>BU07480404</t>
  </si>
  <si>
    <t>Rode Schouw</t>
  </si>
  <si>
    <t>2021BU07480404</t>
  </si>
  <si>
    <t>buurten.cbc90ced-0aa8-4d5e-bac4-ceb20ee91050</t>
  </si>
  <si>
    <t>BU07480405</t>
  </si>
  <si>
    <t>De Schans en Oude Molen</t>
  </si>
  <si>
    <t>2021BU07480405</t>
  </si>
  <si>
    <t>buurten.7fba5108-1949-4dee-928c-cf3d08b0c8cd</t>
  </si>
  <si>
    <t>BU07480408</t>
  </si>
  <si>
    <t>Verspreide huizen Vrederust</t>
  </si>
  <si>
    <t>2021BU07480408</t>
  </si>
  <si>
    <t>buurten.7a27ad7c-e34b-410f-ba0a-a87429ee3369</t>
  </si>
  <si>
    <t>BU07480409</t>
  </si>
  <si>
    <t>Verspreide huizen Halsterse Polders</t>
  </si>
  <si>
    <t>2021BU07480409</t>
  </si>
  <si>
    <t>buurten.8b89ed45-aca4-4ac3-91ff-310ea0a3f341</t>
  </si>
  <si>
    <t>BU07480500</t>
  </si>
  <si>
    <t>Lepelstraat</t>
  </si>
  <si>
    <t>WK074805</t>
  </si>
  <si>
    <t>2021BU07480500</t>
  </si>
  <si>
    <t>buurten.f09f9465-8aa0-45f4-91f1-c3dfc72e9ae5</t>
  </si>
  <si>
    <t>BU07480507</t>
  </si>
  <si>
    <t>Verspreide huizen Kladde</t>
  </si>
  <si>
    <t>2021BU07480507</t>
  </si>
  <si>
    <t>buurten.146e630f-9a78-43a3-a150-72ee98b67852</t>
  </si>
  <si>
    <t>BU07480508</t>
  </si>
  <si>
    <t>Verspreide huizen Klutsdorp</t>
  </si>
  <si>
    <t>2021BU07480508</t>
  </si>
  <si>
    <t>buurten.293f5690-1ada-49ba-b6b6-7b356016031a</t>
  </si>
  <si>
    <t>BU07480509</t>
  </si>
  <si>
    <t>Verspreide huizen Oud Glymespolder</t>
  </si>
  <si>
    <t>2021BU07480509</t>
  </si>
  <si>
    <t>buurten.9c32d69e-9cc8-4020-a242-ddd13c92220a</t>
  </si>
  <si>
    <t>BU07530001</t>
  </si>
  <si>
    <t>WK075300</t>
  </si>
  <si>
    <t>GM0753</t>
  </si>
  <si>
    <t>Best</t>
  </si>
  <si>
    <t>2021BU07530001</t>
  </si>
  <si>
    <t>buurten.64a12fb4-62f0-459f-9a69-c7debfcfc672</t>
  </si>
  <si>
    <t>aardgasvrij in 2050, 30% CO2-uitstootreductie in 2030</t>
  </si>
  <si>
    <t>DC075301</t>
  </si>
  <si>
    <t>Transitievisie Warmte 1.0 Gemeente Best</t>
  </si>
  <si>
    <t>2021-09-21</t>
  </si>
  <si>
    <t>[1] De warmtetransitie moet voor iedereen haalbaar en betaalbaar zijn; [2] de gemeente Best moet haar verantwoordelijkheid nemen om haar eigen vastgoed aan te pakken; [3] de gekozen aanpak moet de grootste maatschappelijke meerwaarde hebben; [4] de koppe</t>
  </si>
  <si>
    <t>Het document schets contouren voor burgerinspraak door de sociale mogelijkheden te benoemen en spreekt over het belang hiervan. Daarnaast wordt het belang van het tijdig identificeren van en meenemen van koppelkansen aangestipt.</t>
  </si>
  <si>
    <t>Voor 2030 is het streven in ieder geval 20% CO2-uitstootreductie in gemeentelijk uitstoot door een combinatie van het aardgasvrij maken van woningen d.m.v. de inzet van warmte-alternatieven en door het inzetten op isolatie en energiebesparing. Daarnaast</t>
  </si>
  <si>
    <t>https://best.notubiz.nl/document/10608785/1/B2021360%20-%20RIB%20over%20Concept%20Transitievisie%20Warmte</t>
  </si>
  <si>
    <t>PL0753010001</t>
  </si>
  <si>
    <t>Identificeren van geschikte warmte-alternatieven voor de zoekbuurten en uitvoeren in de gemeente Best voor 2030</t>
  </si>
  <si>
    <t>Het onderzoek wijst een geschikt collectieve warmtealternatief aan die voldoet aan de randvoorwaarden gepresenteerd in de TVW</t>
  </si>
  <si>
    <t>Het aardgasvrij maken van de zoekbuurten (de niet-CBS-indeling 'Naastenbest-Midden' en een gedeelte van de niet-CBS-indeling 'Heivelden') voor 2030 om bij te dragen aan de doelstellingen voor 2030 en de algehele energietransitie in de gemeente Best</t>
  </si>
  <si>
    <t>Ondiepe geothermie of asfaltthermie worden genoemd als mogelijke bronnen. Ook wordt er gesteld dat de gemeente Best over een beperkt aantal duurzame bronnen beschikt</t>
  </si>
  <si>
    <t>geothermie en/of asfaltthermie</t>
  </si>
  <si>
    <t>aquathermie, asfalt</t>
  </si>
  <si>
    <t>BU07530002</t>
  </si>
  <si>
    <t>Hoge Akker</t>
  </si>
  <si>
    <t>2021BU07530002</t>
  </si>
  <si>
    <t>buurten.4e719811-47ed-4d3b-9f05-924680aaa731</t>
  </si>
  <si>
    <t>BU07530003</t>
  </si>
  <si>
    <t>Speelheide</t>
  </si>
  <si>
    <t>2021BU07530003</t>
  </si>
  <si>
    <t>buurten.4f45faf1-0912-47c2-93d8-4df7d92c6c91</t>
  </si>
  <si>
    <t>BU07530004</t>
  </si>
  <si>
    <t>De Leeuwerik</t>
  </si>
  <si>
    <t>2021BU07530004</t>
  </si>
  <si>
    <t>buurten.2ec253df-819c-4a5c-8240-ef89aef7d00e</t>
  </si>
  <si>
    <t>BU07530005</t>
  </si>
  <si>
    <t>Villawijk</t>
  </si>
  <si>
    <t>2021BU07530005</t>
  </si>
  <si>
    <t>buurten.4c632ddb-0ff0-45fb-b7c4-99d0bb400435</t>
  </si>
  <si>
    <t>BU07530006</t>
  </si>
  <si>
    <t>Batadorp</t>
  </si>
  <si>
    <t>2021BU07530006</t>
  </si>
  <si>
    <t>buurten.0bb9e3d5-26b6-415c-8833-9382ee02a168</t>
  </si>
  <si>
    <t>BU07530007</t>
  </si>
  <si>
    <t>Salderes</t>
  </si>
  <si>
    <t>2021BU07530007</t>
  </si>
  <si>
    <t>buurten.f561cdb2-003b-4a26-9390-760038f7ba13</t>
  </si>
  <si>
    <t>BU07530008</t>
  </si>
  <si>
    <t>2021BU07530008</t>
  </si>
  <si>
    <t>buurten.1a0a1f0a-3264-4c16-9848-565ca35111f2</t>
  </si>
  <si>
    <t>BU07530009</t>
  </si>
  <si>
    <t>Naastenbest</t>
  </si>
  <si>
    <t>2021BU07530009</t>
  </si>
  <si>
    <t>buurten.120fa166-2a55-4370-8d19-cc27358f1d67</t>
  </si>
  <si>
    <t>BU07530010</t>
  </si>
  <si>
    <t>2021BU07530010</t>
  </si>
  <si>
    <t>buurten.4a05bba3-7b6a-46be-945a-e75f8c46499d</t>
  </si>
  <si>
    <t>BU07530011</t>
  </si>
  <si>
    <t>Breeven</t>
  </si>
  <si>
    <t>2021BU07530011</t>
  </si>
  <si>
    <t>buurten.05bdc5c4-00e3-442c-a534-93f5cac6f337</t>
  </si>
  <si>
    <t>GM0823</t>
  </si>
  <si>
    <t>Oirschot</t>
  </si>
  <si>
    <t>DC082301</t>
  </si>
  <si>
    <t>Transitievisie Warmte gemeente Oirschot</t>
  </si>
  <si>
    <t>2021-12-05</t>
  </si>
  <si>
    <t>De warmtevoorziening  moet niet alleen duurzaam zijn, maar ook betrouwbaar, betaalbaar en als comfortabel worden ervaren.Verder hanteerd de gemeente drie principes:1. We investeren waar de meerwaarde het grootst is2. We werken samen, zodat iedereen mee k</t>
  </si>
  <si>
    <t>Er word eerst een WUP gemaakt voor de transitiewijk. De TVW wordt elke 5 jaar geactualiseerd. In de loop der jaren zal de omgevingsvisie worden uitgewerkt tot omgevingsplan.  Daarna worden de WUPs voor de andere wijken uitgewerkt.</t>
  </si>
  <si>
    <t>In deze visie staat beschreven hoe we dit doel (in 2050 energieneutraal) gaan bereiken.</t>
  </si>
  <si>
    <t>Aardgasvrij in 2050.</t>
  </si>
  <si>
    <t>https://www.eindhovenduurzaam.nlransitievisiewarmte</t>
  </si>
  <si>
    <t>PL0823010005</t>
  </si>
  <si>
    <t>Verspreide huizen Middelbeers, Oostelbeers, Westelbeers &amp; Zuid-Oirschotse Heide</t>
  </si>
  <si>
    <t>In concept (afwachtend). In deze buurten worden woningen met individuele oplossingen aardgasvrij, op voor bewoners natuurlijke momenten: bijvoorbeeld tijdens een verhuizing, grote verbouwing of vervanging van CV-ketel. De gemeente start in dezebuurten me</t>
  </si>
  <si>
    <t>- Zo laag mogelijke nationale kosten en de laagste kosten voor de eindgebruiker- Zo goed mogelijk isoleren, binnen de bestaande schil- Warmte uit de zomer gebruiken met seizoensopslag- Bescikbare (grootschalige) bronnen koppelen aan geschikte gebieden- E</t>
  </si>
  <si>
    <t>Bewoners op natuurlijke momenten laten overstappen op individuele aardgasvrijeoplossingen. Gemeente zet in om deze woningen beter te isoleren.</t>
  </si>
  <si>
    <t>BU07530012</t>
  </si>
  <si>
    <t>Heide</t>
  </si>
  <si>
    <t>2021BU07530012</t>
  </si>
  <si>
    <t>buurten.84c91119-1f3b-4cd2-961f-41a181317c2b</t>
  </si>
  <si>
    <t>Duurzame bronnen, betaalbaar, betrouwbaar en toekomstbestendig, draagvlak bewoners, kwaliteit monumentale panden</t>
  </si>
  <si>
    <t>Stappen richting energieneutraal in 2050</t>
  </si>
  <si>
    <t>https://oirschot.bestuurlijkeinformatie.nl/Agenda/Index/00d433e6-f1ba-4660-b618-f838d4d6363f#23462e64-419f-477a-94ef-6c579a0b88b1</t>
  </si>
  <si>
    <t>BU07530013</t>
  </si>
  <si>
    <t>Heuveleind</t>
  </si>
  <si>
    <t>2021BU07530013</t>
  </si>
  <si>
    <t>buurten.c1d5782b-3b98-4d49-b295-15ecfafaccf8</t>
  </si>
  <si>
    <t>BU07530014</t>
  </si>
  <si>
    <t>Heivelden</t>
  </si>
  <si>
    <t>2021BU07530014</t>
  </si>
  <si>
    <t>buurten.71e43815-237f-440b-9a95-a27114ba4f29</t>
  </si>
  <si>
    <t>BU07530015</t>
  </si>
  <si>
    <t>2021BU07530015</t>
  </si>
  <si>
    <t>buurten.ffc5d423-3b58-4e0e-ac0d-25196e52efa8</t>
  </si>
  <si>
    <t>GM0848</t>
  </si>
  <si>
    <t>Son en Breugel</t>
  </si>
  <si>
    <t>energieneutraal, bij voorkeur in 2030</t>
  </si>
  <si>
    <t>DC084801</t>
  </si>
  <si>
    <t>Samen met de buurt starten met twee pilots voor het maken van wijkuitvoeringsplannen, voor 2030 ook starten met een wijkuitvoeringsplan voor een 3e buurt, een aparte warmteaanpak opstellen voor het bedrijventerrein, versterken van de isolatieaanpak voor</t>
  </si>
  <si>
    <t>PL0848010005</t>
  </si>
  <si>
    <t>Westelbeers, Verspreide huizen Oostelbeers, Straten met Moleneind</t>
  </si>
  <si>
    <t>bewoners financieel instaat zijn om een warmtepomp aan te schaffen</t>
  </si>
  <si>
    <t>Zoveel mogelijk gas besparen met isolatie, kierdichting, hybride warmtepompen en eventueel lokale, gasvrije warmteopties als dat haalbaar en betaalbaar is. Op termijn de resterende gasvraag verduurzamen.</t>
  </si>
  <si>
    <t>Basisniveau (conform Standaard), voor bouwjaar &gt; 1950, maatwerk voor bouwjaar &lt;1950</t>
  </si>
  <si>
    <t>Bodem-  en luchtwarmtepompen, hernieuwbare gassen</t>
  </si>
  <si>
    <t>bodemenergie en/of omgevingswarmte en/of hernieuwbaar gas</t>
  </si>
  <si>
    <t>BU07530016</t>
  </si>
  <si>
    <t>Dijkstraten</t>
  </si>
  <si>
    <t>2021BU07530016</t>
  </si>
  <si>
    <t>buurten.706783fc-c203-494a-9484-090abf51b1dd</t>
  </si>
  <si>
    <t>BU07530017</t>
  </si>
  <si>
    <t>Kantonnier</t>
  </si>
  <si>
    <t>2021BU07530017</t>
  </si>
  <si>
    <t>buurten.53570ea0-5242-408e-ba00-3914ad721422</t>
  </si>
  <si>
    <t>BU07530018</t>
  </si>
  <si>
    <t>Steegsche Velden</t>
  </si>
  <si>
    <t>2021BU07530018</t>
  </si>
  <si>
    <t>buurten.17e1832e-14a0-457b-8cfb-cff2d06a4acb</t>
  </si>
  <si>
    <t>BU07530019</t>
  </si>
  <si>
    <t>Aarlesche Erven</t>
  </si>
  <si>
    <t>2021BU07530019</t>
  </si>
  <si>
    <t>buurten.a03ab276-f026-4a4d-a912-f08d6c4f3f69</t>
  </si>
  <si>
    <t>BU07550000</t>
  </si>
  <si>
    <t>Boekel</t>
  </si>
  <si>
    <t>WK075500</t>
  </si>
  <si>
    <t>GM0755</t>
  </si>
  <si>
    <t>2021BU07550000</t>
  </si>
  <si>
    <t>buurten.fb66d308-ef2f-491e-b4ed-a933f34ffe81</t>
  </si>
  <si>
    <t>DC075501</t>
  </si>
  <si>
    <t>Hoe gaan we Boekel duurzaam verwarmen? Transitievisie Warmte Gemeente Boekel</t>
  </si>
  <si>
    <t>2021-07-13</t>
  </si>
  <si>
    <t>De Transitievisie Warmte vormt de basis voor uitvoeringsplannen op wijk-, buurt-, straat- en clusterniveau.</t>
  </si>
  <si>
    <t>https://storymaps.arcgis.com/stories/dd5a6d8975fa4b689b08fed4ca4167a6</t>
  </si>
  <si>
    <t>PL0755010001</t>
  </si>
  <si>
    <t>Kern Boekel</t>
  </si>
  <si>
    <t>In een aantal delen van het Centrum zijn de  inkomens  laag. Het is goed om speciale aandacht aan deze groep mensen te geven om  energiearmoede  te voorkomen.</t>
  </si>
  <si>
    <t>In de kern Boekel gaan we voor 2030 onderzoeken hoe de buurten aardgasvrij kunnen worden.</t>
  </si>
  <si>
    <t>BU07550005</t>
  </si>
  <si>
    <t>Verspreide huizen Logt en Berkhoek</t>
  </si>
  <si>
    <t>2021BU07550005</t>
  </si>
  <si>
    <t>buurten.4bc006c5-6307-4a46-ae69-3910f36ffc77</t>
  </si>
  <si>
    <t>GM1652</t>
  </si>
  <si>
    <t>Gemert-Bakel</t>
  </si>
  <si>
    <t>DC165201</t>
  </si>
  <si>
    <t>Transitievisie Warmte 1.0</t>
  </si>
  <si>
    <t>Wij, gemeente Gemert-Bakel, vinden het erg belangrijk dat de toekomstige energievoorziening betrouwbaar &amp; veilig, betaalbaar en duurzaam is. Alleen als we dat samen voor elkaar krijgen, wordt het ook mogelijk voor iedereen om de overstap te maken. We mak</t>
  </si>
  <si>
    <t>Eerst aan de slag met energie besparen en isoleren, dan aan de slag met aardgasvrij. Voor de verkenningsbuurten worden buurtuitvoeringsplannen gemaakt. Deze worden in samenwerking met bewoners en andere betrokkenen gemaakt en hiervor volgt per buurt een</t>
  </si>
  <si>
    <t>https://www.gemert-bakel.nl/sites/default/files/20210923-Ontwerp-TVW-Gemert-Bakel-versie-1.0.pdf</t>
  </si>
  <si>
    <t>PL1652010020</t>
  </si>
  <si>
    <t>voorsorterend. In deze buurten kiest iedere individuele huiseigenaar voor een alternatief op basis van een eigen tempo. Woningeigenaren kunnen stap voor stap maatregelen nemen, bijvoorbeeld door eerst te isoleren en een paar jaar later een warmtepomp te</t>
  </si>
  <si>
    <t>BU07550006</t>
  </si>
  <si>
    <t>Verspreide huizen Arendnest-Zijp</t>
  </si>
  <si>
    <t>2021BU07550006</t>
  </si>
  <si>
    <t>buurten.6784c3ae-e268-414f-a580-ca5d4672b8e3</t>
  </si>
  <si>
    <t>BU07550007</t>
  </si>
  <si>
    <t>Verspreide huizen Zandhoek en Peelstraat</t>
  </si>
  <si>
    <t>2021BU07550007</t>
  </si>
  <si>
    <t>buurten.da1b6aa5-08d7-4d1a-8d5b-2252fdc893a3</t>
  </si>
  <si>
    <t>BU07550008</t>
  </si>
  <si>
    <t>Verspreide huizen Molenwijk, Elzen en Neerbroek</t>
  </si>
  <si>
    <t>2021BU07550008</t>
  </si>
  <si>
    <t>buurten.aa6ab22a-09b6-425e-a2ff-9f9195a61ac0</t>
  </si>
  <si>
    <t>BU07550009</t>
  </si>
  <si>
    <t>Verspreide huizen Bovenstehuis en Peelsehuis</t>
  </si>
  <si>
    <t>2021BU07550009</t>
  </si>
  <si>
    <t>buurten.b22d163c-85aa-4651-84ec-7ef454ebeeee</t>
  </si>
  <si>
    <t>BU07550100</t>
  </si>
  <si>
    <t>Venhorst</t>
  </si>
  <si>
    <t>WK075501</t>
  </si>
  <si>
    <t>2021BU07550100</t>
  </si>
  <si>
    <t>buurten.ab5afec6-0e3e-4dff-bbe1-820a2848d47a</t>
  </si>
  <si>
    <t>PL0755010002</t>
  </si>
  <si>
    <t>BU07550109</t>
  </si>
  <si>
    <t>Verspreide huizen Venhorst</t>
  </si>
  <si>
    <t>2021BU07550109</t>
  </si>
  <si>
    <t>buurten.0dc95f2f-09be-4814-af62-d0e3d86f14bf</t>
  </si>
  <si>
    <t>GM1702</t>
  </si>
  <si>
    <t>Sint Anthonis</t>
  </si>
  <si>
    <t>DC170201</t>
  </si>
  <si>
    <t>Transitievisie Warmte Sint Anthonis: op weg naar een aardgasvrije gemeente</t>
  </si>
  <si>
    <t>Aardgasvrij Sint Anthonis in 2050</t>
  </si>
  <si>
    <t>https://energiewerkplaatsbrabant.nl/hetkennisplein/gebouwde+omgeving/energie+transitie+warmte/warmtetransitie+politiek-bestuurlijkransitievisie+warmte/warmtetransitievisie+van+brabantse+gemeenten/2011478.aspx?t=Transitievisie-Warmte-Sint-Anthonis-Op--weg</t>
  </si>
  <si>
    <t>PL1702010003</t>
  </si>
  <si>
    <t>BiomassaGroen gasZonthermie</t>
  </si>
  <si>
    <t>27</t>
  </si>
  <si>
    <t>BU07560000</t>
  </si>
  <si>
    <t>Boxmeer Centrum</t>
  </si>
  <si>
    <t>WK075600</t>
  </si>
  <si>
    <t>GM0756</t>
  </si>
  <si>
    <t>Boxmeer</t>
  </si>
  <si>
    <t>2021BU07560000</t>
  </si>
  <si>
    <t>buurten.03f33957-5119-40c3-914f-5699a1e8662c</t>
  </si>
  <si>
    <t>DC075601</t>
  </si>
  <si>
    <t>Transitievisie Warmte Boxmeer: op weg naar een aardgasvrije gemeente</t>
  </si>
  <si>
    <t>Aardgasvrij Boxmeer in 2050</t>
  </si>
  <si>
    <t>https://boxmeer.bestuurlijkeinformatie.nl/Document/View/35d2becf-059e-4702-9312-6defc604430b</t>
  </si>
  <si>
    <t>PL0756010001</t>
  </si>
  <si>
    <t>PL0756010005</t>
  </si>
  <si>
    <t>Initiatieven ondersteunen en stimuleren</t>
  </si>
  <si>
    <t>Voorwaarden voor uitvoering plan:- Informeren van inwoners en geven van handvatten- Dit gaat onder andere om koken op inductie of het aanleggen van vloerverwarming.- Door deze stappen op natuurlijke momenten te nemen, bijvoorbeeld als de keuken of vloer</t>
  </si>
  <si>
    <t>Door in te zetten op maximaal isoleren van woningen en gebouwen,kunnen uiteindelijk complete buurten (langzamerhand) transitie-gereedworden gemaakt.</t>
  </si>
  <si>
    <t>(on)diepe geothermieAquathermie (TEO uit de Maas)Biogas</t>
  </si>
  <si>
    <t>(ondiepe) geothermie en/of aquathermie (TEO)</t>
  </si>
  <si>
    <t>BU07560001</t>
  </si>
  <si>
    <t>Bakelgeert-Noord</t>
  </si>
  <si>
    <t>2021BU07560001</t>
  </si>
  <si>
    <t>buurten.f168d0b0-23a2-4ba6-bff6-dec3df3df7c8</t>
  </si>
  <si>
    <t>Starten richting aardgasvrij</t>
  </si>
  <si>
    <t>Restwarmte van bedrijvenOndiepe geothermie</t>
  </si>
  <si>
    <t>BU07560002</t>
  </si>
  <si>
    <t>Bakelgeert-Zuid</t>
  </si>
  <si>
    <t>2021BU07560002</t>
  </si>
  <si>
    <t>buurten.ec2781c2-a8cf-47a8-9f60-d600639717d1</t>
  </si>
  <si>
    <t>BU07560003</t>
  </si>
  <si>
    <t>De Elzen</t>
  </si>
  <si>
    <t>2021BU07560003</t>
  </si>
  <si>
    <t>buurten.1eb5343c-5828-4076-9056-191e7c9f2e7a</t>
  </si>
  <si>
    <t>BU07560004</t>
  </si>
  <si>
    <t>Villapark 't Zand</t>
  </si>
  <si>
    <t>2021BU07560004</t>
  </si>
  <si>
    <t>buurten.4e64ddc0-26db-4c7d-854b-69bb1c730aaf</t>
  </si>
  <si>
    <t>BU07560005</t>
  </si>
  <si>
    <t>Luneven</t>
  </si>
  <si>
    <t>2021BU07560005</t>
  </si>
  <si>
    <t>buurten.db3330e3-ac3a-4ab1-aeb8-0481842c4af9</t>
  </si>
  <si>
    <t>BU07560006</t>
  </si>
  <si>
    <t>Hollesteeg</t>
  </si>
  <si>
    <t>2021BU07560006</t>
  </si>
  <si>
    <t>buurten.44f0ce52-ec10-4876-8b7d-565aa4de4585</t>
  </si>
  <si>
    <t>BU07560007</t>
  </si>
  <si>
    <t>Maasbroeksche Blokken</t>
  </si>
  <si>
    <t>2021BU07560007</t>
  </si>
  <si>
    <t>buurten.577cad9c-a02f-4242-87d7-ba1e549ccd87</t>
  </si>
  <si>
    <t>BU07560008</t>
  </si>
  <si>
    <t>Bedrijventerrein Saxa Gotha</t>
  </si>
  <si>
    <t>2021BU07560008</t>
  </si>
  <si>
    <t>buurten.98ac279c-672f-4672-a95d-458feeb5eb8f</t>
  </si>
  <si>
    <t>BU07560009</t>
  </si>
  <si>
    <t>Verspreide huizen Boxmeer</t>
  </si>
  <si>
    <t>2021BU07560009</t>
  </si>
  <si>
    <t>buurten.d1e8ef23-7857-4cfc-b80c-0365ce11f98e</t>
  </si>
  <si>
    <t>Voorwaarden voor uitvoering plan:- Informeren van inwoners en geven van handvatten- Dit gaat onder andere om koken op inductie of het aanleggen van vloerverwarming.- Door deze stappen op natuurlijke momenten te nemen: bijvoorbeeld als de keuken of vloer</t>
  </si>
  <si>
    <t>biomassa en/of groengas en/of zonnewarmte</t>
  </si>
  <si>
    <t>biomassa, zon, hernieuwbaar gas</t>
  </si>
  <si>
    <t>BU07560100</t>
  </si>
  <si>
    <t>Sambeek Centrum</t>
  </si>
  <si>
    <t>WK075601</t>
  </si>
  <si>
    <t>2021BU07560100</t>
  </si>
  <si>
    <t>buurten.4f6f5a1e-7f01-464e-9322-9353ed335c7c</t>
  </si>
  <si>
    <t>BU07560109</t>
  </si>
  <si>
    <t>Verspreide huizen Sambeek</t>
  </si>
  <si>
    <t>2021BU07560109</t>
  </si>
  <si>
    <t>buurten.8f14789a-24e9-4d0d-8c60-9267d5dd5ec2</t>
  </si>
  <si>
    <t>BU07560200</t>
  </si>
  <si>
    <t>Beugen Centrum</t>
  </si>
  <si>
    <t>WK075602</t>
  </si>
  <si>
    <t>2021BU07560200</t>
  </si>
  <si>
    <t>buurten.e5ec1dcd-f21e-44c7-a1d1-79b31c4c6dbf</t>
  </si>
  <si>
    <t>BU07560209</t>
  </si>
  <si>
    <t>Verspreide huizen Beugen</t>
  </si>
  <si>
    <t>2021BU07560209</t>
  </si>
  <si>
    <t>buurten.a753423d-5145-40db-9fa6-0b43540d580f</t>
  </si>
  <si>
    <t>BU07560300</t>
  </si>
  <si>
    <t>Oeffelt Centrum</t>
  </si>
  <si>
    <t>WK075603</t>
  </si>
  <si>
    <t>2021BU07560300</t>
  </si>
  <si>
    <t>buurten.56137c91-09b4-45fe-8d14-ca915906432a</t>
  </si>
  <si>
    <t>BU07560309</t>
  </si>
  <si>
    <t>Verspreide huizen Oeffelt</t>
  </si>
  <si>
    <t>2021BU07560309</t>
  </si>
  <si>
    <t>buurten.b892bcf2-c619-432a-a556-dd5ea1ce2dd3</t>
  </si>
  <si>
    <t>BU07560400</t>
  </si>
  <si>
    <t>Rijkevoort Centrum</t>
  </si>
  <si>
    <t>WK075604</t>
  </si>
  <si>
    <t>2021BU07560400</t>
  </si>
  <si>
    <t>buurten.18d71f9f-14ee-4ac8-bfae-538b9a455655</t>
  </si>
  <si>
    <t>BU07560409</t>
  </si>
  <si>
    <t>Verspreide huizen Rijkevoort</t>
  </si>
  <si>
    <t>2021BU07560409</t>
  </si>
  <si>
    <t>buurten.ba668fef-0090-4728-8d48-01ec8f4e7008</t>
  </si>
  <si>
    <t>BU07560500</t>
  </si>
  <si>
    <t>Vortum-Mullem Centrum</t>
  </si>
  <si>
    <t>WK075605</t>
  </si>
  <si>
    <t>2021BU07560500</t>
  </si>
  <si>
    <t>buurten.3996d825-2faf-4098-b140-3ec414f0f521</t>
  </si>
  <si>
    <t>BU07560509</t>
  </si>
  <si>
    <t>Verspreide huizen Vortum-Mullem</t>
  </si>
  <si>
    <t>2021BU07560509</t>
  </si>
  <si>
    <t>buurten.c4422684-bcbe-4adf-aa3b-bb97bb2e6aa7</t>
  </si>
  <si>
    <t>BU07560600</t>
  </si>
  <si>
    <t>Vierlingsbeek Centrum</t>
  </si>
  <si>
    <t>WK075606</t>
  </si>
  <si>
    <t>2021BU07560600</t>
  </si>
  <si>
    <t>buurten.ee68db62-a719-4316-993f-e659b0a021a4</t>
  </si>
  <si>
    <t>BU07560601</t>
  </si>
  <si>
    <t>Groeningen Centrum</t>
  </si>
  <si>
    <t>2021BU07560601</t>
  </si>
  <si>
    <t>buurten.428b4cf5-891b-4e52-9946-bffb58386a34</t>
  </si>
  <si>
    <t>BU07560609</t>
  </si>
  <si>
    <t>Verspreide huizen Vierlingsbeek en Groeningen</t>
  </si>
  <si>
    <t>2021BU07560609</t>
  </si>
  <si>
    <t>buurten.8978ec84-2ea2-4715-b9cb-e17b9c58a075</t>
  </si>
  <si>
    <t>BU07560700</t>
  </si>
  <si>
    <t>Overloon Centrum</t>
  </si>
  <si>
    <t>WK075607</t>
  </si>
  <si>
    <t>2021BU07560700</t>
  </si>
  <si>
    <t>buurten.3ebc8e05-a001-4696-83ad-b1461c567b4c</t>
  </si>
  <si>
    <t>BU07560707</t>
  </si>
  <si>
    <t>Verspreide huizen Westerbeek</t>
  </si>
  <si>
    <t>2021BU07560707</t>
  </si>
  <si>
    <t>buurten.889c3921-5a3c-4883-ba7c-179212c3100d</t>
  </si>
  <si>
    <t>BU07560708</t>
  </si>
  <si>
    <t>Verspreide huizen Stevensbeek</t>
  </si>
  <si>
    <t>2021BU07560708</t>
  </si>
  <si>
    <t>buurten.21e94136-59a1-4c99-a67f-4cccce4e6311</t>
  </si>
  <si>
    <t>BU07560709</t>
  </si>
  <si>
    <t>Verspreide huizen Overloon</t>
  </si>
  <si>
    <t>2021BU07560709</t>
  </si>
  <si>
    <t>buurten.a49f9c4f-2ed3-4523-89ae-0c803348bda4</t>
  </si>
  <si>
    <t>BU07560800</t>
  </si>
  <si>
    <t>Maashees Centrum</t>
  </si>
  <si>
    <t>WK075608</t>
  </si>
  <si>
    <t>2021BU07560800</t>
  </si>
  <si>
    <t>buurten.b5872f28-50b3-4353-9bf3-86a2a5cb291d</t>
  </si>
  <si>
    <t>BU07560809</t>
  </si>
  <si>
    <t>Verspreide huizen Maashees</t>
  </si>
  <si>
    <t>2021BU07560809</t>
  </si>
  <si>
    <t>buurten.24c109b3-2eeb-423a-bf64-d29bac880e68</t>
  </si>
  <si>
    <t>BU07560900</t>
  </si>
  <si>
    <t>Holthees Centrum</t>
  </si>
  <si>
    <t>WK075609</t>
  </si>
  <si>
    <t>2021BU07560900</t>
  </si>
  <si>
    <t>buurten.0189104b-3a0a-461a-9625-2574b5aff474</t>
  </si>
  <si>
    <t>BU07560909</t>
  </si>
  <si>
    <t>Verspreide Huizen Holthees</t>
  </si>
  <si>
    <t>2021BU07560909</t>
  </si>
  <si>
    <t>buurten.f3b4d1e4-2f96-4120-b037-8ab30999a3ae</t>
  </si>
  <si>
    <t>BU07570000</t>
  </si>
  <si>
    <t>Boxtel-Centrum</t>
  </si>
  <si>
    <t>WK075700</t>
  </si>
  <si>
    <t>GM0757</t>
  </si>
  <si>
    <t>Boxtel</t>
  </si>
  <si>
    <t>2021BU07570000</t>
  </si>
  <si>
    <t>buurten.fb99eae7-7bb1-425a-a4b7-da7b74b31ce1</t>
  </si>
  <si>
    <t>DC075701</t>
  </si>
  <si>
    <t>Transitievisie Warmte Gemeente Boxtel</t>
  </si>
  <si>
    <t>Draagvlak, betaalbaarheid, koppelkansen met geplande werkzaamheden, omgevingspassend, comfort en gezondheid bewoners, en toekomstbestendig en duurzaam.</t>
  </si>
  <si>
    <t>Herijking TVW minimaal eens in de vijf jaar. De TVW probeert een realistische balans tussen ambitie en haalbaarheid te verzorgen, waarin inwoner en gebouweigenaar centraal staan.</t>
  </si>
  <si>
    <t>In 2050 aardgasvrij, het liefst al in 2030. TVW geeft aan dat er nog onderzoek nodig is naar haalbaarheid warmtenet(ten) in Boxtel, voordat er definitieve keuzes omtrent alternatieven gemaakt kunnen worden.</t>
  </si>
  <si>
    <t>https://mijngemeentedichtbij.bestuurlijkeinformatie.nl/Document/View/6f6b08aa-eb0a-4f8e-b068-4c9fd77eab72.</t>
  </si>
  <si>
    <t>PL0757010001</t>
  </si>
  <si>
    <t>PL0757010005</t>
  </si>
  <si>
    <t>Boxtel-Noord, Boxtel-Centrum en Boxtel-Oost</t>
  </si>
  <si>
    <t>Omgeving Brederodeweg (Boxtel-Centrum en Boxtel-Oost)</t>
  </si>
  <si>
    <t>Bedrijventerreinen vragen om maatwerk en een makelaarsfunctie om waar mogelijk en wenselijk de kansen te verkennen voor een collectieve oplossing met de verschillende eigenaren op het terrein.</t>
  </si>
  <si>
    <t>Op termijn met de lessen die we leren uit warmtenetonderzoek Brederodeweg en de lessen uit de pilots in de rest van Nederland, kunnen we kijken naar de mogelijkheden voor het centrum en voor Boxtel Noord (voor een warmtenet). Uiteindelijke warmteoptie on</t>
  </si>
  <si>
    <t>Bedrijven ondersteunen bij het vinden van een geschikte oplossing in hun warmtevraag. WKO warmtenet kan nuttig zijn i.v.m. warmte- en koelingsbehoefte op terreinen, maar dit verschilt per bedrijf.</t>
  </si>
  <si>
    <t>Hybride Warmtepomp (als tussenstap), mogelijk deels Afleverset</t>
  </si>
  <si>
    <t>De Dommel (rivier) heeft genoeg capaciteit om dit gebied, en in een later stadium ook Boxtel-Noord in de warmtevraag te voorzien. Andere mogelijkheden zijn datacentrum Rabobank en restwarmte VION (indien deze verduurzaamd).</t>
  </si>
  <si>
    <t>restwarmte (datacenter) en/of restwarmte (voedselindustrie) en/of aquathermie (TEO)</t>
  </si>
  <si>
    <t>BU07570001</t>
  </si>
  <si>
    <t>Boxtel-Oost</t>
  </si>
  <si>
    <t>2021BU07570001</t>
  </si>
  <si>
    <t>buurten.2b907e97-27e9-4a2c-b0c1-e17ab874c383</t>
  </si>
  <si>
    <t>PL0757010004</t>
  </si>
  <si>
    <t>Nieuwe woningen in deze gebieden all-electic, of op kleinschalig lokaal warmtenet indien de warntevraag en de woningdichtheid hoog genoeg zijn.</t>
  </si>
  <si>
    <t>Overstap naar all-electric moet stapsgewijs plaatsvinden, er worden nog innovaties verwacht in warmteopslag woningen en efficientere warmtepompen. Elektriciteitsnet moet verzwaard worden op een nog te bepalen moment, wanneer de netbeheerder dat aangeeft.</t>
  </si>
  <si>
    <t>In de kern Boxtel zien we Munsel-Selissen als kansrijk voor een elektrische warmtepomp.</t>
  </si>
  <si>
    <t>BU07570002</t>
  </si>
  <si>
    <t>Boxtel-Noord</t>
  </si>
  <si>
    <t>2021BU07570002</t>
  </si>
  <si>
    <t>buurten.42d573de-5403-497b-81f9-ea9fa8e8bc95</t>
  </si>
  <si>
    <t>Liempde, Lennisheuvel, Esch + buurtschappen en buitengebied</t>
  </si>
  <si>
    <t>Transitiegereed maken woningen, door middel van isoleren, kieren dichten en elektrisch koken. Hybride warmtepompen als tussenoplossing</t>
  </si>
  <si>
    <t>In 2050 duurzaam gas</t>
  </si>
  <si>
    <t>Indien in een later stadium overgegaan wordt op een warmtenet, heeft de rivier de Dommel genoeg capaciteit. In Boxtel-Noord is warmte uit de RWZI ook een haalbaar alternatief. Andere mogelijkheden zijn datacentrum Rabobank en restwarmte VION (indien deze</t>
  </si>
  <si>
    <t>BU07570003</t>
  </si>
  <si>
    <t>Munsel-Selissen</t>
  </si>
  <si>
    <t>2021BU07570003</t>
  </si>
  <si>
    <t>buurten.8420a234-bad1-43d6-8573-371a5b45f54c</t>
  </si>
  <si>
    <t>BU07570004</t>
  </si>
  <si>
    <t>Industrieterrein Boxtel</t>
  </si>
  <si>
    <t>2021BU07570004</t>
  </si>
  <si>
    <t>buurten.287f229a-69c7-43c0-aec2-6a9ed56c9f68</t>
  </si>
  <si>
    <t>BU07570005</t>
  </si>
  <si>
    <t>Verspreide huizen Kleinderliempde</t>
  </si>
  <si>
    <t>2021BU07570005</t>
  </si>
  <si>
    <t>buurten.2d9a1c58-f265-4e59-813c-f9d108b94f82</t>
  </si>
  <si>
    <t>BU07570006</t>
  </si>
  <si>
    <t>Verspreide huizen Tongeren, Luissel en Nergena</t>
  </si>
  <si>
    <t>2021BU07570006</t>
  </si>
  <si>
    <t>buurten.17bd5c3b-4d39-4899-9917-46a45618be42</t>
  </si>
  <si>
    <t>GM0824</t>
  </si>
  <si>
    <t>Oisterwijk</t>
  </si>
  <si>
    <t>DC082401</t>
  </si>
  <si>
    <t>Transitievisie Warmte gemeente Oisterwijk</t>
  </si>
  <si>
    <t>Draagvlak en betaalbaarheid</t>
  </si>
  <si>
    <t>In gesprek met inwoners en ondernemers van kansrijke wijken en buurten en indien er voldoende draagvlak is een wijkuitvoeringsplan opstellen, ontwikkelen collectieve gemeentebrede aanpak voor alle woningen en gebouwen gericht op geen spijt maatregelen, o</t>
  </si>
  <si>
    <t>Tot 2030 4,2 miljoen m3 aardgas besparen in woningen en 1,3 miljoen m3 bij bedrijven en instellingen (scholen, kantoren, winkels, enz.)</t>
  </si>
  <si>
    <t>https://oisterwijk.raadsinformatie.nl/document/10760154/3</t>
  </si>
  <si>
    <t>PL0824010007</t>
  </si>
  <si>
    <t>Toepassen geen spijt maatregelen gemeentebreed en op clusterniveau (eenduidige bebouwing)</t>
  </si>
  <si>
    <t>BU07570007</t>
  </si>
  <si>
    <t>Verspreide huizen Hal en Heult</t>
  </si>
  <si>
    <t>2021BU07570007</t>
  </si>
  <si>
    <t>buurten.37f96f6a-361c-4785-bde0-941e3291391a</t>
  </si>
  <si>
    <t>GM0865</t>
  </si>
  <si>
    <t>Vught</t>
  </si>
  <si>
    <t>49% CO2-reductie in 2030, 20% van de gebouwde omgeving minimaal transitiegereed in 2030, klimaatneutraal en aardgasvrij in 2040</t>
  </si>
  <si>
    <t>DC086501</t>
  </si>
  <si>
    <t>Duurzaam wonen in Vught; Route naar een aardgasvrije gebouwde omgeving</t>
  </si>
  <si>
    <t>Transitievisie Warmte Gemeente Sint-Michielsgestel</t>
  </si>
  <si>
    <t>Draagvlak, betaalbaarheid, koppelkansen met elektrificatie(werkzaamheden), omgevingspassend, comfort en gezondheid bewoners en toekomstbestendig.</t>
  </si>
  <si>
    <t>De Transitievisie Warmte geeft focus en richting, maar is niet in beton gegoten. Integendeel, we willen juist ruimte bieden voor jou als inwoner of organisatie om initiatieven te starten. Als gemeente proberen we kansrijke initiatieven zo goed mogelijk t</t>
  </si>
  <si>
    <t>De gemeente heeft vier startgebieden en drie mogelijke samenwerkingsgebieden aangewezen voor de warmtetransitie. De zeven aangewezen gebieden moeten in eerste instantie bijdragen aan de doelstelling voor 2030 (20% van de gebouwen aardgasvrij)</t>
  </si>
  <si>
    <t>https://api1.ibabs.eu/publicdownload.aspx?site=vught&amp;id=100095828</t>
  </si>
  <si>
    <t>https://sint-michielsgestel.raadsinformatie.nl/document/10680570/1/13_a+-+Bijlage+1+-+Transitievisie+Warmte+gemeente+Sint-Michielsgestel</t>
  </si>
  <si>
    <t>PL0865010010</t>
  </si>
  <si>
    <t>Alle Buurten en dorpen Gemeente (alle CBS-buurten m.u.v. Westakkers)</t>
  </si>
  <si>
    <t>Uitvoerend (isolatie)</t>
  </si>
  <si>
    <t>Besparen en transitiegereed maken van gebouwen. Zo veel mogelijk overstappen op natuurlijke momenten (geplande renovaties van woningen, verbouwingen, verhuizingen). Overstappen op vooralsnog hybride warmteoplossing met als ambitie all-electric. Resterend</t>
  </si>
  <si>
    <t>BU07570008</t>
  </si>
  <si>
    <t>Verspreide huizen Langenberg</t>
  </si>
  <si>
    <t>2021BU07570008</t>
  </si>
  <si>
    <t>buurten.d0f2816c-a8df-4f0a-8c8b-d3c02ded2095</t>
  </si>
  <si>
    <t>GM0845</t>
  </si>
  <si>
    <t>Sint-Michielsgestel</t>
  </si>
  <si>
    <t>DC084501</t>
  </si>
  <si>
    <t>De Transitievisie Warmte wordt minimaal elke vijf jaar herijkt. Tegen die tijd verwacht de gemeente dat er veel meer bekend zal zijn over een aantal belangrijke onderwerpen als gemeentelijke bevoegdheden, landelijk beleid omtrent betaalbaarheid, kennis o</t>
  </si>
  <si>
    <t>Doelstelling van 49% CO2-besparing in 2030; 20% van de gebouwde omgeving in 2030 minimaal transitiegereed;2040 Klimaatneutraal/aardgasvrij.</t>
  </si>
  <si>
    <t>PL0845010001</t>
  </si>
  <si>
    <t>BU07570009</t>
  </si>
  <si>
    <t>Verspreide huizen Roond</t>
  </si>
  <si>
    <t>2021BU07570009</t>
  </si>
  <si>
    <t>buurten.19f7cb16-c58d-4142-8996-05b631b07ccd</t>
  </si>
  <si>
    <t>BU07570100</t>
  </si>
  <si>
    <t>Lennisheuvel</t>
  </si>
  <si>
    <t>WK075701</t>
  </si>
  <si>
    <t>2021BU07570100</t>
  </si>
  <si>
    <t>buurten.2c91a4d9-5233-49e4-a1c0-76e64cb8b1e8</t>
  </si>
  <si>
    <t>BU07570109</t>
  </si>
  <si>
    <t>Verspreide huizen Lennisheuvel</t>
  </si>
  <si>
    <t>2021BU07570109</t>
  </si>
  <si>
    <t>buurten.e0a66fc7-daff-48c7-9a95-8fa5ef549a32</t>
  </si>
  <si>
    <t>Collectieve aanpak</t>
  </si>
  <si>
    <t>Verspreide huizen Spoordonk, Noord en de Mortelen &amp; Snepseind en Bijsterveld</t>
  </si>
  <si>
    <t>BU07570200</t>
  </si>
  <si>
    <t>Liempde</t>
  </si>
  <si>
    <t>WK075702</t>
  </si>
  <si>
    <t>2021BU07570200</t>
  </si>
  <si>
    <t>buurten.ef439434-9ef0-4255-9d2d-b00313a2d221</t>
  </si>
  <si>
    <t>BU07570206</t>
  </si>
  <si>
    <t>Hezelaar</t>
  </si>
  <si>
    <t>2021BU07570206</t>
  </si>
  <si>
    <t>buurten.87d81779-cb0e-4f88-9d02-02f215feca27</t>
  </si>
  <si>
    <t>BU07570207</t>
  </si>
  <si>
    <t>Vrilkhoven</t>
  </si>
  <si>
    <t>2021BU07570207</t>
  </si>
  <si>
    <t>buurten.57795d42-7fd1-4015-8400-81e3c5b0b47c</t>
  </si>
  <si>
    <t>BU07570208</t>
  </si>
  <si>
    <t>Verspreide huizen Kasteren en Berg</t>
  </si>
  <si>
    <t>2021BU07570208</t>
  </si>
  <si>
    <t>buurten.258cee10-4b48-4de0-af10-7259a250d7b1</t>
  </si>
  <si>
    <t>BU07570209</t>
  </si>
  <si>
    <t>Verspreide huizen Velders, Bosch en De Scheeken</t>
  </si>
  <si>
    <t>2021BU07570209</t>
  </si>
  <si>
    <t>buurten.9a067d0e-7dd8-4113-bb67-23ceafaa9688</t>
  </si>
  <si>
    <t>PL0823010004</t>
  </si>
  <si>
    <t>BU07573000</t>
  </si>
  <si>
    <t>Esch</t>
  </si>
  <si>
    <t>WK075730</t>
  </si>
  <si>
    <t>2021BU07573000</t>
  </si>
  <si>
    <t>buurten.c8700ba9-87cc-4117-83d2-d23ea422653c</t>
  </si>
  <si>
    <t>BU07573100</t>
  </si>
  <si>
    <t>Verspr huizen Esch</t>
  </si>
  <si>
    <t>WK075731</t>
  </si>
  <si>
    <t>2021BU07573100</t>
  </si>
  <si>
    <t>buurten.e799b4b0-be4d-4acb-876b-a07f17698502</t>
  </si>
  <si>
    <t>BU07580001</t>
  </si>
  <si>
    <t>WK075800</t>
  </si>
  <si>
    <t>GM0758</t>
  </si>
  <si>
    <t>Breda</t>
  </si>
  <si>
    <t>2021BU07580001</t>
  </si>
  <si>
    <t>buurten.96410c44-05c8-4a66-86c6-491d5c6b75df</t>
  </si>
  <si>
    <t>CO2-neutraal en duurzaam verwamd in 2044</t>
  </si>
  <si>
    <t>DC075801</t>
  </si>
  <si>
    <t>Transitievisie Warmte Breda</t>
  </si>
  <si>
    <t>1. Betaalbaarheid, 2. Draagvlak en keuzevrijheid, 3. Inwoners ontzorgen, 4. Overlast beperken, 5. Inzet op besparing en duurzaaam opwekken, 5. Adaptief, 6. Leveringszekerheid, 7. Transparant, 8. Verantwoord tempo en 9. Integrale benadering.</t>
  </si>
  <si>
    <t>Aardgasvrij/ CO2 -reductie is niet het enige doel; we gaan ook aan de slag met aardgasvrij-ready: isolatiemaatregelen, kierdichting en ventilatie met warmteterugwinning (WTW) om zo het energieverbruik omlaag te brengen. Hiernaast is het belangrijk om bew</t>
  </si>
  <si>
    <t>Breda heeft de ambitie om in 2044 CO2 -neutraal te zijn. Als tussendoelen zijn o.a. gesteld: in 2015 15% hernieuwbare energie en in 2020 20% hernieuwbare energie op het totaal, in 2020 de gemeentelijke organisatie geheel energieneutraal en in 2020 de CO2</t>
  </si>
  <si>
    <t>https://gemeente.breda.nl/file/2474/download</t>
  </si>
  <si>
    <t>PL0758010020</t>
  </si>
  <si>
    <t>PL0758010029</t>
  </si>
  <si>
    <t>Belcrum city Brabantpark</t>
  </si>
  <si>
    <t>Centrum Zuid</t>
  </si>
  <si>
    <t>In concept  (afwachtend). Vooral oude woningen, nog geen haalbare en betaalbare oplossingsrichting</t>
  </si>
  <si>
    <t>In concept (verkennend). In deze gebieden zijn er kansen om (deels) aardgasvrij te worden voor 2040. Om er op tijd bij te zijn, zonder teveel te doen in de komende drie jaren, begint de gemeente hier vanaf 2025 met de haalbaarheidsonderzoeken.</t>
  </si>
  <si>
    <t>Voorsorterend. Op korte termijn kan de hybride oplossing hier kansrijk zijn. Op lange termijn hangt de oplossingsrichting af van prijsontwikkelingen, de ontwikkeling van innovatieve technieken en de beschikbaarheid van groen gas.</t>
  </si>
  <si>
    <t>(50-70 graden kansrijk) Geothermie, aquathermie, riothermie, biomassa, rest warmte bedrijven, zonnewarmte</t>
  </si>
  <si>
    <t>Geothermie, aquathermie, riothermie, biomassa, rest warmte bedrijven, zonnewarmte (50-70 graden zoekgebied)</t>
  </si>
  <si>
    <t>MT warmte: geothermie en/of aquathermie (riool) en/of biomassa en/of restwarmte en/of zonnewarmte</t>
  </si>
  <si>
    <t>MT warmte: geothermie, aquathermie (TEO), biomassa, restwarmte, zonnewarmte</t>
  </si>
  <si>
    <t>BU07580002</t>
  </si>
  <si>
    <t>Chassé</t>
  </si>
  <si>
    <t>2021BU07580002</t>
  </si>
  <si>
    <t>buurten.57792c48-fb59-49ac-addf-12324372a373</t>
  </si>
  <si>
    <t>BU07580003</t>
  </si>
  <si>
    <t>Fellenoord</t>
  </si>
  <si>
    <t>2021BU07580003</t>
  </si>
  <si>
    <t>buurten.070d413b-96a4-416f-ab39-004b14e4a5ad</t>
  </si>
  <si>
    <t>PL0758010059</t>
  </si>
  <si>
    <t>Geothermie, aquathermie, riothermie, biomassa, rest warmte bedrijven, zonnewarmte (50-70 graden kansrijk)</t>
  </si>
  <si>
    <t>BU07580004</t>
  </si>
  <si>
    <t>Schorsmolen</t>
  </si>
  <si>
    <t>2021BU07580004</t>
  </si>
  <si>
    <t>buurten.079438aa-9161-4d4b-b531-f516f06fd90c</t>
  </si>
  <si>
    <t>PL0758010016</t>
  </si>
  <si>
    <t>PL0758010060</t>
  </si>
  <si>
    <t>Tuinzigt Noord</t>
  </si>
  <si>
    <t>In concept (afwachend). De gemeente kiest hier voor een natuurlijk tempo: niet de hele buurt tegelijk, maar elk gebouw op een logisch moment, bijvoorbeeld bij een verbouwing of verhuizing.</t>
  </si>
  <si>
    <t>definitief. is al aardgasvrij</t>
  </si>
  <si>
    <t>voorsorterend. Voor deze gebieden liggen individuele warmteoplossingen per gebouw voor de hand.</t>
  </si>
  <si>
    <t>Aardgasvrij in 2044 (op een natuurlijk tempo)</t>
  </si>
  <si>
    <t>Geothermie, aquathermie, riothermie, biomassa, rest warmte bedrijven, zonnewarmte (&lt;50 graden kansrijk)</t>
  </si>
  <si>
    <t>LT warmte: geothermie en/of aquathermie (riool) en/of biomassa en/of restwarmte en/of zonnewarmte</t>
  </si>
  <si>
    <t>BU07580005</t>
  </si>
  <si>
    <t>Station</t>
  </si>
  <si>
    <t>2021BU07580005</t>
  </si>
  <si>
    <t>buurten.2ee81209-c644-41f9-b5e4-3092b1d9a061</t>
  </si>
  <si>
    <t>BU07580006</t>
  </si>
  <si>
    <t>2021BU07580006</t>
  </si>
  <si>
    <t>buurten.8eaf6cce-1700-4abe-8db9-10255d2ee15a</t>
  </si>
  <si>
    <t>Tuinzigt Fellenoord Schorsmolen</t>
  </si>
  <si>
    <t>BU07580100</t>
  </si>
  <si>
    <t>Belcrum</t>
  </si>
  <si>
    <t>WK075801</t>
  </si>
  <si>
    <t>2021BU07580100</t>
  </si>
  <si>
    <t>buurten.76a60b03-fb7d-4ae5-994f-ebe153ef7a42</t>
  </si>
  <si>
    <t>PL0758010023</t>
  </si>
  <si>
    <t>Krogten</t>
  </si>
  <si>
    <t>Geothermie, aquathermie, riothermie, biomassa, rest warmte bedrijven, zonnewarmte (&lt;50 graden zoekgebied)</t>
  </si>
  <si>
    <t>BU07580101</t>
  </si>
  <si>
    <t>Doornbos-Linie</t>
  </si>
  <si>
    <t>2021BU07580101</t>
  </si>
  <si>
    <t>buurten.fe057580-28f4-4e53-b77f-13cd390852b5</t>
  </si>
  <si>
    <t>PL0758010010</t>
  </si>
  <si>
    <t>Doornbos-Linie Zuid</t>
  </si>
  <si>
    <t>BU07580102</t>
  </si>
  <si>
    <t>Biesdonk</t>
  </si>
  <si>
    <t>2021BU07580102</t>
  </si>
  <si>
    <t>buurten.96a1a039-f499-4934-8816-e81ae487ba17</t>
  </si>
  <si>
    <t>PL0758010001</t>
  </si>
  <si>
    <t>Aardgasvrij Biesdonk</t>
  </si>
  <si>
    <t>Definitief. Al aardgasvrij</t>
  </si>
  <si>
    <t>In concept (kansrijke optie). Deze gebieden zijn kansrijk om (deels) aardgasvrij te worden voor 2030. De gemeente maakt samen met de bewoners en andere stakeholders een gebiedsuitvoeringsplan.</t>
  </si>
  <si>
    <t>Het verduurzamen van deelektriciteit- en warmtelevering is in deze gebieden nog wel een aandachtspunt.</t>
  </si>
  <si>
    <t>BU07580103</t>
  </si>
  <si>
    <t>Geeren-zuid</t>
  </si>
  <si>
    <t>2021BU07580103</t>
  </si>
  <si>
    <t>buurten.86f0ed00-4e85-4ea7-ac21-15eb69fde675</t>
  </si>
  <si>
    <t>Hoge Beemd</t>
  </si>
  <si>
    <t>geothermie en/of aquathermie (riool) en/of biomassa en/of restwarmte en/of zonnewarmte</t>
  </si>
  <si>
    <t>BU07580104</t>
  </si>
  <si>
    <t>Wisselaar</t>
  </si>
  <si>
    <t>2021BU07580104</t>
  </si>
  <si>
    <t>buurten.bc3389a5-9b05-4b95-968b-699795f26120</t>
  </si>
  <si>
    <t>PL0758010007</t>
  </si>
  <si>
    <t>Aardgasvrij Hoge Beemd Noord</t>
  </si>
  <si>
    <t>BU07580105</t>
  </si>
  <si>
    <t>2021BU07580105</t>
  </si>
  <si>
    <t>buurten.9695c78c-a86f-4626-b23c-22e33fe5531d</t>
  </si>
  <si>
    <t>GM1719</t>
  </si>
  <si>
    <t>Drimmelen</t>
  </si>
  <si>
    <t>DC171901</t>
  </si>
  <si>
    <t>Transitievisie Warmte Gemeente Drimmelen 2022-2030</t>
  </si>
  <si>
    <t>2022-01-01</t>
  </si>
  <si>
    <t>Uitgangspunt is dat de energievoorziening te allen tijde betaalbaar, betrouwbaar, schoon en veilig blijft en aansluit bij de duurzame ambities van onze blauwgroene gemeente.</t>
  </si>
  <si>
    <t>Plannen maken met inwoners en stakeholders concreter en kijken hoe we samen tot uitvoering kunnen komen. In een of meerdere kansrijke buurten in gesprek gaan met inwoners en ondernemers of zij met de gemeente aan de slag willen met een wijkuitvoeringspla</t>
  </si>
  <si>
    <t>20% van de bestaande bebouwing in 2030 aardgasvrij, dit zijn ongeveer 2.300 woningen en 230 bedrijven en instellingen.</t>
  </si>
  <si>
    <t>https://drimmelen.nl/file/9614/download</t>
  </si>
  <si>
    <t>PL1719010005</t>
  </si>
  <si>
    <t>Treffen van geen spijt maatregelen met een focus op gebieden met eenduidige bebouwing</t>
  </si>
  <si>
    <t>BU07580106</t>
  </si>
  <si>
    <t>Geeren-noord</t>
  </si>
  <si>
    <t>2021BU07580106</t>
  </si>
  <si>
    <t>buurten.3056eb1f-93db-49eb-88d1-e275ab29ef93</t>
  </si>
  <si>
    <t>Geeren Noord</t>
  </si>
  <si>
    <t>Al aardgas vrij</t>
  </si>
  <si>
    <t>BU07580107</t>
  </si>
  <si>
    <t>Waterdonken</t>
  </si>
  <si>
    <t>2021BU07580107</t>
  </si>
  <si>
    <t>buurten.8949f76e-8712-4dc4-a21b-208f2a4a19f7</t>
  </si>
  <si>
    <t>BU07580200</t>
  </si>
  <si>
    <t>Brabantpark</t>
  </si>
  <si>
    <t>WK075802</t>
  </si>
  <si>
    <t>2021BU07580200</t>
  </si>
  <si>
    <t>buurten.382d4c9c-6eb3-43b4-950b-89d819cf5880</t>
  </si>
  <si>
    <t>PL0758010019</t>
  </si>
  <si>
    <t>Heusdenhout kookgas</t>
  </si>
  <si>
    <t>onderzoekend (WUP wordt opgesteld). Deze gebieden zijn kansrijk om (deels) aardgasvrij te worden voor 2030. De gemeente maakt samen met de bewoners en andere stakeholders een gebiedsuitvoeringsplan.</t>
  </si>
  <si>
    <t>BU07580201</t>
  </si>
  <si>
    <t>2021BU07580201</t>
  </si>
  <si>
    <t>buurten.ff40605e-affe-450f-bdb2-6f4133e5fcf5</t>
  </si>
  <si>
    <t>PL0758010017</t>
  </si>
  <si>
    <t>Zandberg</t>
  </si>
  <si>
    <t>BU07580202</t>
  </si>
  <si>
    <t>2021BU07580202</t>
  </si>
  <si>
    <t>buurten.9230ddd2-1599-4e61-896c-c65d726939ab</t>
  </si>
  <si>
    <t>geen keuze gemaakt. Aardgas vrij ready</t>
  </si>
  <si>
    <t>BU07580203</t>
  </si>
  <si>
    <t>Heusdenhout</t>
  </si>
  <si>
    <t>2021BU07580203</t>
  </si>
  <si>
    <t>buurten.a9e435c9-86b8-454a-a857-ec369159cde7</t>
  </si>
  <si>
    <t>Moleneind-Oost Heusdenhout</t>
  </si>
  <si>
    <t>BU07580204</t>
  </si>
  <si>
    <t>Moleneind-oost</t>
  </si>
  <si>
    <t>2021BU07580204</t>
  </si>
  <si>
    <t>buurten.5c65081d-0b34-42be-92e4-04fdc236aea3</t>
  </si>
  <si>
    <t>PL0758010030</t>
  </si>
  <si>
    <t>Brabantpark Heusdenhout</t>
  </si>
  <si>
    <t>BU07580205</t>
  </si>
  <si>
    <t>Hoogeind</t>
  </si>
  <si>
    <t>2021BU07580205</t>
  </si>
  <si>
    <t>buurten.9fcd34ea-e7a3-4f22-89fc-3a89fa38daa7</t>
  </si>
  <si>
    <t>GM0826</t>
  </si>
  <si>
    <t>20% woningen aardgasvrij in 2030, door stapsgewijs, samen met inwoners, werken naar een aardgasvrij Oosterhout</t>
  </si>
  <si>
    <t>DC082601</t>
  </si>
  <si>
    <t>Aardgasvrij Oosterhout Transitievisie Warmte</t>
  </si>
  <si>
    <t>betaalbaar, betrouwbaar, duurzaam alternatief, keuzevrijheid, besparen, schaalbaarheid</t>
  </si>
  <si>
    <t>duidelijkheid en openheid naar inwoners toe</t>
  </si>
  <si>
    <t>5000 woningen (20%) in 2030 aardgasvrij,</t>
  </si>
  <si>
    <t>https://oosterhout.bestuurlijkeinformatie.nl/Agenda/Document/69509b9f-efcf-4006-bc55-8b816462f288?documentId=a4e7146d-e7d3-40d5-864d-7230c7a992da</t>
  </si>
  <si>
    <t>PL0758010021</t>
  </si>
  <si>
    <t>PL0826010004</t>
  </si>
  <si>
    <t>Individuele oplossingen West, Dorst, Den Hout en Oosteind</t>
  </si>
  <si>
    <t>mogelijk om tenminste 750 woningen individueel aargasvrij maken samen</t>
  </si>
  <si>
    <t>BU07580300</t>
  </si>
  <si>
    <t>Blauwe Kei</t>
  </si>
  <si>
    <t>WK075803</t>
  </si>
  <si>
    <t>2021BU07580300</t>
  </si>
  <si>
    <t>buurten.94347d0b-0bd0-43f4-90d4-f703de5308c3</t>
  </si>
  <si>
    <t>Blauwe Klei Ypelaar</t>
  </si>
  <si>
    <t>orienterend. In deze gebieden zijn er kansen om (deels) aardgasvrij te worden voor 2040. Om er op tijd bij te zijn, zonder teveel te doen in de komende drie jaren, begint de gemeente hier vanaf 2025 met de haalbaarheidsonderzoeken.</t>
  </si>
  <si>
    <t>Defintief. Bestaand warmtenet</t>
  </si>
  <si>
    <t>BU07580301</t>
  </si>
  <si>
    <t>Ypelaar</t>
  </si>
  <si>
    <t>2021BU07580301</t>
  </si>
  <si>
    <t>buurten.b9c42103-2f13-4864-968a-649b88c55b37</t>
  </si>
  <si>
    <t>PL0758010008</t>
  </si>
  <si>
    <t>Ypelaar kookgas</t>
  </si>
  <si>
    <t>BU07580302</t>
  </si>
  <si>
    <t>Overakker</t>
  </si>
  <si>
    <t>2021BU07580302</t>
  </si>
  <si>
    <t>buurten.8b9ee5f3-4f2e-40f4-b4b8-60f71d5cfe89</t>
  </si>
  <si>
    <t>Ypelaar Zuid</t>
  </si>
  <si>
    <t>BU07580303</t>
  </si>
  <si>
    <t>Ginneken</t>
  </si>
  <si>
    <t>2021BU07580303</t>
  </si>
  <si>
    <t>buurten.8fe692e8-a2a6-4ec8-8c24-4d2bc95cc953</t>
  </si>
  <si>
    <t>BU07580309</t>
  </si>
  <si>
    <t>Mastbos</t>
  </si>
  <si>
    <t>2021BU07580309</t>
  </si>
  <si>
    <t>buurten.71f58d82-0999-4e12-b465-10e89e10c0a4</t>
  </si>
  <si>
    <t>PL1723010003</t>
  </si>
  <si>
    <t>Ruiterbos</t>
  </si>
  <si>
    <t>geschikt isolatieniveau</t>
  </si>
  <si>
    <t>in 2035 ongeveer 1500 woningen in de gemeente aardgasvrij zijn of klaar zijn voor de overstap naar aardgasvrij</t>
  </si>
  <si>
    <t>BU07580400</t>
  </si>
  <si>
    <t>Boeimeer</t>
  </si>
  <si>
    <t>WK075804</t>
  </si>
  <si>
    <t>2021BU07580400</t>
  </si>
  <si>
    <t>buurten.fac81829-364d-4f75-9f1f-ebd4e5057349</t>
  </si>
  <si>
    <t>BU07580401</t>
  </si>
  <si>
    <t>Ruitersbos</t>
  </si>
  <si>
    <t>2021BU07580401</t>
  </si>
  <si>
    <t>buurten.68285639-f86a-43ed-999f-6001c8df1d13</t>
  </si>
  <si>
    <t>BU07580500</t>
  </si>
  <si>
    <t>Haagpoort</t>
  </si>
  <si>
    <t>WK075805</t>
  </si>
  <si>
    <t>2021BU07580500</t>
  </si>
  <si>
    <t>buurten.6ca87225-9ec4-4c77-ad1e-5feda4cce953</t>
  </si>
  <si>
    <t>Heuvel</t>
  </si>
  <si>
    <t>BU07580501</t>
  </si>
  <si>
    <t>2021BU07580501</t>
  </si>
  <si>
    <t>buurten.a10d7741-ff96-45fc-8fbc-3418499e9aea</t>
  </si>
  <si>
    <t>PL0758010045</t>
  </si>
  <si>
    <t>Princenhage Noord</t>
  </si>
  <si>
    <t>BU07580502</t>
  </si>
  <si>
    <t>Tuinzigt</t>
  </si>
  <si>
    <t>2021BU07580502</t>
  </si>
  <si>
    <t>buurten.010f9a1d-9e87-4be4-9557-75270333664a</t>
  </si>
  <si>
    <t>BU07580503</t>
  </si>
  <si>
    <t>Princenhage</t>
  </si>
  <si>
    <t>2021BU07580503</t>
  </si>
  <si>
    <t>buurten.49763ad7-f4e2-49f3-b00b-657781fa7845</t>
  </si>
  <si>
    <t>PL0758010022</t>
  </si>
  <si>
    <t>BU07580504</t>
  </si>
  <si>
    <t>2021BU07580504</t>
  </si>
  <si>
    <t>buurten.0b981394-0462-4718-8f98-7452ec5cd121</t>
  </si>
  <si>
    <t>BU07580505</t>
  </si>
  <si>
    <t>Heilaar</t>
  </si>
  <si>
    <t>2021BU07580505</t>
  </si>
  <si>
    <t>buurten.ea5bb0aa-db1f-4b9b-848f-7b33157fabd0</t>
  </si>
  <si>
    <t>BU07580506</t>
  </si>
  <si>
    <t>2021BU07580506</t>
  </si>
  <si>
    <t>buurten.0fe006cb-9b65-4885-9832-b723ece41b23</t>
  </si>
  <si>
    <t>Zundert</t>
  </si>
  <si>
    <t>voor 2030 beweging richting aardgasvrij op gang brengen, Aardgasvrij in 2050</t>
  </si>
  <si>
    <t>Zundert op weg naar aardgasvrij een gedeelde visie op de warmtetransitie</t>
  </si>
  <si>
    <t>2021-09-15</t>
  </si>
  <si>
    <t>groen, Gedreven en gemeenschapszin</t>
  </si>
  <si>
    <t>https://www.zundert.nl/duurzaamheid/aardgasvrij</t>
  </si>
  <si>
    <t>Routekaart tot 2030 - Isoleren en activeren</t>
  </si>
  <si>
    <t>helder en betaalbaar</t>
  </si>
  <si>
    <t>isoleren en activeren</t>
  </si>
  <si>
    <t>BU07580507</t>
  </si>
  <si>
    <t>Steenakker</t>
  </si>
  <si>
    <t>2021BU07580507</t>
  </si>
  <si>
    <t>buurten.264c14b1-245d-4c98-b44a-1b42d0867261</t>
  </si>
  <si>
    <t>BU07580508</t>
  </si>
  <si>
    <t>Effen-Rith</t>
  </si>
  <si>
    <t>2021BU07580508</t>
  </si>
  <si>
    <t>buurten.34ef16f1-23a4-4b6a-ae4d-9bc50d156ff6</t>
  </si>
  <si>
    <t>GM0879</t>
  </si>
  <si>
    <t>DC087901</t>
  </si>
  <si>
    <t>duidelijk, Communiceren, Betaalbaar, Samen</t>
  </si>
  <si>
    <t>aardgasvrij en energieneutraal in 2050 (9200 woningen)</t>
  </si>
  <si>
    <t>PL0879010001</t>
  </si>
  <si>
    <t>BU07580509</t>
  </si>
  <si>
    <t>Liesbos</t>
  </si>
  <si>
    <t>2021BU07580509</t>
  </si>
  <si>
    <t>buurten.0dfa82b0-1b1d-48c5-a442-cbec36033346</t>
  </si>
  <si>
    <t>GM0777</t>
  </si>
  <si>
    <t>Etten-Leur</t>
  </si>
  <si>
    <t>DC077701</t>
  </si>
  <si>
    <t>Transitievisie Warmte Etten-Leur; Duurzaam wonen en werken uiterlijk in 2050</t>
  </si>
  <si>
    <t>Tot 2030 niemand gedwongen van aardgas af.Afwachten extra onderzoek naar bronnen en beschikbaarheid groen gas</t>
  </si>
  <si>
    <t>Focus op isolatie-aanpak. Campagnematig bewoners informeren en adviseren over het verduurzamen van hun huis en besparen op hun energierekening. Doel verminderde energievraag in 2030.</t>
  </si>
  <si>
    <t>https://www.etten-leur.nl/Inwoner/Duurzaamheid/Aardgasvrij/De_Transitievisie_Warmteransitievisie_Warmte_Gemeente_Etten_Leur</t>
  </si>
  <si>
    <t>PL0777010013</t>
  </si>
  <si>
    <t>Individueeladvies op basis van bouwjaar</t>
  </si>
  <si>
    <t>BU07580600</t>
  </si>
  <si>
    <t>Gageldonk</t>
  </si>
  <si>
    <t>WK075806</t>
  </si>
  <si>
    <t>2021BU07580600</t>
  </si>
  <si>
    <t>buurten.e6de93f8-b080-447a-a9d4-3acd0b744b94</t>
  </si>
  <si>
    <t>PL0758010005</t>
  </si>
  <si>
    <t>Kievietsloop middellang</t>
  </si>
  <si>
    <t>BU07580601</t>
  </si>
  <si>
    <t>Kievitsloop</t>
  </si>
  <si>
    <t>2021BU07580601</t>
  </si>
  <si>
    <t>buurten.2d1ac841-679c-40ac-9902-0778bcb6329e</t>
  </si>
  <si>
    <t>Kievitsloop noord</t>
  </si>
  <si>
    <t>BU07580602</t>
  </si>
  <si>
    <t>Kesteren</t>
  </si>
  <si>
    <t>2021BU07580602</t>
  </si>
  <si>
    <t>buurten.c1656232-871d-4f15-8348-49e632f883e3</t>
  </si>
  <si>
    <t>PL0758010004</t>
  </si>
  <si>
    <t>Muizenberg aardgasvrij</t>
  </si>
  <si>
    <t>BU07580603</t>
  </si>
  <si>
    <t>Muizenberg</t>
  </si>
  <si>
    <t>2021BU07580603</t>
  </si>
  <si>
    <t>buurten.0433b7a9-1121-44bd-bb51-288923710876</t>
  </si>
  <si>
    <t>PL0758010003</t>
  </si>
  <si>
    <t>Overkroeten aardgasvrij</t>
  </si>
  <si>
    <t>BU07580604</t>
  </si>
  <si>
    <t>Heksenwiel</t>
  </si>
  <si>
    <t>2021BU07580604</t>
  </si>
  <si>
    <t>buurten.dc13dfbf-e152-40e4-b7ff-332f9890c09e</t>
  </si>
  <si>
    <t>PL0758010002</t>
  </si>
  <si>
    <t>BU07580605</t>
  </si>
  <si>
    <t>Overkroeten</t>
  </si>
  <si>
    <t>2021BU07580605</t>
  </si>
  <si>
    <t>buurten.25158608-ec96-4ba8-b02b-5bce99bf2c92</t>
  </si>
  <si>
    <t>BU07580606</t>
  </si>
  <si>
    <t>Kroeten</t>
  </si>
  <si>
    <t>2021BU07580606</t>
  </si>
  <si>
    <t>buurten.f17a2166-4606-41dc-8371-fedfdececeda</t>
  </si>
  <si>
    <t>BU07580607</t>
  </si>
  <si>
    <t>Emer</t>
  </si>
  <si>
    <t>2021BU07580607</t>
  </si>
  <si>
    <t>buurten.530733b3-4019-457a-80e8-5e35bd28be7e</t>
  </si>
  <si>
    <t>Steenakker west</t>
  </si>
  <si>
    <t>BU07580609</t>
  </si>
  <si>
    <t>Hagebeemd</t>
  </si>
  <si>
    <t>2021BU07580609</t>
  </si>
  <si>
    <t>buurten.ede44c6e-a990-43f6-b46c-342db83e7bee</t>
  </si>
  <si>
    <t>BU07580700</t>
  </si>
  <si>
    <t>Bavel</t>
  </si>
  <si>
    <t>WK075807</t>
  </si>
  <si>
    <t>2021BU07580700</t>
  </si>
  <si>
    <t>buurten.175a341f-525b-42c0-a275-2fda5233a1be</t>
  </si>
  <si>
    <t>PL0758010026</t>
  </si>
  <si>
    <t>Elektra, gas en omgevingswarmte (luchtwarmtepompen, bodemenergie, warmte-koudeopslag (WKO) en bodemwarmtewisselaars)</t>
  </si>
  <si>
    <t>BU07580701</t>
  </si>
  <si>
    <t>Nieuw Wolfslaar</t>
  </si>
  <si>
    <t>2021BU07580701</t>
  </si>
  <si>
    <t>buurten.5eebe5b6-f7f3-4729-84dc-63f9a61bfad8</t>
  </si>
  <si>
    <t>Nieuw Wolfslaar Zuid</t>
  </si>
  <si>
    <t>BU07580709</t>
  </si>
  <si>
    <t>Buitengebied Bavel</t>
  </si>
  <si>
    <t>2021BU07580709</t>
  </si>
  <si>
    <t>buurten.4d37eaaf-a06e-4be4-ae64-8a6c3be2ae90</t>
  </si>
  <si>
    <t>Ulvenhout Oost</t>
  </si>
  <si>
    <t>BU07580800</t>
  </si>
  <si>
    <t>Ulvenhout</t>
  </si>
  <si>
    <t>WK075808</t>
  </si>
  <si>
    <t>2021BU07580800</t>
  </si>
  <si>
    <t>buurten.6cd87e91-f55a-4c19-91fb-fcce6e850408</t>
  </si>
  <si>
    <t>PL0758010027</t>
  </si>
  <si>
    <t>BU07580809</t>
  </si>
  <si>
    <t>Buitengebied Ulvenhout</t>
  </si>
  <si>
    <t>2021BU07580809</t>
  </si>
  <si>
    <t>buurten.0a87efab-df6c-4f26-8b3f-755f3765102f</t>
  </si>
  <si>
    <t>BU07580900</t>
  </si>
  <si>
    <t>Prinsenbeek</t>
  </si>
  <si>
    <t>WK075809</t>
  </si>
  <si>
    <t>2021BU07580900</t>
  </si>
  <si>
    <t>buurten.3ad31127-77d5-40b1-aaef-2b5ca1292779</t>
  </si>
  <si>
    <t>PL0758010011</t>
  </si>
  <si>
    <t>BU07580909</t>
  </si>
  <si>
    <t>Buitengebied Prinsenbeek</t>
  </si>
  <si>
    <t>2021BU07580909</t>
  </si>
  <si>
    <t>buurten.99a3778f-67ab-4c45-8726-67ba32f78f5c</t>
  </si>
  <si>
    <t>Prinsenbeek Zuid</t>
  </si>
  <si>
    <t>BU07581000</t>
  </si>
  <si>
    <t>Teteringen</t>
  </si>
  <si>
    <t>WK075810</t>
  </si>
  <si>
    <t>2021BU07581000</t>
  </si>
  <si>
    <t>buurten.79c13362-6ac9-460e-bc54-f20e32699ee6</t>
  </si>
  <si>
    <t>Teteringen Zuid</t>
  </si>
  <si>
    <t>BU07581008</t>
  </si>
  <si>
    <t>Vuchtpolder</t>
  </si>
  <si>
    <t>2021BU07581008</t>
  </si>
  <si>
    <t>buurten.e493e0a2-b394-478e-a802-8f4127867580</t>
  </si>
  <si>
    <t>BU07581009</t>
  </si>
  <si>
    <t>Buitengebied Teteringen</t>
  </si>
  <si>
    <t>2021BU07581009</t>
  </si>
  <si>
    <t>buurten.9511ceb4-3ed3-46f4-9291-ccd4b0f4b229</t>
  </si>
  <si>
    <t>PL0758010024</t>
  </si>
  <si>
    <t>BU07620000</t>
  </si>
  <si>
    <t>Deurne-Centrum</t>
  </si>
  <si>
    <t>WK076200</t>
  </si>
  <si>
    <t>2021BU07620000</t>
  </si>
  <si>
    <t>buurten.d28cf900-1e4b-486a-97fb-6c5f56f8a1c0</t>
  </si>
  <si>
    <t>PL0762010001</t>
  </si>
  <si>
    <t>Omgeving Houtenhoek</t>
  </si>
  <si>
    <t>In concept (onderzoekend). Op de middellange termijn gaat de gemeente onderzoek doen naar de gebieden in de gemeente die in aanmerking komen voor de inzet van groen gas. Op korte termijn (tussen 2022 en 2025) zal er worden gekeken naar de wenselijkheid o</t>
  </si>
  <si>
    <t>Voorkeursoptie. Warmtenet waarbij meerdere bronnen interessant kunnen zijn zoals zonthermie, geothermie en restwarmte. Deze oplossing komt naar voren als meest betaalbaar</t>
  </si>
  <si>
    <t>(Deels) aardgas vrij in 2030 + gemeente brede isolatie</t>
  </si>
  <si>
    <t>Elektra, gas en omgevingswarmte of aquathermie, restwarmte, riothermie</t>
  </si>
  <si>
    <t>omgevingswarmte en/of aquathermie (riool) en/of restwarmte</t>
  </si>
  <si>
    <t>BU07620001</t>
  </si>
  <si>
    <t>Sint Jozefparochie</t>
  </si>
  <si>
    <t>2021BU07620001</t>
  </si>
  <si>
    <t>buurten.75a0555b-8aab-4314-b9ca-79dc0bcd7e31</t>
  </si>
  <si>
    <t>BU07620002</t>
  </si>
  <si>
    <t>Zeilberg</t>
  </si>
  <si>
    <t>2021BU07620002</t>
  </si>
  <si>
    <t>buurten.0363451f-ca82-48e7-b6ed-5e794be4df43</t>
  </si>
  <si>
    <t>PL0762010003</t>
  </si>
  <si>
    <t>In concept (onderzoekend). Per half 2021/begin 2022 zal er gestart worden met een onderzoek naar technische- en financiele haalbaarheid in deze gebieden. Als blijkt dat de alternatieven voor aardgas technisch en financieel haalbaar zijn, zal er eind 2022</t>
  </si>
  <si>
    <t>BU07620003</t>
  </si>
  <si>
    <t>Walsberg</t>
  </si>
  <si>
    <t>2021BU07620003</t>
  </si>
  <si>
    <t>buurten.908ca70c-bccc-4119-8d73-a46359ec6059</t>
  </si>
  <si>
    <t>BU07620004</t>
  </si>
  <si>
    <t>Koolhof</t>
  </si>
  <si>
    <t>2021BU07620004</t>
  </si>
  <si>
    <t>buurten.92956fba-4319-447c-ab1d-f1029249a873</t>
  </si>
  <si>
    <t>BU07620005</t>
  </si>
  <si>
    <t>Heiakker</t>
  </si>
  <si>
    <t>2021BU07620005</t>
  </si>
  <si>
    <t>buurten.b0aa376d-b97c-4562-ae98-2ff5cc4325fb</t>
  </si>
  <si>
    <t>Deurne centrum</t>
  </si>
  <si>
    <t>In concept (onderzoekend). Voor deze buurt wordt er gestart met een onderzoek naar de inzet van een warmtenet. Ook worden de mogelijkheden bekeken om de gebouwen in dit gebied zover te isoleren dat ze klaar zijn voor inzet van een aardgas alternatief (aa</t>
  </si>
  <si>
    <t>BU07620006</t>
  </si>
  <si>
    <t>2021BU07620006</t>
  </si>
  <si>
    <t>buurten.bb12057f-2520-4836-b5e5-05209c59a412</t>
  </si>
  <si>
    <t>BU07620007</t>
  </si>
  <si>
    <t>De Vennen</t>
  </si>
  <si>
    <t>2021BU07620007</t>
  </si>
  <si>
    <t>buurten.d7d52b37-563b-4440-8adc-b7d0f1e4b0fd</t>
  </si>
  <si>
    <t>BU07620009</t>
  </si>
  <si>
    <t>Verspreide huizen Deurne</t>
  </si>
  <si>
    <t>2021BU07620009</t>
  </si>
  <si>
    <t>buurten.e949cfb3-5755-4217-bd37-bc1d6655457d</t>
  </si>
  <si>
    <t>PL0762010005</t>
  </si>
  <si>
    <t>Voorsorterend   Aansluiting op groen gas eventueel gecombineerd met hybride warmtepompen, Kleinschalige collectieve warmtepomp of WKO-systeem</t>
  </si>
  <si>
    <t>BU07620100</t>
  </si>
  <si>
    <t>Vlierden</t>
  </si>
  <si>
    <t>WK076201</t>
  </si>
  <si>
    <t>2021BU07620100</t>
  </si>
  <si>
    <t>buurten.652ade5b-e283-4250-8201-b72e2763e1d9</t>
  </si>
  <si>
    <t>PL0762010009</t>
  </si>
  <si>
    <t>BU07620109</t>
  </si>
  <si>
    <t>Verspreide huizen Vlierden</t>
  </si>
  <si>
    <t>2021BU07620109</t>
  </si>
  <si>
    <t>buurten.64d3ba57-c492-43b3-94d1-f3f0709c6a8f</t>
  </si>
  <si>
    <t>GM0794</t>
  </si>
  <si>
    <t>Helmond</t>
  </si>
  <si>
    <t>klimaatneutraal tussen 2035 en 2045</t>
  </si>
  <si>
    <t>DC079401</t>
  </si>
  <si>
    <t>Transitievisie Warmte Helmond</t>
  </si>
  <si>
    <t>betaalbaarheid, haalbaarheid en betrouwbaarheid voor de eindgebruiker staan voorop;</t>
  </si>
  <si>
    <t>een uitvoerbaar en realistisch programma worden waarbij de burger goed betrokken wordt</t>
  </si>
  <si>
    <t>aardgasvrije gebouwde omgeving in uiterlijk 2045</t>
  </si>
  <si>
    <t>PL0794010002</t>
  </si>
  <si>
    <t>Brouwhuis-Oost</t>
  </si>
  <si>
    <t>collectieve LT-/MT-warmtebronnen (aquathermie, zonthermie en restwarmte)</t>
  </si>
  <si>
    <t>LT/MT warmte: aquathermie en/of zonnewarmte en/of restwarmte</t>
  </si>
  <si>
    <t>BU07620200</t>
  </si>
  <si>
    <t>Liessel</t>
  </si>
  <si>
    <t>WK076202</t>
  </si>
  <si>
    <t>2021BU07620200</t>
  </si>
  <si>
    <t>buurten.1fddcacf-098a-403a-b49c-f4a80f1caaf0</t>
  </si>
  <si>
    <t>PL0762010006</t>
  </si>
  <si>
    <t>In concept(afwachtend). De gemeente verwacht dat de dorpen Helenaveen en Liessel als laatste de overstap naar aardgasvrij maken, of dat de inwoners dat op hun individuele natuurlijke tempo doen.</t>
  </si>
  <si>
    <t>Voorsorterend. Inzetten op klein-collectieve systemen zoals buurtwarmtepompen en WKOs. Ook een warmtepomp voor 2 of enkele huizen is een mogelijkheid. Daarnaast is het, aangezien de huizen redelijk ver uit elkaar staan,ook goed mogelijk individueel aan d</t>
  </si>
  <si>
    <t>BU07620209</t>
  </si>
  <si>
    <t>Verspreide huizen Liessel</t>
  </si>
  <si>
    <t>2021BU07620209</t>
  </si>
  <si>
    <t>buurten.82690793-c7f1-4f71-9917-77ae18cd2910</t>
  </si>
  <si>
    <t>BU07620300</t>
  </si>
  <si>
    <t>Neerkant</t>
  </si>
  <si>
    <t>WK076203</t>
  </si>
  <si>
    <t>2021BU07620300</t>
  </si>
  <si>
    <t>buurten.dcbcc0cc-31ad-4403-8e90-f1514dab85f2</t>
  </si>
  <si>
    <t>PL0762010008</t>
  </si>
  <si>
    <t>BU07620309</t>
  </si>
  <si>
    <t>Verspreide huizen Neerkant</t>
  </si>
  <si>
    <t>2021BU07620309</t>
  </si>
  <si>
    <t>buurten.367d9b5b-074e-4ea7-ab47-b48b475dd575</t>
  </si>
  <si>
    <t>BU07620400</t>
  </si>
  <si>
    <t>Helenaveen</t>
  </si>
  <si>
    <t>WK076204</t>
  </si>
  <si>
    <t>2021BU07620400</t>
  </si>
  <si>
    <t>buurten.6681a306-6126-48d4-985a-de13678f6234</t>
  </si>
  <si>
    <t>PL0762010007</t>
  </si>
  <si>
    <t>BU07620409</t>
  </si>
  <si>
    <t>Verspreide huizen Helenaveen</t>
  </si>
  <si>
    <t>2021BU07620409</t>
  </si>
  <si>
    <t>buurten.f9fec3bb-a55c-4ace-becd-d30587ea37e8</t>
  </si>
  <si>
    <t>GM1507</t>
  </si>
  <si>
    <t>Horst aan de Maas</t>
  </si>
  <si>
    <t>DC150701</t>
  </si>
  <si>
    <t>Horst aan de Maas Warmtevisie</t>
  </si>
  <si>
    <t>2022-12-01</t>
  </si>
  <si>
    <t>betaalbaarheid, Technisch uitvoerbaar, koppelkansen</t>
  </si>
  <si>
    <t>deze Warmtevisie richt zich op de warmtetransitie tot 2030.</t>
  </si>
  <si>
    <t>aardgasvrij-gereed maken, in 2050 aardgasvrij</t>
  </si>
  <si>
    <t>https://horstaandemaas.raadsinformatie.nl/document/11199011/1/14c_Warmtevisie_HadM</t>
  </si>
  <si>
    <t>PL1507010001</t>
  </si>
  <si>
    <t>Spoor A: gemeentebrede aanpak (isoleren/aardgasvrij maken</t>
  </si>
  <si>
    <t>tempo van woningverbetering versnellen door de particuliere woningeigenaren gerichter handelingsperspectief te geven</t>
  </si>
  <si>
    <t>BU07650000</t>
  </si>
  <si>
    <t>Oude Pekela</t>
  </si>
  <si>
    <t>WK076500</t>
  </si>
  <si>
    <t>GM0765</t>
  </si>
  <si>
    <t>Pekela</t>
  </si>
  <si>
    <t>2021BU07650000</t>
  </si>
  <si>
    <t>buurten.1d6abcb3-fddf-4c8b-b825-e6a0712e47fe</t>
  </si>
  <si>
    <t>BU07650009</t>
  </si>
  <si>
    <t>Verspreide huizen Oude Pekela</t>
  </si>
  <si>
    <t>2021BU07650009</t>
  </si>
  <si>
    <t>buurten.7bce8c2b-75a1-465d-a423-a7130d9d3864</t>
  </si>
  <si>
    <t>BU07650100</t>
  </si>
  <si>
    <t>Nieuwe Pekela</t>
  </si>
  <si>
    <t>WK076501</t>
  </si>
  <si>
    <t>2021BU07650100</t>
  </si>
  <si>
    <t>buurten.66a9a9f4-05a0-4cc7-a3ba-ccd74825e8b3</t>
  </si>
  <si>
    <t>BU07650101</t>
  </si>
  <si>
    <t>Boven-Pekela</t>
  </si>
  <si>
    <t>2021BU07650101</t>
  </si>
  <si>
    <t>buurten.db279381-c7c4-405e-9829-a5049fdc0b63</t>
  </si>
  <si>
    <t>BU07650109</t>
  </si>
  <si>
    <t>Verspreide huizen Nieuwe Pekela</t>
  </si>
  <si>
    <t>2021BU07650109</t>
  </si>
  <si>
    <t>buurten.88d95350-4915-4e1f-b46e-d33a53486246</t>
  </si>
  <si>
    <t>BU07660101</t>
  </si>
  <si>
    <t>WK076601</t>
  </si>
  <si>
    <t>GM0766</t>
  </si>
  <si>
    <t>Dongen</t>
  </si>
  <si>
    <t>2021BU07660101</t>
  </si>
  <si>
    <t>buurten.a1ef2796-f374-46b4-b92a-5f761d9fc52e</t>
  </si>
  <si>
    <t>1400 woningen isoleren om aardgasvrij te kunnen worden en 2050 aardgasvrij (volgt klimaatakkoord)</t>
  </si>
  <si>
    <t>DC076601</t>
  </si>
  <si>
    <t>Transitievisie warmte 2021 (Dongen)</t>
  </si>
  <si>
    <t>klankbordgroep met circa 40 mensen</t>
  </si>
  <si>
    <t>https://dongen.notubiz.nl/document/10791116/1/2021-014376%20Bijlage%201-%20Transitievisie%20warmte%20%20gemeente%20Dongen%202021-%20versie%201_0%20definitief%20concept</t>
  </si>
  <si>
    <t>PL0766010001</t>
  </si>
  <si>
    <t>Intensieve aanpak voor isoleren meest kansrijke buurten</t>
  </si>
  <si>
    <t>gedetailleerd beeld geven van benodigde isolatiemaatregelen, kosten, opbrengsten en financiering te geven</t>
  </si>
  <si>
    <t>BU07660102</t>
  </si>
  <si>
    <t>Buitengebied West 1</t>
  </si>
  <si>
    <t>2021BU07660102</t>
  </si>
  <si>
    <t>buurten.4cfbe307-3d5a-4bcc-ab68-fe47dd4fbc0f</t>
  </si>
  <si>
    <t>BU07660103</t>
  </si>
  <si>
    <t>2021BU07660103</t>
  </si>
  <si>
    <t>buurten.76f41496-80c2-4e4e-b456-147ebe03eb5b</t>
  </si>
  <si>
    <t>BU07660104</t>
  </si>
  <si>
    <t>Buitengebied West 2</t>
  </si>
  <si>
    <t>2021BU07660104</t>
  </si>
  <si>
    <t>buurten.859c3b8f-f7db-46e8-9e14-1a5f8a113044</t>
  </si>
  <si>
    <t>BU07660105</t>
  </si>
  <si>
    <t>2021BU07660105</t>
  </si>
  <si>
    <t>buurten.13aeac1f-01b7-4727-94a7-924452355243</t>
  </si>
  <si>
    <t>BU07660106</t>
  </si>
  <si>
    <t>Beljaart</t>
  </si>
  <si>
    <t>2021BU07660106</t>
  </si>
  <si>
    <t>buurten.373ac128-c761-4a0f-8505-c97c7d1e894a</t>
  </si>
  <si>
    <t>BU07660107</t>
  </si>
  <si>
    <t>2021BU07660107</t>
  </si>
  <si>
    <t>buurten.c42c7905-2b45-4040-be63-60c20d55778e</t>
  </si>
  <si>
    <t>BU07660108</t>
  </si>
  <si>
    <t>2021BU07660108</t>
  </si>
  <si>
    <t>buurten.3cd5071c-a2e9-4c8c-ac62-eb0455410022</t>
  </si>
  <si>
    <t>BU07660109</t>
  </si>
  <si>
    <t>Oud Dongen</t>
  </si>
  <si>
    <t>2021BU07660109</t>
  </si>
  <si>
    <t>buurten.65d04c23-2a83-46db-91e6-d8768c9922b5</t>
  </si>
  <si>
    <t>GM0855</t>
  </si>
  <si>
    <t>Tilburg</t>
  </si>
  <si>
    <t>klimaatneutraal in 2045</t>
  </si>
  <si>
    <t>DC085501</t>
  </si>
  <si>
    <t>Naar het nieuwe verwarmen van Tilburg: 1e Transitievisie Warmte</t>
  </si>
  <si>
    <t>haalbaarheid en betaalbaarheid</t>
  </si>
  <si>
    <t>door middel van adviezen van de TilburgerTafel een concreet plan bedenken en uitvoeren</t>
  </si>
  <si>
    <t>175 miljoen kg CO2 verminderen voor 2030 tov 1990</t>
  </si>
  <si>
    <t>https://tilburg.raadsinformatie.nl/document/10686188/1/224057-Behandelvoorstel%20voor%20Raadsvoorstel%20Transitievisie%20Warmte</t>
  </si>
  <si>
    <t>PL0855010001</t>
  </si>
  <si>
    <t>Aanpak voor heel Tilburg</t>
  </si>
  <si>
    <t>rekening houden met toekomstige plannen, benutten van natuurlijke momenten</t>
  </si>
  <si>
    <t>20% energiereductie in 2030 en 50% in 2045, inzetten op bewustwording, gedragsverandering en kleine maatregelen</t>
  </si>
  <si>
    <t>BU07660110</t>
  </si>
  <si>
    <t>Buitengebied Oost</t>
  </si>
  <si>
    <t>2021BU07660110</t>
  </si>
  <si>
    <t>buurten.a0341f78-6d9c-4f21-958b-6f1934c21d12</t>
  </si>
  <si>
    <t>BU07660111</t>
  </si>
  <si>
    <t>Klein Dongen</t>
  </si>
  <si>
    <t>2021BU07660111</t>
  </si>
  <si>
    <t>buurten.c28ae354-22cb-4578-9c92-53f13716f00a</t>
  </si>
  <si>
    <t>BU07660112</t>
  </si>
  <si>
    <t>Dongen-Vaart</t>
  </si>
  <si>
    <t>2021BU07660112</t>
  </si>
  <si>
    <t>buurten.4cb989aa-c175-474c-97ed-f6a071e64a1e</t>
  </si>
  <si>
    <t>GM0867</t>
  </si>
  <si>
    <t>Waalwijk</t>
  </si>
  <si>
    <t>DC086701</t>
  </si>
  <si>
    <t>Transitievisie Warmte (gemeente Waalwijk)</t>
  </si>
  <si>
    <t>samenwerking en verbinding met inwoners en bedrijven</t>
  </si>
  <si>
    <t>https://waalwijk.notubiz.nl/vergadering/792150#ai_6300650</t>
  </si>
  <si>
    <t>PL0867010005</t>
  </si>
  <si>
    <t>Waspik isoleren en aardgasvrij</t>
  </si>
  <si>
    <t>onderzoek mogelijkheden voor warmtenet</t>
  </si>
  <si>
    <t>BU07660113</t>
  </si>
  <si>
    <t>Buitengebied Klein Dongen/Dongen-Vaart</t>
  </si>
  <si>
    <t>2021BU07660113</t>
  </si>
  <si>
    <t>buurten.43f5cb83-a46c-47d0-bb3f-84237396b21d</t>
  </si>
  <si>
    <t>BU07660114</t>
  </si>
  <si>
    <t>Tichelrijt</t>
  </si>
  <si>
    <t>2021BU07660114</t>
  </si>
  <si>
    <t>buurten.1047ff1d-ebb5-4706-b1d4-68b42052bf16</t>
  </si>
  <si>
    <t>PL0855010002</t>
  </si>
  <si>
    <t>Zone 1: Westzijde</t>
  </si>
  <si>
    <t>burgerbijdrage, keuzevrvijheid en administratieve transparantie</t>
  </si>
  <si>
    <t>MT warmte: biomassa</t>
  </si>
  <si>
    <t>BU07660115</t>
  </si>
  <si>
    <t>Wildert</t>
  </si>
  <si>
    <t>2021BU07660115</t>
  </si>
  <si>
    <t>buurten.364620a1-2e3c-4f9d-ac3e-98a2b01b0aa6</t>
  </si>
  <si>
    <t>BU07660216</t>
  </si>
  <si>
    <t>'s Gravenmoer</t>
  </si>
  <si>
    <t>WK076602</t>
  </si>
  <si>
    <t>2021BU07660216</t>
  </si>
  <si>
    <t>buurten.5f3117ec-f21a-4696-bd59-34fb8e2f2885</t>
  </si>
  <si>
    <t>BU07660217</t>
  </si>
  <si>
    <t>Buitengebied 's Gravenmoer</t>
  </si>
  <si>
    <t>2021BU07660217</t>
  </si>
  <si>
    <t>buurten.02471e67-0c3e-4188-ac23-dec00c759f9a</t>
  </si>
  <si>
    <t>2022-09-06</t>
  </si>
  <si>
    <t>Wij, de gemeente Geertruidenberg, vinden het erg belangrijk dat de nieuwe energievoorziening betrouwbaar, veilig, betaalbaar en duurzaam is. Alleen als we dat samen voor elkaar krijgen, wordt het mogelijk voor iedereen om de overstap te maken. We maken g</t>
  </si>
  <si>
    <t>Gemeente Geertruidenberg wil de overstap niet overhaasten, en gaan daarom stap voor stap aan de slag. Vanaf nu isoleren, dan in 2021-2022 onderzoek doen in een paar wijken, tussen 2030 en 2035 gaan de eerste wijken van het aardgas af en tot 2050 gaan all</t>
  </si>
  <si>
    <t>Tussen 2030 en 2035 de eerste wijken van het aardgas af. Tot 2050 volledig aardgasvrij.</t>
  </si>
  <si>
    <t>https://www.thuisvester.nl/fileadmin/user_upload/Downloadsransitievisie_Warmte_gemeente_Geertruidenberg.pdf</t>
  </si>
  <si>
    <t>In concept (orienterend). Sommige buurten hebben een lage bebouwingsdichtheid, met veel vrijstaande huizen of twee-onder-een-kap woningen. Dit zijn delen in de dorpskernen van Raamsdonk en in het zuidoostelijke gedeelte van Raamsdonksveer. Daarnaast zijn</t>
  </si>
  <si>
    <t>Voorkeursoptie. In deze buurten liggen individuele oplossingen, meestal een warmtepomp, het meest voor de hand. Woningeigenaren kunnen stap voor stap maatregelen nemen, bijvoorbeeld door eerst te isoleren en een paar jaar later de CV ketel te vervangen d</t>
  </si>
  <si>
    <t>BU07700000</t>
  </si>
  <si>
    <t>Eersel-kom en Lindeakkers</t>
  </si>
  <si>
    <t>WK077000</t>
  </si>
  <si>
    <t>GM0770</t>
  </si>
  <si>
    <t>Eersel</t>
  </si>
  <si>
    <t>2021BU07700000</t>
  </si>
  <si>
    <t>buurten.0551c2e9-0dd1-429b-b0c5-6025e661c3e8</t>
  </si>
  <si>
    <t>DC077001</t>
  </si>
  <si>
    <t>Transitievisie Warmte Eersel</t>
  </si>
  <si>
    <t>2021-12-21</t>
  </si>
  <si>
    <t>betaalbaarheid, technisch haalbaar, draagvlak, binnen jurische kaders</t>
  </si>
  <si>
    <t>volgend in innovatie, Natuurlijke momenten benutten, Iedereen doet mee, Transparant, Flexibele grenzen en Keuzevrijheid</t>
  </si>
  <si>
    <t>https://eersel.bestuurlijkeinformatie.nl/Agenda/Index/910d9356-d78e-4269-a9e9-8643357bbccf#d7bad25a-6630-45bc-893f-1575f4c29fec</t>
  </si>
  <si>
    <t>PL0770010001</t>
  </si>
  <si>
    <t>PL0770010003</t>
  </si>
  <si>
    <t>Eersel Breed Besparingsplan</t>
  </si>
  <si>
    <t>Eersel Individuele aanpak</t>
  </si>
  <si>
    <t>geschikte warmtebron</t>
  </si>
  <si>
    <t>onderzoeken en plan opstellen</t>
  </si>
  <si>
    <t>zodat op termijn alle woningen klaar zijn voor de transitie naar aardgasvrij</t>
  </si>
  <si>
    <t>BU07700001</t>
  </si>
  <si>
    <t>Molenakkers</t>
  </si>
  <si>
    <t>2021BU07700001</t>
  </si>
  <si>
    <t>buurten.8c2b779d-65db-463b-b6eb-9812d48e75df</t>
  </si>
  <si>
    <t>BU07700002</t>
  </si>
  <si>
    <t>Eersel-Zuid</t>
  </si>
  <si>
    <t>2021BU07700002</t>
  </si>
  <si>
    <t>buurten.bc0a712f-6be2-4fad-8c77-d2c5caf3ccc4</t>
  </si>
  <si>
    <t>BU07700003</t>
  </si>
  <si>
    <t>De Dijken</t>
  </si>
  <si>
    <t>2021BU07700003</t>
  </si>
  <si>
    <t>buurten.865ef2a2-6c23-4905-80be-b32b4878392a</t>
  </si>
  <si>
    <t>BU07700004</t>
  </si>
  <si>
    <t>Kortkruis</t>
  </si>
  <si>
    <t>2021BU07700004</t>
  </si>
  <si>
    <t>buurten.2f4c4e8f-cab0-4662-a144-a99e7c7c450d</t>
  </si>
  <si>
    <t>BU07700005</t>
  </si>
  <si>
    <t>Bedrijventerrein Eersel</t>
  </si>
  <si>
    <t>2021BU07700005</t>
  </si>
  <si>
    <t>buurten.6480a776-9e71-4d61-a2ad-665ec133fec9</t>
  </si>
  <si>
    <t>BU07700006</t>
  </si>
  <si>
    <t>Molenveld en Schadewijk</t>
  </si>
  <si>
    <t>2021BU07700006</t>
  </si>
  <si>
    <t>buurten.f1914af2-7181-4219-8cac-446b636cc076</t>
  </si>
  <si>
    <t>GM1724</t>
  </si>
  <si>
    <t>Bergeijk</t>
  </si>
  <si>
    <t>uitstootreductie tot 2030, daarna focus op aardgasvrij</t>
  </si>
  <si>
    <t>DC172401</t>
  </si>
  <si>
    <t>Transitievisie warmte gemeente Bergeijk</t>
  </si>
  <si>
    <t>2021-11-10</t>
  </si>
  <si>
    <t>middelen en budget, oplossing voor salderen, ontwikkeling groengas, voldoende monitoring, goede energielabelmethodiek, draagvlak</t>
  </si>
  <si>
    <t>leefbaarheid kernen, groene en duurzame gemeente blijven, zelfstandige gemeente blijven</t>
  </si>
  <si>
    <t>transitie conform klimaatakkoord; tot 2030 uitstootreductie, na 2030 focus op aardgasvrij</t>
  </si>
  <si>
    <t>https://gemeentebergeijk.bestuurlijkeinformatie.nl/Agenda/Document/ab70f1f9-fbef-4a30-b8d5-be9a15eb7bf3?documentId=bf21c16b-8da1-4c03-8000-6b11f6c91091</t>
  </si>
  <si>
    <t>PL1724010002</t>
  </si>
  <si>
    <t>Deelstrategie klaar-voor-aardgasvrij</t>
  </si>
  <si>
    <t>Hoofdstrategie klaar-voor-aardgasvrij</t>
  </si>
  <si>
    <t>alleen indien de maatregel de woningeigenaar voorbereidt op loskoppeling van het gas, maar tegelijk ook al wel wat oplevert (no-regret maatregelen)</t>
  </si>
  <si>
    <t>woning voldoende geisoleerd, geen boordieptebeperking.</t>
  </si>
  <si>
    <t>Zonnepanelen, Zonneboilers, Elektrisch koken, Vloer/Muurverwarming, WTW-Douche</t>
  </si>
  <si>
    <t>BU07700007</t>
  </si>
  <si>
    <t>Stokkelen en Hoogstraat</t>
  </si>
  <si>
    <t>2021BU07700007</t>
  </si>
  <si>
    <t>buurten.8f458303-a1d3-473c-88e3-8da576937e68</t>
  </si>
  <si>
    <t>BU07700008</t>
  </si>
  <si>
    <t>De Hees en Genderweg</t>
  </si>
  <si>
    <t>2021BU07700008</t>
  </si>
  <si>
    <t>buurten.5bd36447-3fb5-4dd6-ab8f-fba735062790</t>
  </si>
  <si>
    <t>BU07700009</t>
  </si>
  <si>
    <t>Verspreide huizen Eersel</t>
  </si>
  <si>
    <t>2021BU07700009</t>
  </si>
  <si>
    <t>buurten.0d2feff1-2879-409b-997b-a7e89fb6ab54</t>
  </si>
  <si>
    <t>GM1728</t>
  </si>
  <si>
    <t>20% aardgasreductie in 2030, aardgasvrij in 2050</t>
  </si>
  <si>
    <t>DC172801</t>
  </si>
  <si>
    <t>Draagvlak en participatie staan voorop</t>
  </si>
  <si>
    <t>We gaan tot 2030 bewoners sowieso niet dwingen van het gas af te gaan, we willen met informeren, inspireren en organiseren in gezamenlijkheid verder komen. We zetten ontwikkelen een aanpak voor no-regret maatregelen en het aardgasvrij-ready maken. We gaa</t>
  </si>
  <si>
    <t>Het reduceren van net zoveel aardgas als 1.720 woning gebruiken in 2030 en een reductie van 2.100.000 m3 aardgas bij bedrijven en instellingen (20%)</t>
  </si>
  <si>
    <t>https://bladel.bestuurlijkeinformatie.nl/Agenda/Document/b93edc44-ef21-4af0-9136-aef93ed36def?documentId=18c49baa-6608-471e-aeac-d0ecac6fdb76&amp;agendaItemId=eb110a7c-1483-45d3-b803-be1be43c5873</t>
  </si>
  <si>
    <t>PL1728010006</t>
  </si>
  <si>
    <t>Collectieve aaanpak</t>
  </si>
  <si>
    <t>Kempisch Bedrijvenpark</t>
  </si>
  <si>
    <t>Toepassen no-regret maatregelen in de hele gemeente en in specifieke clusters (eenduidige bebouwing)</t>
  </si>
  <si>
    <t>BU07700010</t>
  </si>
  <si>
    <t>Kerkebogten</t>
  </si>
  <si>
    <t>2021BU07700010</t>
  </si>
  <si>
    <t>buurten.6c7e7926-9d5d-4363-9e26-997ffa7cb7a3</t>
  </si>
  <si>
    <t>BU07700100</t>
  </si>
  <si>
    <t>Duizel</t>
  </si>
  <si>
    <t>WK077001</t>
  </si>
  <si>
    <t>2021BU07700100</t>
  </si>
  <si>
    <t>buurten.09de692b-0e31-4823-b14c-1b580f6c867f</t>
  </si>
  <si>
    <t>BU07700101</t>
  </si>
  <si>
    <t>De Donksbergen</t>
  </si>
  <si>
    <t>2021BU07700101</t>
  </si>
  <si>
    <t>buurten.e644254d-2c8a-4cf9-892e-439ff71f8b70</t>
  </si>
  <si>
    <t>Bladel</t>
  </si>
  <si>
    <t>Transitievisie Warmte Gemeente Bladel</t>
  </si>
  <si>
    <t>BU07700102</t>
  </si>
  <si>
    <t>Bedrijventerrein Duizel</t>
  </si>
  <si>
    <t>2021BU07700102</t>
  </si>
  <si>
    <t>buurten.eddfdfe9-d8cc-4a6f-9468-27ad16c6e979</t>
  </si>
  <si>
    <t>BU07700109</t>
  </si>
  <si>
    <t>Verspreide huizen Duizel</t>
  </si>
  <si>
    <t>2021BU07700109</t>
  </si>
  <si>
    <t>buurten.5073d6a9-74e2-4e02-a72f-35bc12beb9d1</t>
  </si>
  <si>
    <t>BU07700200</t>
  </si>
  <si>
    <t>Steensel</t>
  </si>
  <si>
    <t>WK077002</t>
  </si>
  <si>
    <t>2021BU07700200</t>
  </si>
  <si>
    <t>buurten.18ebeb4c-85a3-4742-8ec2-ffd241c4fcb9</t>
  </si>
  <si>
    <t>BU07700209</t>
  </si>
  <si>
    <t>Verspreide huizen Steensel</t>
  </si>
  <si>
    <t>2021BU07700209</t>
  </si>
  <si>
    <t>buurten.5bc8bc2c-0123-4c51-b043-a1b68a488c8f</t>
  </si>
  <si>
    <t>BU07700300</t>
  </si>
  <si>
    <t>Vessem-kom</t>
  </si>
  <si>
    <t>WK077003</t>
  </si>
  <si>
    <t>2021BU07700300</t>
  </si>
  <si>
    <t>buurten.a8b7c699-9327-4f83-8134-d384556026f2</t>
  </si>
  <si>
    <t>BU07700309</t>
  </si>
  <si>
    <t>Verspreide huizen Vessem</t>
  </si>
  <si>
    <t>2021BU07700309</t>
  </si>
  <si>
    <t>buurten.79276f97-562e-4329-8f79-b50298edfb5b</t>
  </si>
  <si>
    <t>BU07700400</t>
  </si>
  <si>
    <t>Wintelre-kom</t>
  </si>
  <si>
    <t>WK077004</t>
  </si>
  <si>
    <t>2021BU07700400</t>
  </si>
  <si>
    <t>buurten.501786a0-7d39-46fc-860e-72ca26e25fce</t>
  </si>
  <si>
    <t>BU07700409</t>
  </si>
  <si>
    <t>Verspreide huizen Wintelre</t>
  </si>
  <si>
    <t>2021BU07700409</t>
  </si>
  <si>
    <t>buurten.dd1f225a-2341-4afd-95e3-d861307d5b3a</t>
  </si>
  <si>
    <t>PL0823010007</t>
  </si>
  <si>
    <t>BU07700500</t>
  </si>
  <si>
    <t>Knegsel-kom</t>
  </si>
  <si>
    <t>WK077005</t>
  </si>
  <si>
    <t>2021BU07700500</t>
  </si>
  <si>
    <t>buurten.da4b288b-3fb8-4df9-a3bc-0b548d0c436a</t>
  </si>
  <si>
    <t>BU07700501</t>
  </si>
  <si>
    <t>Knegsel-Oeyenbos</t>
  </si>
  <si>
    <t>2021BU07700501</t>
  </si>
  <si>
    <t>buurten.db213955-ace0-484c-a194-f5f953df142f</t>
  </si>
  <si>
    <t>BU07700509</t>
  </si>
  <si>
    <t>Verspreide huizen Knegsel</t>
  </si>
  <si>
    <t>2021BU07700509</t>
  </si>
  <si>
    <t>buurten.63a071d5-e9f3-4ae1-8d99-718fda3e58a0</t>
  </si>
  <si>
    <t>BU07721110</t>
  </si>
  <si>
    <t>WK077211</t>
  </si>
  <si>
    <t>GM0772</t>
  </si>
  <si>
    <t>Eindhoven</t>
  </si>
  <si>
    <t>2021BU07721110</t>
  </si>
  <si>
    <t>buurten.9ccd5232-45e0-429b-9440-88bf47017c0e</t>
  </si>
  <si>
    <t>DC077201</t>
  </si>
  <si>
    <t>Transitievisie Warmte Eindhoven</t>
  </si>
  <si>
    <t>PL0772010036</t>
  </si>
  <si>
    <t>PL0772010056</t>
  </si>
  <si>
    <t>Zoekgebied centrum ZO</t>
  </si>
  <si>
    <t>voorbereidend. Deze buurten zijn kansrijk om aardgasvrij te worden tussen 2035 en 2050. Zowel individuele oplossingen als warmtenetten zijn hier denkbaar. Voor die tijd stimuleert de gemeente het terugdringen van aardgasverbruik door energiebesparende ma</t>
  </si>
  <si>
    <t>Voorkeursoptie. Hybride</t>
  </si>
  <si>
    <t>In eerste instantie aardgasverbruik terugdringen d.m.v. energiebesparende maatregelen en hybride warmtepompen.</t>
  </si>
  <si>
    <t>BU07721120</t>
  </si>
  <si>
    <t>Bergen</t>
  </si>
  <si>
    <t>2021BU07721120</t>
  </si>
  <si>
    <t>buurten.754e94a8-0e2e-43f5-8600-0453fc8f7e25</t>
  </si>
  <si>
    <t>PL0772010052</t>
  </si>
  <si>
    <t>Zoekgebied centrum ZW</t>
  </si>
  <si>
    <t>voorlopige keuze. Zoekgebied warmtenet</t>
  </si>
  <si>
    <t>BU07721130</t>
  </si>
  <si>
    <t>Witte Dame</t>
  </si>
  <si>
    <t>2021BU07721130</t>
  </si>
  <si>
    <t>buurten.75cfebdf-7a80-4fab-99cf-b5d1f44beaed</t>
  </si>
  <si>
    <t>BU07721140</t>
  </si>
  <si>
    <t>2021BU07721140</t>
  </si>
  <si>
    <t>buurten.32f8ced5-66a8-453a-abd1-b4a35dda905a</t>
  </si>
  <si>
    <t>PL0772010002</t>
  </si>
  <si>
    <t>Woensel ZW</t>
  </si>
  <si>
    <t>In concept (orienterend). Besluitvorming over een nieuwe warmtevoorziening komt tot stand nadat de technische haalbaarheid, duurzaamheid van de oplossing is vastgesteld, risicos voor deelnemers aanvaardbaar zijn en financierbaarheid en kosten voor bewone</t>
  </si>
  <si>
    <t>Kansrijk om (deels) aardgasvrij te worden voor 2035. Eerst beginnen met haalbaarheidsstudies.</t>
  </si>
  <si>
    <t>BU07721150</t>
  </si>
  <si>
    <t>TU-terrein</t>
  </si>
  <si>
    <t>2021BU07721150</t>
  </si>
  <si>
    <t>buurten.814d10a3-a92c-443f-bba2-d57f44b223b8</t>
  </si>
  <si>
    <t>BU07722110</t>
  </si>
  <si>
    <t>Irisbuurt</t>
  </si>
  <si>
    <t>WK077221</t>
  </si>
  <si>
    <t>2021BU07722110</t>
  </si>
  <si>
    <t>buurten.d57b45f7-f143-4d04-a22e-8a82e5c85a45</t>
  </si>
  <si>
    <t>PL0772010040</t>
  </si>
  <si>
    <t>BU07722120</t>
  </si>
  <si>
    <t>Rochusbuurt</t>
  </si>
  <si>
    <t>2021BU07722120</t>
  </si>
  <si>
    <t>buurten.9677a8a8-52c1-4828-9ba0-385cb6d38f2c</t>
  </si>
  <si>
    <t>BU07722130</t>
  </si>
  <si>
    <t>Elzent-Noord</t>
  </si>
  <si>
    <t>2021BU07722130</t>
  </si>
  <si>
    <t>buurten.b0edcd37-5457-4120-87d9-a49b59519ddc</t>
  </si>
  <si>
    <t>BU07722140</t>
  </si>
  <si>
    <t>2021BU07722140</t>
  </si>
  <si>
    <t>buurten.d78dae05-c65e-4c24-b509-a57decea9b37</t>
  </si>
  <si>
    <t>BU07722150</t>
  </si>
  <si>
    <t>Joriskwartier</t>
  </si>
  <si>
    <t>2021BU07722150</t>
  </si>
  <si>
    <t>buurten.c0c1bb47-409b-4bb5-b64b-4b0958fb51b8</t>
  </si>
  <si>
    <t>PL0772010045</t>
  </si>
  <si>
    <t>Hybride ZO</t>
  </si>
  <si>
    <t>Warmtenet ZO</t>
  </si>
  <si>
    <t>BU07722160</t>
  </si>
  <si>
    <t>Bloemenplein</t>
  </si>
  <si>
    <t>2021BU07722160</t>
  </si>
  <si>
    <t>buurten.328e29b9-792f-4312-8074-ea68c9a9f44d</t>
  </si>
  <si>
    <t>PL0772010019</t>
  </si>
  <si>
    <t>ZO all-electric enclave west</t>
  </si>
  <si>
    <t>BU07722170</t>
  </si>
  <si>
    <t>Looiakkers</t>
  </si>
  <si>
    <t>2021BU07722170</t>
  </si>
  <si>
    <t>buurten.c8aeb95f-2c04-4b64-aad8-30fcc20527ca</t>
  </si>
  <si>
    <t>BU07722180</t>
  </si>
  <si>
    <t>Elzent-Zuid</t>
  </si>
  <si>
    <t>2021BU07722180</t>
  </si>
  <si>
    <t>buurten.49d25bcf-10f8-4b61-966e-b045325833cb</t>
  </si>
  <si>
    <t>BU07722210</t>
  </si>
  <si>
    <t>Kerstroosplein</t>
  </si>
  <si>
    <t>WK077222</t>
  </si>
  <si>
    <t>2021BU07722210</t>
  </si>
  <si>
    <t>buurten.bdfb8326-3dcd-47d2-afcc-f5197085f84e</t>
  </si>
  <si>
    <t>BU07722220</t>
  </si>
  <si>
    <t>Gerardusplein</t>
  </si>
  <si>
    <t>2021BU07722220</t>
  </si>
  <si>
    <t>buurten.35592adf-e2e5-497f-ba6c-64e08a30affa</t>
  </si>
  <si>
    <t>BU07722230</t>
  </si>
  <si>
    <t>Genneperzijde</t>
  </si>
  <si>
    <t>2021BU07722230</t>
  </si>
  <si>
    <t>buurten.d9799922-b1c2-4fb5-a082-ef9950336e02</t>
  </si>
  <si>
    <t>PL0772010038</t>
  </si>
  <si>
    <t>BU07722240</t>
  </si>
  <si>
    <t>Roosten</t>
  </si>
  <si>
    <t>2021BU07722240</t>
  </si>
  <si>
    <t>buurten.ab79e4c7-b270-487b-b760-33eb3b702069</t>
  </si>
  <si>
    <t>GM0866</t>
  </si>
  <si>
    <t>Waalre</t>
  </si>
  <si>
    <t>DC086601</t>
  </si>
  <si>
    <t>Transitievisie Warmte gemeente Waalre</t>
  </si>
  <si>
    <t>beschikbaarheid en betrouwbaarheid van de warmtebron, oplossing moet energielastenneutraal zijn</t>
  </si>
  <si>
    <t>visie energielastenneutraal uitvoeren, samen met alle betrokkenen</t>
  </si>
  <si>
    <t>70% van de woningen in 2030 minimaal energielabel B</t>
  </si>
  <si>
    <t>https://www.waalre.nl/bestuur-en-organisatie/gemeenteraad/vergadering/25dfaa7b-d7d9-4011-9943-2b4a43690285</t>
  </si>
  <si>
    <t>PL0772010020</t>
  </si>
  <si>
    <t>PL0866010003</t>
  </si>
  <si>
    <t>ZO buitenwijk zuid</t>
  </si>
  <si>
    <t>klaarmaken voor aardgasvrij</t>
  </si>
  <si>
    <t>75% B of hoger</t>
  </si>
  <si>
    <t>BU07722250</t>
  </si>
  <si>
    <t>Eikenburg</t>
  </si>
  <si>
    <t>2021BU07722250</t>
  </si>
  <si>
    <t>buurten.0b1decc8-5ca3-4c84-b3d7-a0e50ed5212a</t>
  </si>
  <si>
    <t>Spijtvrije maatregelen</t>
  </si>
  <si>
    <t>BU07722260</t>
  </si>
  <si>
    <t>Sportpark Aalsterweg</t>
  </si>
  <si>
    <t>2021BU07722260</t>
  </si>
  <si>
    <t>buurten.556ee667-3897-4e10-99df-1b1007e0be2a</t>
  </si>
  <si>
    <t>BU07722300</t>
  </si>
  <si>
    <t>Puttense Dreef</t>
  </si>
  <si>
    <t>WK077223</t>
  </si>
  <si>
    <t>2021BU07722300</t>
  </si>
  <si>
    <t>buurten.c3e4a8cb-384e-4ce8-9fad-1971d2ecbe5f</t>
  </si>
  <si>
    <t>PL0772010034</t>
  </si>
  <si>
    <t>BU07722310</t>
  </si>
  <si>
    <t>Poeijers</t>
  </si>
  <si>
    <t>2021BU07722310</t>
  </si>
  <si>
    <t>buurten.03819a59-f4ea-45ae-9397-cf5db0041af8</t>
  </si>
  <si>
    <t>GM1771</t>
  </si>
  <si>
    <t>Geldrop-Mierlo</t>
  </si>
  <si>
    <t>DC177101</t>
  </si>
  <si>
    <t>Hoe gaan we Geldrop-Mierlo duurzaam verwarmen? Transitievisie Warmte gemeente Geldrop-Mierlo</t>
  </si>
  <si>
    <t>https://storymaps.arcgis.com/stories/2b0efea4f6e94055ab24aad25f78baa5</t>
  </si>
  <si>
    <t>PL1771010011</t>
  </si>
  <si>
    <t>Zesgehucten</t>
  </si>
  <si>
    <t>onderzoek</t>
  </si>
  <si>
    <t>Van gas af tot 2050 op eigen tempo</t>
  </si>
  <si>
    <t>Warmtepomp (indien mogelijk, anders Gasketel)</t>
  </si>
  <si>
    <t>BU07722320</t>
  </si>
  <si>
    <t>Burghplan</t>
  </si>
  <si>
    <t>2021BU07722320</t>
  </si>
  <si>
    <t>buurten.5b1903f1-0249-48ba-ae5c-8812ca399946</t>
  </si>
  <si>
    <t>BU07722330</t>
  </si>
  <si>
    <t>Sintenbuurt</t>
  </si>
  <si>
    <t>2021BU07722330</t>
  </si>
  <si>
    <t>buurten.69bb9b89-dc09-4ea6-b443-7e221037c92a</t>
  </si>
  <si>
    <t>PL0772010035</t>
  </si>
  <si>
    <t>BU07722340</t>
  </si>
  <si>
    <t>Tivoli</t>
  </si>
  <si>
    <t>2021BU07722340</t>
  </si>
  <si>
    <t>buurten.79546987-ef65-41d1-acd1-e7d7fcdac4a4</t>
  </si>
  <si>
    <t>Tivoli hybride</t>
  </si>
  <si>
    <t>BU07722350</t>
  </si>
  <si>
    <t>Gijzenrooi</t>
  </si>
  <si>
    <t>2021BU07722350</t>
  </si>
  <si>
    <t>buurten.0329638c-5bef-4f7f-9615-25b69fce2264</t>
  </si>
  <si>
    <t>BU07722360</t>
  </si>
  <si>
    <t>Nieuwe Erven</t>
  </si>
  <si>
    <t>2021BU07722360</t>
  </si>
  <si>
    <t>buurten.22940f4f-0f75-47ac-86f5-27b39423c3e7</t>
  </si>
  <si>
    <t>BU07722370</t>
  </si>
  <si>
    <t>2021BU07722370</t>
  </si>
  <si>
    <t>buurten.4c29e193-ad22-482f-9e33-5dca8b4c8f78</t>
  </si>
  <si>
    <t>ZO enclave Oost</t>
  </si>
  <si>
    <t>BU07722380</t>
  </si>
  <si>
    <t>Schuttersbosch</t>
  </si>
  <si>
    <t>2021BU07722380</t>
  </si>
  <si>
    <t>buurten.fdc765eb-a333-4c8a-8fee-51f5ca49489d</t>
  </si>
  <si>
    <t>BU07722390</t>
  </si>
  <si>
    <t>Leenderheide</t>
  </si>
  <si>
    <t>2021BU07722390</t>
  </si>
  <si>
    <t>buurten.fdb9e08b-82af-4903-aa87-f71fb82ae042</t>
  </si>
  <si>
    <t>GM1658</t>
  </si>
  <si>
    <t>DC165801</t>
  </si>
  <si>
    <t>Heeze-leende</t>
  </si>
  <si>
    <t>1. Iedereen moet mee kunnen doen, 2. De laagste kosten, 3. Logische momenten, 4. Energiebesparing, 5. Inzetten op creactie draagvlak, 6. Bredere milieu impact en 7. Nieuwe inzichten. 8. Integraal duurzaamheidsprojecten</t>
  </si>
  <si>
    <t>De Transitievisie Warmte heeft tot doel om de stappen naar een aardgasvrij verwarmde gebouwde omgeving in de gemeente in 2050 uit te stippelen. Zowel woonhuizen als bedrijfspanden vallen binnen dit plan. Wij schetsen het tijdspad: een indicatie in welke</t>
  </si>
  <si>
    <t>https://cuatro.sim-cdn.nl/heezeleende/uploadsransitievisie_warmte_heeze-leende_v1.0.pdf</t>
  </si>
  <si>
    <t>PL1658010012</t>
  </si>
  <si>
    <t>BU07722399</t>
  </si>
  <si>
    <t>Riel</t>
  </si>
  <si>
    <t>2021BU07722399</t>
  </si>
  <si>
    <t>buurten.ccf3a717-fde6-41f9-be95-348afac57069</t>
  </si>
  <si>
    <t>BU07723110</t>
  </si>
  <si>
    <t>WK077231</t>
  </si>
  <si>
    <t>2021BU07723110</t>
  </si>
  <si>
    <t>buurten.164dfc43-f494-43d5-9549-455c4165e8ee</t>
  </si>
  <si>
    <t>PL0772010006</t>
  </si>
  <si>
    <t>BU07723120</t>
  </si>
  <si>
    <t>Lakerlopen</t>
  </si>
  <si>
    <t>2021BU07723120</t>
  </si>
  <si>
    <t>buurten.edbde498-7ad7-4948-9681-a85d373ad74c</t>
  </si>
  <si>
    <t>BU07723210</t>
  </si>
  <si>
    <t>Doornakkers-West</t>
  </si>
  <si>
    <t>WK077232</t>
  </si>
  <si>
    <t>2021BU07723210</t>
  </si>
  <si>
    <t>buurten.bfc0b4e5-181c-4ac6-9d2b-bfd6bde5b84d</t>
  </si>
  <si>
    <t>Berkelbosch hybride wijk</t>
  </si>
  <si>
    <t>Oud-Tongelre</t>
  </si>
  <si>
    <t>BU07723220</t>
  </si>
  <si>
    <t>Doornakkers-Oost</t>
  </si>
  <si>
    <t>2021BU07723220</t>
  </si>
  <si>
    <t>buurten.c3d3e702-ae74-493f-beb2-02621f0f8d56</t>
  </si>
  <si>
    <t>BU07723280</t>
  </si>
  <si>
    <t>Tongelresche Akkers</t>
  </si>
  <si>
    <t>2021BU07723280</t>
  </si>
  <si>
    <t>buurten.f3ab933c-0feb-40d7-b010-b04cdf329a09</t>
  </si>
  <si>
    <t>PL1771010004</t>
  </si>
  <si>
    <t>Toekomstige warmtetechniek nader te onderzoeken</t>
  </si>
  <si>
    <t>BU07723330</t>
  </si>
  <si>
    <t>Muschberg, Geestenberg</t>
  </si>
  <si>
    <t>WK077233</t>
  </si>
  <si>
    <t>2021BU07723330</t>
  </si>
  <si>
    <t>buurten.f1ee4cf0-cd71-4077-9d8a-b7c476cec436</t>
  </si>
  <si>
    <t>PL0772010021</t>
  </si>
  <si>
    <t>t Hofke</t>
  </si>
  <si>
    <t>BU07723340</t>
  </si>
  <si>
    <t>Urkhoven</t>
  </si>
  <si>
    <t>2021BU07723340</t>
  </si>
  <si>
    <t>buurten.8dc1a471-e075-46cd-85b4-46ef905446d4</t>
  </si>
  <si>
    <t>Nuenen, Gerwen en Nederwetten</t>
  </si>
  <si>
    <t>Transitievisie Warmte Gemeente Nuenen</t>
  </si>
  <si>
    <t>Betaalbaarheid en draagvlak</t>
  </si>
  <si>
    <t>Starten met een pilot voor een wijkuitvoeringsplan, in de hele gemeente inzetten op het isoleren van woningen, onderzoeken potentie aquathermie</t>
  </si>
  <si>
    <t>Tot 2030 net zoveel aardgas te reduceren als 2000 woningen gebruiken</t>
  </si>
  <si>
    <t>https://www.nuenen.nl/_flysystem/mediaransitievisie-warmte-2021-gemeente-nuenen.pdf</t>
  </si>
  <si>
    <t>PL1771010007</t>
  </si>
  <si>
    <t>Braakhuizen-Noord</t>
  </si>
  <si>
    <t>Skandia</t>
  </si>
  <si>
    <t>BU07723350</t>
  </si>
  <si>
    <t>'t Hofke</t>
  </si>
  <si>
    <t>2021BU07723350</t>
  </si>
  <si>
    <t>buurten.03ee6838-00df-42fa-9e5f-6e3d10d720d3</t>
  </si>
  <si>
    <t>GM0820</t>
  </si>
  <si>
    <t>DC082001</t>
  </si>
  <si>
    <t>PL0820010005</t>
  </si>
  <si>
    <t>BU07723360</t>
  </si>
  <si>
    <t>Karpen</t>
  </si>
  <si>
    <t>2021BU07723360</t>
  </si>
  <si>
    <t>buurten.75779400-cab6-4e66-8a66-dbd48f1e8552</t>
  </si>
  <si>
    <t>PL0772010013</t>
  </si>
  <si>
    <t>Koudenhoven</t>
  </si>
  <si>
    <t>BU07723370</t>
  </si>
  <si>
    <t>2021BU07723370</t>
  </si>
  <si>
    <t>buurten.e12f8434-9ea8-4eb5-9e8a-30452b375074</t>
  </si>
  <si>
    <t>BU07724100</t>
  </si>
  <si>
    <t>Limbeek-Zuid</t>
  </si>
  <si>
    <t>WK077241</t>
  </si>
  <si>
    <t>2021BU07724100</t>
  </si>
  <si>
    <t>buurten.160cff99-c207-4073-b171-477a21768422</t>
  </si>
  <si>
    <t>BU07724110</t>
  </si>
  <si>
    <t>Limbeek-Noord</t>
  </si>
  <si>
    <t>2021BU07724110</t>
  </si>
  <si>
    <t>buurten.9ec7db6d-8c3a-40be-8fb1-17ceea540161</t>
  </si>
  <si>
    <t>BU07724120</t>
  </si>
  <si>
    <t>Hemelrijken</t>
  </si>
  <si>
    <t>2021BU07724120</t>
  </si>
  <si>
    <t>buurten.9674e62d-4333-42c1-9990-6148dc51ab2b</t>
  </si>
  <si>
    <t>BU07724130</t>
  </si>
  <si>
    <t>Gildebuurt</t>
  </si>
  <si>
    <t>2021BU07724130</t>
  </si>
  <si>
    <t>buurten.96f9d332-1591-48d3-9d3c-64d42317ba27</t>
  </si>
  <si>
    <t>BU07724140</t>
  </si>
  <si>
    <t>Woenselse Watermolen</t>
  </si>
  <si>
    <t>2021BU07724140</t>
  </si>
  <si>
    <t>buurten.107e726e-c75c-4b4e-9804-8956efa6781f</t>
  </si>
  <si>
    <t>BU07724210</t>
  </si>
  <si>
    <t>Woensel-West</t>
  </si>
  <si>
    <t>WK077242</t>
  </si>
  <si>
    <t>2021BU07724210</t>
  </si>
  <si>
    <t>buurten.debbaef1-333f-4369-a6d4-adad81bcf1b5</t>
  </si>
  <si>
    <t>BU07724220</t>
  </si>
  <si>
    <t>Kronehoef</t>
  </si>
  <si>
    <t>2021BU07724220</t>
  </si>
  <si>
    <t>buurten.a61dd493-345a-4cd0-8046-12be0c707bb8</t>
  </si>
  <si>
    <t>BU07724230</t>
  </si>
  <si>
    <t>Barrier</t>
  </si>
  <si>
    <t>2021BU07724230</t>
  </si>
  <si>
    <t>buurten.c4df2697-46ae-48bd-9859-08fcf68342d1</t>
  </si>
  <si>
    <t>BU07724240</t>
  </si>
  <si>
    <t>Mensfort</t>
  </si>
  <si>
    <t>2021BU07724240</t>
  </si>
  <si>
    <t>buurten.09069e49-2178-4db2-8e3b-1e070317b293</t>
  </si>
  <si>
    <t>BU07724250</t>
  </si>
  <si>
    <t>Rapenland</t>
  </si>
  <si>
    <t>2021BU07724250</t>
  </si>
  <si>
    <t>buurten.8c3a6e16-fad9-4180-8e13-dc63bb5aec6b</t>
  </si>
  <si>
    <t>Boven Woensel ZW</t>
  </si>
  <si>
    <t>BU07724260</t>
  </si>
  <si>
    <t>Vredeoord</t>
  </si>
  <si>
    <t>2021BU07724260</t>
  </si>
  <si>
    <t>buurten.34871784-6aca-406f-b912-36080d2af518</t>
  </si>
  <si>
    <t>PL0772010009</t>
  </si>
  <si>
    <t>All-electric Achtse barrier</t>
  </si>
  <si>
    <t>Utiliteit Nieuw Acht</t>
  </si>
  <si>
    <t>BU07724310</t>
  </si>
  <si>
    <t>Generalenbuurt</t>
  </si>
  <si>
    <t>WK077243</t>
  </si>
  <si>
    <t>2021BU07724310</t>
  </si>
  <si>
    <t>buurten.da8ab14d-821d-4aa8-9c25-f77fb4a9c277</t>
  </si>
  <si>
    <t>BU07724320</t>
  </si>
  <si>
    <t>Oude Toren</t>
  </si>
  <si>
    <t>2021BU07724320</t>
  </si>
  <si>
    <t>buurten.0fd2d974-42bb-41ac-bc4a-dcc860e1f0a0</t>
  </si>
  <si>
    <t>BU07724330</t>
  </si>
  <si>
    <t>Hondsheuvels</t>
  </si>
  <si>
    <t>2021BU07724330</t>
  </si>
  <si>
    <t>buurten.ccd2d55a-abac-4fc4-a9f6-31f82032f9f6</t>
  </si>
  <si>
    <t>BU07724340</t>
  </si>
  <si>
    <t>Oude Gracht-West</t>
  </si>
  <si>
    <t>2021BU07724340</t>
  </si>
  <si>
    <t>buurten.eeb8ddf6-ee06-4140-b9d1-d70ba4bb5337</t>
  </si>
  <si>
    <t>BU07724350</t>
  </si>
  <si>
    <t>Oude Gracht-Oost</t>
  </si>
  <si>
    <t>2021BU07724350</t>
  </si>
  <si>
    <t>buurten.8af99036-bb6e-446e-976c-3be174f0c805</t>
  </si>
  <si>
    <t>PL0772010012</t>
  </si>
  <si>
    <t>Oude-Gracht Oost</t>
  </si>
  <si>
    <t>BU07724360</t>
  </si>
  <si>
    <t>Eckartdal</t>
  </si>
  <si>
    <t>2021BU07724360</t>
  </si>
  <si>
    <t>buurten.9dec349d-fa46-4303-8ec2-20b6960cba10</t>
  </si>
  <si>
    <t>BU07725110</t>
  </si>
  <si>
    <t>Driehoeksbos</t>
  </si>
  <si>
    <t>WK077251</t>
  </si>
  <si>
    <t>2021BU07725110</t>
  </si>
  <si>
    <t>buurten.a4813d28-78c0-4a15-b858-cf0237f8a466</t>
  </si>
  <si>
    <t>PL0772010003</t>
  </si>
  <si>
    <t>Driehoeksbosch</t>
  </si>
  <si>
    <t>BU07725120</t>
  </si>
  <si>
    <t>Prinsejagt</t>
  </si>
  <si>
    <t>2021BU07725120</t>
  </si>
  <si>
    <t>buurten.6e789fef-015c-4053-a213-513278e66c0d</t>
  </si>
  <si>
    <t>Prinsejagt West</t>
  </si>
  <si>
    <t>BU07725130</t>
  </si>
  <si>
    <t>Jagershoef</t>
  </si>
  <si>
    <t>2021BU07725130</t>
  </si>
  <si>
    <t>buurten.5e52cf6c-8c3d-45c4-9018-9395d1f86247</t>
  </si>
  <si>
    <t>t Hool</t>
  </si>
  <si>
    <t>BU07725140</t>
  </si>
  <si>
    <t>'t Hool</t>
  </si>
  <si>
    <t>2021BU07725140</t>
  </si>
  <si>
    <t>buurten.68f82847-7d3a-4664-b6fd-efcc66303d02</t>
  </si>
  <si>
    <t>BU07725150</t>
  </si>
  <si>
    <t>2021BU07725150</t>
  </si>
  <si>
    <t>buurten.60781c36-4eaf-4444-a059-f1ffdff8ad45</t>
  </si>
  <si>
    <t>BU07725160</t>
  </si>
  <si>
    <t>Vlokhoven</t>
  </si>
  <si>
    <t>2021BU07725160</t>
  </si>
  <si>
    <t>buurten.9a56dc25-7da3-41e5-9a3b-a5fff002237a</t>
  </si>
  <si>
    <t>PL0772010027</t>
  </si>
  <si>
    <t>BU07725200</t>
  </si>
  <si>
    <t>Kapelbeemd</t>
  </si>
  <si>
    <t>WK077252</t>
  </si>
  <si>
    <t>2021BU07725200</t>
  </si>
  <si>
    <t>buurten.232b2f5a-afa9-45dc-8351-5ac9743e8c92</t>
  </si>
  <si>
    <t>Utiliteit Achtse barrier</t>
  </si>
  <si>
    <t>BU07725210</t>
  </si>
  <si>
    <t>Kerkdorp Acht</t>
  </si>
  <si>
    <t>2021BU07725210</t>
  </si>
  <si>
    <t>buurten.9072e5e4-8346-4da2-9274-994129b19939</t>
  </si>
  <si>
    <t>BU07725220</t>
  </si>
  <si>
    <t>Achtse Barrier-Gunterslaer</t>
  </si>
  <si>
    <t>2021BU07725220</t>
  </si>
  <si>
    <t>buurten.53b1aa77-19a4-46dd-b3bb-3655551a45aa</t>
  </si>
  <si>
    <t>Achtse Barrier</t>
  </si>
  <si>
    <t>BU07725230</t>
  </si>
  <si>
    <t>Achtse Barrier-Spaaihoef</t>
  </si>
  <si>
    <t>2021BU07725230</t>
  </si>
  <si>
    <t>buurten.81b3f5ff-8c04-4f43-ae84-d60ddbbd97d0</t>
  </si>
  <si>
    <t>BU07725240</t>
  </si>
  <si>
    <t>Achtse Barrier-Hoeven</t>
  </si>
  <si>
    <t>2021BU07725240</t>
  </si>
  <si>
    <t>buurten.95f3745c-46cb-4b89-bdff-c56bb559bd89</t>
  </si>
  <si>
    <t>Transitievisie Warmte Gemeente Son en Breugel</t>
  </si>
  <si>
    <t>Draagvlak en participatie voorop; kleinschalige en gebiedsgerichte aanpak</t>
  </si>
  <si>
    <t>Tot 2030 net zoveel aardgas te reduceren als 1.420 woningen gebruiken</t>
  </si>
  <si>
    <t>https://sonenbreugel.notubiz.nl/document/10916465/1</t>
  </si>
  <si>
    <t>PL0772010010</t>
  </si>
  <si>
    <t>Generieke isolatie aanpak</t>
  </si>
  <si>
    <t>Versterken generieke isolatie aanpak/programma voor gehele gemeente Son en Breugel</t>
  </si>
  <si>
    <t>BU07725310</t>
  </si>
  <si>
    <t>Woenselse Heide</t>
  </si>
  <si>
    <t>WK077253</t>
  </si>
  <si>
    <t>2021BU07725310</t>
  </si>
  <si>
    <t>buurten.dbb01de0-5e33-47be-94f3-4a9ee6a86c77</t>
  </si>
  <si>
    <t>Woensel Noord</t>
  </si>
  <si>
    <t>BU07725320</t>
  </si>
  <si>
    <t>Tempel</t>
  </si>
  <si>
    <t>2021BU07725320</t>
  </si>
  <si>
    <t>buurten.7682bb03-b089-4807-bb6c-c9025601d5dc</t>
  </si>
  <si>
    <t>BU07725330</t>
  </si>
  <si>
    <t>Blixembosch-West</t>
  </si>
  <si>
    <t>2021BU07725330</t>
  </si>
  <si>
    <t>buurten.f0a692aa-a1da-4a5d-947f-2f941d87fbc4</t>
  </si>
  <si>
    <t>Blixembosch</t>
  </si>
  <si>
    <t>BU07725340</t>
  </si>
  <si>
    <t>Blixembosch-Oost</t>
  </si>
  <si>
    <t>2021BU07725340</t>
  </si>
  <si>
    <t>buurten.5f7b506e-1cce-4704-8212-f9b7bf41f555</t>
  </si>
  <si>
    <t>Helemaal NO</t>
  </si>
  <si>
    <t>BU07725350</t>
  </si>
  <si>
    <t>Castiliëlaan</t>
  </si>
  <si>
    <t>2021BU07725350</t>
  </si>
  <si>
    <t>buurten.c6639b0d-f069-487a-9bb1-e13664ec1d46</t>
  </si>
  <si>
    <t>Industrieterrein Ekkersrijt</t>
  </si>
  <si>
    <t>Aanpak ontwikkelen met duurzame warmte als randvoorwaarde bij ontwikkeling</t>
  </si>
  <si>
    <t>BU07725410</t>
  </si>
  <si>
    <t>Eckart</t>
  </si>
  <si>
    <t>WK077254</t>
  </si>
  <si>
    <t>2021BU07725410</t>
  </si>
  <si>
    <t>buurten.56e6d0f2-25bd-4cc4-8608-1b8a82173c88</t>
  </si>
  <si>
    <t>Generalenbuurt-Noord</t>
  </si>
  <si>
    <t>BU07725420</t>
  </si>
  <si>
    <t>Luytelaer</t>
  </si>
  <si>
    <t>2021BU07725420</t>
  </si>
  <si>
    <t>buurten.7e065757-683e-433d-99c1-21c24f7e2b2d</t>
  </si>
  <si>
    <t>PL0772010026</t>
  </si>
  <si>
    <t>BU07725430</t>
  </si>
  <si>
    <t>Vaartbroek</t>
  </si>
  <si>
    <t>2021BU07725430</t>
  </si>
  <si>
    <t>buurten.e0a29450-ac98-4c69-8dbf-46a0c09ebec2</t>
  </si>
  <si>
    <t>Tempel-Oost hybride</t>
  </si>
  <si>
    <t>BU07725440</t>
  </si>
  <si>
    <t>Heesterakker</t>
  </si>
  <si>
    <t>2021BU07725440</t>
  </si>
  <si>
    <t>buurten.3fa7678e-c7eb-42ea-b92a-7fec8e0f1493</t>
  </si>
  <si>
    <t>BU07725450</t>
  </si>
  <si>
    <t>Esp</t>
  </si>
  <si>
    <t>2021BU07725450</t>
  </si>
  <si>
    <t>buurten.c4732dfe-a986-4e99-86d7-56864a2b1723</t>
  </si>
  <si>
    <t>PL0772010048</t>
  </si>
  <si>
    <t>BU07725460</t>
  </si>
  <si>
    <t>Bokt</t>
  </si>
  <si>
    <t>2021BU07725460</t>
  </si>
  <si>
    <t>buurten.9834e700-ee3b-44e4-957e-bb65635253ec</t>
  </si>
  <si>
    <t>PL0772010029</t>
  </si>
  <si>
    <t>BU07726110</t>
  </si>
  <si>
    <t>Eliasterrein, Vonderkwartier</t>
  </si>
  <si>
    <t>WK077261</t>
  </si>
  <si>
    <t>2021BU07726110</t>
  </si>
  <si>
    <t>buurten.a53bae2b-eeb1-4756-bc46-23a3501906cb</t>
  </si>
  <si>
    <t>PL0772010004</t>
  </si>
  <si>
    <t>BU07726120</t>
  </si>
  <si>
    <t>Philipsdorp</t>
  </si>
  <si>
    <t>2021BU07726120</t>
  </si>
  <si>
    <t>buurten.05bbc961-a704-45a0-b389-398243a15bae</t>
  </si>
  <si>
    <t>BU07726130</t>
  </si>
  <si>
    <t>Engelsbergen</t>
  </si>
  <si>
    <t>2021BU07726130</t>
  </si>
  <si>
    <t>buurten.f7e3b1de-480b-44b1-9003-e05fba798f17</t>
  </si>
  <si>
    <t>PL0772010001</t>
  </si>
  <si>
    <t>Zuiden vh Ven</t>
  </si>
  <si>
    <t>BU07726140</t>
  </si>
  <si>
    <t>Schouwbroek</t>
  </si>
  <si>
    <t>2021BU07726140</t>
  </si>
  <si>
    <t>buurten.5bad88a8-82dc-4bfd-8a24-c9ea7922aae5</t>
  </si>
  <si>
    <t>PL0772010054</t>
  </si>
  <si>
    <t>Oosten vh Ven</t>
  </si>
  <si>
    <t>t Ven Lievendaal</t>
  </si>
  <si>
    <t>voorbereidend. Deze buurten zijn kansrijk om (deels) aardgasvrij te worden voor 2030. De gemeente ontwikkelt een wijkuitvoeringsplan</t>
  </si>
  <si>
    <t>Voorsorterend. Voornamelijk warmtenetten met een klein deel van de wijk op all-electric</t>
  </si>
  <si>
    <t>Wijkuitvoeringsplannen opstellen</t>
  </si>
  <si>
    <t>BU07726150</t>
  </si>
  <si>
    <t>Schoot</t>
  </si>
  <si>
    <t>2021BU07726150</t>
  </si>
  <si>
    <t>buurten.6c98ad87-3d0f-451f-a3da-11200491cda6</t>
  </si>
  <si>
    <t>BU07726160</t>
  </si>
  <si>
    <t>Strijp S</t>
  </si>
  <si>
    <t>2021BU07726160</t>
  </si>
  <si>
    <t>buurten.361937b6-f917-4ea0-b00c-1aabe8ad7fcf</t>
  </si>
  <si>
    <t>BU07726210</t>
  </si>
  <si>
    <t>Hurk</t>
  </si>
  <si>
    <t>WK077262</t>
  </si>
  <si>
    <t>2021BU07726210</t>
  </si>
  <si>
    <t>buurten.358392f3-6837-4e67-8639-850af4e3a124</t>
  </si>
  <si>
    <t>BU07726220</t>
  </si>
  <si>
    <t>Het Ven</t>
  </si>
  <si>
    <t>2021BU07726220</t>
  </si>
  <si>
    <t>buurten.98d71599-72a2-403d-bfb9-989c2a1da9b4</t>
  </si>
  <si>
    <t>BU07726230</t>
  </si>
  <si>
    <t>Lievendaal</t>
  </si>
  <si>
    <t>2021BU07726230</t>
  </si>
  <si>
    <t>buurten.d84410b7-e66b-4417-9e22-cd40651d17de</t>
  </si>
  <si>
    <t>BU07726240</t>
  </si>
  <si>
    <t>Drents Dorp</t>
  </si>
  <si>
    <t>2021BU07726240</t>
  </si>
  <si>
    <t>buurten.eacfaaec-ed7b-4622-b12c-b4d9c2c3a00b</t>
  </si>
  <si>
    <t>BU07726250</t>
  </si>
  <si>
    <t>Zwaanstraat</t>
  </si>
  <si>
    <t>2021BU07726250</t>
  </si>
  <si>
    <t>buurten.99506c0e-a3ae-40d6-a9a8-f4b82dff0b0e</t>
  </si>
  <si>
    <t>BU07726260</t>
  </si>
  <si>
    <t>2021BU07726260</t>
  </si>
  <si>
    <t>buurten.07bc6770-fa21-4dc5-9edf-bec5ae13ce86</t>
  </si>
  <si>
    <t>BU07726270</t>
  </si>
  <si>
    <t>Herdgang</t>
  </si>
  <si>
    <t>2021BU07726270</t>
  </si>
  <si>
    <t>buurten.bcddf919-9331-4e5b-8102-5f6e6cb8313f</t>
  </si>
  <si>
    <t>PL0772010049</t>
  </si>
  <si>
    <t>BU07726280</t>
  </si>
  <si>
    <t>Mispelhoef</t>
  </si>
  <si>
    <t>2021BU07726280</t>
  </si>
  <si>
    <t>buurten.f7cd178e-1383-4151-9ab7-b8959ab60b0c</t>
  </si>
  <si>
    <t>BU07726310</t>
  </si>
  <si>
    <t>BeA2</t>
  </si>
  <si>
    <t>WK077263</t>
  </si>
  <si>
    <t>2021BU07726310</t>
  </si>
  <si>
    <t>buurten.e7194a82-fdd9-457b-ae1d-eb4f04c74d36</t>
  </si>
  <si>
    <t>BU07726320</t>
  </si>
  <si>
    <t>Meerbos</t>
  </si>
  <si>
    <t>2021BU07726320</t>
  </si>
  <si>
    <t>buurten.15d4dea7-9f3b-4ca3-80fe-465d10e9d3ed</t>
  </si>
  <si>
    <t>BU07726330</t>
  </si>
  <si>
    <t>Grasrijk</t>
  </si>
  <si>
    <t>2021BU07726330</t>
  </si>
  <si>
    <t>buurten.62c9c8f1-490f-484f-aa71-3dea0b2cafb2</t>
  </si>
  <si>
    <t>BU07726340</t>
  </si>
  <si>
    <t>Zandrijk</t>
  </si>
  <si>
    <t>2021BU07726340</t>
  </si>
  <si>
    <t>buurten.737deac2-9d2c-48e2-a215-0b973b4a44a8</t>
  </si>
  <si>
    <t>BU07726350</t>
  </si>
  <si>
    <t>2021BU07726350</t>
  </si>
  <si>
    <t>buurten.e0f7ab38-be9f-4ecd-9778-41368649f0d2</t>
  </si>
  <si>
    <t>BU07726360</t>
  </si>
  <si>
    <t>Park Forum</t>
  </si>
  <si>
    <t>2021BU07726360</t>
  </si>
  <si>
    <t>buurten.9e1f9ef8-ee07-4cbf-aaa4-0f9c192ec3e5</t>
  </si>
  <si>
    <t>BU07726370</t>
  </si>
  <si>
    <t>Flight Forum</t>
  </si>
  <si>
    <t>2021BU07726370</t>
  </si>
  <si>
    <t>buurten.5b2f7bc9-b2d8-4315-bde0-5b46fef3b66b</t>
  </si>
  <si>
    <t>PL0772010050</t>
  </si>
  <si>
    <t>BU07726380</t>
  </si>
  <si>
    <t>Eindhoven Airport</t>
  </si>
  <si>
    <t>2021BU07726380</t>
  </si>
  <si>
    <t>buurten.4d587219-52e0-423a-a905-a514f6cbe749</t>
  </si>
  <si>
    <t>BU07726390</t>
  </si>
  <si>
    <t>Bosrijk</t>
  </si>
  <si>
    <t>2021BU07726390</t>
  </si>
  <si>
    <t>buurten.0502c2c7-3e41-4a60-82ea-78d6a2c01dcc</t>
  </si>
  <si>
    <t>BU07726399</t>
  </si>
  <si>
    <t>Meerrijk</t>
  </si>
  <si>
    <t>2021BU07726399</t>
  </si>
  <si>
    <t>buurten.d76c04e1-1ffe-4776-aabb-b3b49b599b0f</t>
  </si>
  <si>
    <t>BU07727110</t>
  </si>
  <si>
    <t>WK077271</t>
  </si>
  <si>
    <t>2021BU07727110</t>
  </si>
  <si>
    <t>buurten.80c9ddea-2e4e-43cd-aa6f-5673b553a94e</t>
  </si>
  <si>
    <t>PL0772010005</t>
  </si>
  <si>
    <t>BU07727120</t>
  </si>
  <si>
    <t>Oude Spoorbaan</t>
  </si>
  <si>
    <t>2021BU07727120</t>
  </si>
  <si>
    <t>buurten.e56f5623-23c7-4e9f-8180-6c9238d9085b</t>
  </si>
  <si>
    <t>BU07727130</t>
  </si>
  <si>
    <t>Hagenkamp</t>
  </si>
  <si>
    <t>2021BU07727130</t>
  </si>
  <si>
    <t>buurten.983b17d4-30a5-46ae-854d-ecb1f948a0be</t>
  </si>
  <si>
    <t>BU07727210</t>
  </si>
  <si>
    <t>Genderdal</t>
  </si>
  <si>
    <t>WK077272</t>
  </si>
  <si>
    <t>2021BU07727210</t>
  </si>
  <si>
    <t>buurten.1ae47ad6-f9c9-4ac8-b7b5-0a052385c278</t>
  </si>
  <si>
    <t>BU07727220</t>
  </si>
  <si>
    <t>Blaarthem</t>
  </si>
  <si>
    <t>2021BU07727220</t>
  </si>
  <si>
    <t>buurten.f320a237-0704-4f78-84cb-4f0566321ef7</t>
  </si>
  <si>
    <t>Genderdal Oost</t>
  </si>
  <si>
    <t>BU07727230</t>
  </si>
  <si>
    <t>Rapelenburg</t>
  </si>
  <si>
    <t>2021BU07727230</t>
  </si>
  <si>
    <t>buurten.0de4109d-ce5d-4f91-a7a2-1ad6a93a62f4</t>
  </si>
  <si>
    <t>BU07727240</t>
  </si>
  <si>
    <t>Bennekel-Oost</t>
  </si>
  <si>
    <t>2021BU07727240</t>
  </si>
  <si>
    <t>buurten.90a583ae-a680-49c3-9c0c-dcedd3d02a56</t>
  </si>
  <si>
    <t>BU07727250</t>
  </si>
  <si>
    <t>Bennekel-West, Gagelbosch</t>
  </si>
  <si>
    <t>2021BU07727250</t>
  </si>
  <si>
    <t>buurten.f2c8699a-0bd0-43b7-99d6-485e5227b187</t>
  </si>
  <si>
    <t>Genderdal West</t>
  </si>
  <si>
    <t>BU07727260</t>
  </si>
  <si>
    <t>Gennep</t>
  </si>
  <si>
    <t>2021BU07727260</t>
  </si>
  <si>
    <t>buurten.7bc59b79-fce7-412a-abb2-a88b940a9b7c</t>
  </si>
  <si>
    <t>PL0772010051</t>
  </si>
  <si>
    <t>BU07727270</t>
  </si>
  <si>
    <t>Beemden</t>
  </si>
  <si>
    <t>2021BU07727270</t>
  </si>
  <si>
    <t>buurten.ebd7e041-f156-4874-8507-f30d0c998814</t>
  </si>
  <si>
    <t>BU07727310</t>
  </si>
  <si>
    <t>Genderbeemd</t>
  </si>
  <si>
    <t>WK077273</t>
  </si>
  <si>
    <t>2021BU07727310</t>
  </si>
  <si>
    <t>buurten.36757db2-1f4c-4089-acbe-120c04f06319</t>
  </si>
  <si>
    <t>BU07727320</t>
  </si>
  <si>
    <t>Hanevoet</t>
  </si>
  <si>
    <t>2021BU07727320</t>
  </si>
  <si>
    <t>buurten.8c309430-6db0-4663-b23c-5af6c4546dbd</t>
  </si>
  <si>
    <t>Genderdal buitenwijk</t>
  </si>
  <si>
    <t>BU07727330</t>
  </si>
  <si>
    <t>Ooievaarsnest</t>
  </si>
  <si>
    <t>2021BU07727330</t>
  </si>
  <si>
    <t>buurten.20365f8e-e81b-433b-b4c0-9640652f7ceb</t>
  </si>
  <si>
    <t>PL0772010017</t>
  </si>
  <si>
    <t>BU07770000</t>
  </si>
  <si>
    <t>Centrum Oost 1</t>
  </si>
  <si>
    <t>WK077700</t>
  </si>
  <si>
    <t>2021BU07770000</t>
  </si>
  <si>
    <t>buurten.438ce739-13a6-4b44-91b4-283b90483c06</t>
  </si>
  <si>
    <t>PL0777010001</t>
  </si>
  <si>
    <t>PL0777010007</t>
  </si>
  <si>
    <t>Centrum-Oost (deel)</t>
  </si>
  <si>
    <t>Gebieden van Baai, Noord, Grauwe Polder, Banakkers en centrum niet genoemd in andere plannen</t>
  </si>
  <si>
    <t>Als bij een actualisatie van de TVW in 2025 blijkt dat hybride warmtepompen in 2050 toch niet mogelijk zijn, dan kan het zinvol zijn om de mogelijkheden van warmtenetten nader te onderzoeken voor wijken van voor 1975. Het is mogelijk dat warmtenetten goe</t>
  </si>
  <si>
    <t>Haalbaarheid WKO is startvoorwaarde van dit onderzoek.</t>
  </si>
  <si>
    <t>Samen met eigenaren en gebruikers onderzoek naar alternatieven voor Centrumplan en Trivium. Focus op utiliteit, mogelijk ook omliggende appartementen.</t>
  </si>
  <si>
    <t>BU07770001</t>
  </si>
  <si>
    <t>Centrum Oost 2</t>
  </si>
  <si>
    <t>2021BU07770001</t>
  </si>
  <si>
    <t>buurten.faca2faf-9acd-46bc-ac7e-b83a732c8224</t>
  </si>
  <si>
    <t>PL0777010002</t>
  </si>
  <si>
    <t>Geen focus/startgebied, komt later pas aan bod</t>
  </si>
  <si>
    <t>Wijkgericht isoleren van eengezinswoningen 1950-1975</t>
  </si>
  <si>
    <t>BU07770002</t>
  </si>
  <si>
    <t>Centrum Oost 3</t>
  </si>
  <si>
    <t>2021BU07770002</t>
  </si>
  <si>
    <t>buurten.2c880937-e7ab-4214-b3bc-822f5e860341</t>
  </si>
  <si>
    <t>PL0777010004</t>
  </si>
  <si>
    <t>PL0777010010</t>
  </si>
  <si>
    <t>Grient, Hooghuis</t>
  </si>
  <si>
    <t>Gemeentebreed verkennen en faciliteren hybride warmtepompen</t>
  </si>
  <si>
    <t>Planvorming wijkgericht isoleren van eengezinswoningen 1950-1975</t>
  </si>
  <si>
    <t>Basisniveau (conform Standaard), beperkte maatregelen</t>
  </si>
  <si>
    <t>BU07770003</t>
  </si>
  <si>
    <t>Centrum West 1</t>
  </si>
  <si>
    <t>2021BU07770003</t>
  </si>
  <si>
    <t>buurten.3d9b2213-62b7-44ee-9982-1e626b607a45</t>
  </si>
  <si>
    <t>Centrum-West (deel)</t>
  </si>
  <si>
    <t>BU07770004</t>
  </si>
  <si>
    <t>Centrum West 2</t>
  </si>
  <si>
    <t>2021BU07770004</t>
  </si>
  <si>
    <t>buurten.f795fd0d-648c-4085-a471-bdfccb38f8c8</t>
  </si>
  <si>
    <t>Bedrijventerrein Vosdonk (Vossendaal, Vosdonk, Vonsdonk-Zuid) en bedrijventerrein Zwartenberg</t>
  </si>
  <si>
    <t>2020-2030</t>
  </si>
  <si>
    <t>Einddatum is ten vroegsteAls bij een actualisatie van de TVW in 2025 blijkt dat hybride warmtepompen in 2050 toch niet mogelijk zijn, dan kan het zinvol zijn om de mogelijkheden van warmtenetten nader te onderzoeken voor wijken van voor 1975. Het is moge</t>
  </si>
  <si>
    <t>BU07770005</t>
  </si>
  <si>
    <t>Het Hooghuis</t>
  </si>
  <si>
    <t>2021BU07770005</t>
  </si>
  <si>
    <t>buurten.31859390-0a11-4ab2-88ae-3539fac591f4</t>
  </si>
  <si>
    <t>BU07770100</t>
  </si>
  <si>
    <t>Midden bedrijventerrein Vosdonk</t>
  </si>
  <si>
    <t>WK077701</t>
  </si>
  <si>
    <t>2021BU07770100</t>
  </si>
  <si>
    <t>buurten.8348ee9b-eb13-4366-9b2b-8f833c181d5b</t>
  </si>
  <si>
    <t>GM1655</t>
  </si>
  <si>
    <t>Rucphen</t>
  </si>
  <si>
    <t>DC165501</t>
  </si>
  <si>
    <t>Transitievisie warmte voor de gemeenten Rucphen, aardgasvrij Rucphen</t>
  </si>
  <si>
    <t>1. We doen het samen2. Betaalbaar3. Energiebesparing4. Natuurlijke momenten5. Ruimte voor initiatief</t>
  </si>
  <si>
    <t>De eerste stap is energie besparen, maar ook een beter inzicht krijgen in de opbouw van de woningvoorraad en welke maatregelen al zijn genomen. Via de RES afspraken maken over verzwaren netwerk ende optie voor groen gas moet onderzocht worden. Aardgas</t>
  </si>
  <si>
    <t>We streven ernaar om de warmtetransitie zoveel mogelijk samen met inwoners, maatschappelijke partners en bedrijven uit te voeren. De Transitievisie Warmte is dan ook geen dichtgetimmerd plan, het geeft de kaders aan waarbinnen de komende jaren projecten</t>
  </si>
  <si>
    <t>https://halderberge.raadsinformatie.nl/document/10809691/1ransitievisie%20Warmte%20gemeente%20Halderberge%202021</t>
  </si>
  <si>
    <t>PL0777010008</t>
  </si>
  <si>
    <t>PL1655010029</t>
  </si>
  <si>
    <t>In concept (afwachtend). In grote delen van Halderberge voorzien we dat gebouwen op termijn overstappen op een individuele voorziening zoals een warmtepomp. Als gemeente willen we dat onze inwoners de overstap kunnen doen wanneer het uitkomt. Dat kan bij</t>
  </si>
  <si>
    <t>geen keuze gemaakt. Besparingsprogramma wordt uitgevoerd.</t>
  </si>
  <si>
    <t>voorsorterend. In grote delen van Halderberge voorzien we dat gebouwen op termijn overstappen op een individuele voorziening zoals een warmtepomp</t>
  </si>
  <si>
    <t>De gemeente Rucphen is de regisseur van de warmtetransitie en zal bij het werken aan de uitvoering met inwoners en stakeholders op eenzelfde en gelijkwaardige manier samenwerken. Ook op regionaal niveau is samenwerken aan de warmtetransitie van belang om</t>
  </si>
  <si>
    <t>We benadrukken dat nationaal beleid en regelgeving kunnen veranderen. Daar hebben wij als gemeente weinig invloed op. In gebieden waar we een natuurlijk tempo voorzien is het aan de bewoners om te besluiten op welk moment tussen nu en 2050 men de oversta</t>
  </si>
  <si>
    <t>Woningeigenaren: Buurtactie Energiezuinig Wonen (BEW) - Zoveel mogelijk inwoners informeren en activeren, Telefonische adviesgesprekken, Collectieve Actie (CA) voor isolerend glas,  Collectieve Actie (CA) voor hybride warmtepompenHuurders (in samenwerkin</t>
  </si>
  <si>
    <t>Hernieuwbaar gas (groen gas en waterstof)</t>
  </si>
  <si>
    <t>BU07770200</t>
  </si>
  <si>
    <t>Midden landelijk gebied</t>
  </si>
  <si>
    <t>WK077702</t>
  </si>
  <si>
    <t>2021BU07770200</t>
  </si>
  <si>
    <t>buurten.773877bd-2388-4f29-b927-6f8c9759d630</t>
  </si>
  <si>
    <t>BU07771000</t>
  </si>
  <si>
    <t>WK077710</t>
  </si>
  <si>
    <t>2021BU07771000</t>
  </si>
  <si>
    <t>buurten.88287655-8cd5-4d47-a56c-65be6f4706fb</t>
  </si>
  <si>
    <t>PL0777010006</t>
  </si>
  <si>
    <t>Attelaken, Schoenmakershoek, Grauwe Polder 5/t Winhof</t>
  </si>
  <si>
    <t>Uitgevoerd</t>
  </si>
  <si>
    <t>Startdatum is ten vroegsteAls bij een actualisatie van de TVW in 2025 blijkt dat hybride warmtepompen in 2050 toch niet mogelijk zijn, dan kan het zinvol zijn om de mogelijkheden van warmtenetten nader te onderzoeken voor wijken van voor 1975. Het is mog</t>
  </si>
  <si>
    <t>BU07771001</t>
  </si>
  <si>
    <t>2021BU07771001</t>
  </si>
  <si>
    <t>buurten.8e2bd1ac-305e-4529-b524-ba0e9f3f750c</t>
  </si>
  <si>
    <t>PL0777010011</t>
  </si>
  <si>
    <t>BU07771002</t>
  </si>
  <si>
    <t>2021BU07771002</t>
  </si>
  <si>
    <t>buurten.a6f9574b-9752-4078-81cf-7f3f130cefdd</t>
  </si>
  <si>
    <t>Baai/ Noord</t>
  </si>
  <si>
    <t>BU07771003</t>
  </si>
  <si>
    <t>2021BU07771003</t>
  </si>
  <si>
    <t>buurten.c0b6e79e-88a7-415d-acda-91f39a2a26da</t>
  </si>
  <si>
    <t>PL0777010009</t>
  </si>
  <si>
    <t>Laatste paar gebouwen nog aansluiten</t>
  </si>
  <si>
    <t>BU07771004</t>
  </si>
  <si>
    <t>Baai 1</t>
  </si>
  <si>
    <t>2021BU07771004</t>
  </si>
  <si>
    <t>buurten.082d901c-fb25-41ae-a47a-6a4ab67cfd82</t>
  </si>
  <si>
    <t>BU07771005</t>
  </si>
  <si>
    <t>Baai 2</t>
  </si>
  <si>
    <t>2021BU07771005</t>
  </si>
  <si>
    <t>buurten.899eb04e-caa6-4995-ab4c-9c21b35da8e3</t>
  </si>
  <si>
    <t>BU07771006</t>
  </si>
  <si>
    <t>Baai 3</t>
  </si>
  <si>
    <t>2021BU07771006</t>
  </si>
  <si>
    <t>buurten.da364355-6612-4a87-8fca-7ba99441ec18</t>
  </si>
  <si>
    <t>BU07771007</t>
  </si>
  <si>
    <t>Baai 4</t>
  </si>
  <si>
    <t>2021BU07771007</t>
  </si>
  <si>
    <t>buurten.afae4646-51f9-4c2c-8a34-519fcf6b7f33</t>
  </si>
  <si>
    <t>De Keen, Sanderbanken, Hoge Neerstraat</t>
  </si>
  <si>
    <t>BU07771008</t>
  </si>
  <si>
    <t>Sander-Banken 1</t>
  </si>
  <si>
    <t>2021BU07771008</t>
  </si>
  <si>
    <t>buurten.4e587b83-b8fd-4b7c-a059-da32ef6e5749</t>
  </si>
  <si>
    <t>BU07771009</t>
  </si>
  <si>
    <t>Sander-Banken 2</t>
  </si>
  <si>
    <t>2021BU07771009</t>
  </si>
  <si>
    <t>buurten.c9c599dd-4388-4529-90a1-46780e379b05</t>
  </si>
  <si>
    <t>BU07771010</t>
  </si>
  <si>
    <t>Sander-Banken 3</t>
  </si>
  <si>
    <t>2021BU07771010</t>
  </si>
  <si>
    <t>buurten.803dd525-1a9e-4f70-8568-89193a34e58e</t>
  </si>
  <si>
    <t>BU07771011</t>
  </si>
  <si>
    <t>Sander-Banken 4</t>
  </si>
  <si>
    <t>2021BU07771011</t>
  </si>
  <si>
    <t>buurten.b741190e-38ea-4ca9-bb5a-a00fd52f384b</t>
  </si>
  <si>
    <t>BU07771012</t>
  </si>
  <si>
    <t>De Grient</t>
  </si>
  <si>
    <t>2021BU07771012</t>
  </si>
  <si>
    <t>buurten.e4e82c5f-a01a-4dfe-9f67-14905f3f6cc7</t>
  </si>
  <si>
    <t>BU07771013</t>
  </si>
  <si>
    <t>De Keen</t>
  </si>
  <si>
    <t>2021BU07771013</t>
  </si>
  <si>
    <t>buurten.d9bce8f5-2448-4c50-a9bc-8f304c60df04</t>
  </si>
  <si>
    <t>BU07771014</t>
  </si>
  <si>
    <t>Attelaken</t>
  </si>
  <si>
    <t>2021BU07771014</t>
  </si>
  <si>
    <t>buurten.b8ae805a-e7a8-449f-b639-ad5f7d0cb727</t>
  </si>
  <si>
    <t>BU07771015</t>
  </si>
  <si>
    <t>Schoenmakershoek</t>
  </si>
  <si>
    <t>2021BU07771015</t>
  </si>
  <si>
    <t>buurten.60d268d5-1e7d-4a82-bca4-53ef36ebd272</t>
  </si>
  <si>
    <t>BU07771100</t>
  </si>
  <si>
    <t>Bedrijventerrein Vossendaal</t>
  </si>
  <si>
    <t>WK077711</t>
  </si>
  <si>
    <t>2021BU07771100</t>
  </si>
  <si>
    <t>buurten.d5847bc4-2545-4689-a644-bf6f62d74919</t>
  </si>
  <si>
    <t>Samen met eigenaren en gebruikers stimuleren van isolatie en overstap naar aardgasvrij.</t>
  </si>
  <si>
    <t>BU07771200</t>
  </si>
  <si>
    <t>Noord landelijk gebied 1</t>
  </si>
  <si>
    <t>WK077712</t>
  </si>
  <si>
    <t>2021BU07771200</t>
  </si>
  <si>
    <t>buurten.c3603faf-dcb3-4056-99a9-cad35a8499f9</t>
  </si>
  <si>
    <t>Halderberge</t>
  </si>
  <si>
    <t>Transitievisie Warmte gemeente Halderberge</t>
  </si>
  <si>
    <t>BU07771201</t>
  </si>
  <si>
    <t>Noord landelijk gebied 2</t>
  </si>
  <si>
    <t>2021BU07771201</t>
  </si>
  <si>
    <t>buurten.ea6f88bd-3f0e-4cfe-9e15-9d72668bbe6b</t>
  </si>
  <si>
    <t>Isoleren en overstappen op aardgasvrij op natuurlijk tempo.</t>
  </si>
  <si>
    <t>BU07771202</t>
  </si>
  <si>
    <t>Noord landelijk gebied 3</t>
  </si>
  <si>
    <t>2021BU07771202</t>
  </si>
  <si>
    <t>buurten.ed65ac1a-06d5-4f1a-93b3-d889e76d1df7</t>
  </si>
  <si>
    <t>BU07771203</t>
  </si>
  <si>
    <t>Noord landelijk gebied 4</t>
  </si>
  <si>
    <t>2021BU07771203</t>
  </si>
  <si>
    <t>buurten.75837915-a657-49bb-88d7-ceb9745437b6</t>
  </si>
  <si>
    <t>BU07772000</t>
  </si>
  <si>
    <t>Banakkers 1</t>
  </si>
  <si>
    <t>WK077720</t>
  </si>
  <si>
    <t>2021BU07772000</t>
  </si>
  <si>
    <t>buurten.9924a1b1-8ed3-4a62-93e0-5c434f59aef8</t>
  </si>
  <si>
    <t>BU07772001</t>
  </si>
  <si>
    <t>Banakkers 2</t>
  </si>
  <si>
    <t>2021BU07772001</t>
  </si>
  <si>
    <t>buurten.e269ad95-f877-4172-8712-c328cd905a84</t>
  </si>
  <si>
    <t>PL0777010003</t>
  </si>
  <si>
    <t>Banakkers (deel)</t>
  </si>
  <si>
    <t>BU07772002</t>
  </si>
  <si>
    <t>Banakkers 3</t>
  </si>
  <si>
    <t>2021BU07772002</t>
  </si>
  <si>
    <t>buurten.759ddbb3-36c3-4657-84f3-6bac920528f3</t>
  </si>
  <si>
    <t>PL0777010012</t>
  </si>
  <si>
    <t>BU07772003</t>
  </si>
  <si>
    <t>Banakkers 4</t>
  </si>
  <si>
    <t>2021BU07772003</t>
  </si>
  <si>
    <t>buurten.a87f49c2-c2a2-40a0-81f2-60be9389e642</t>
  </si>
  <si>
    <t>BU07772004</t>
  </si>
  <si>
    <t>Grauwe Polder 1</t>
  </si>
  <si>
    <t>2021BU07772004</t>
  </si>
  <si>
    <t>buurten.d6b6f98e-c8c8-4fb8-a3b2-7e0eca39a016</t>
  </si>
  <si>
    <t>PL0777010005</t>
  </si>
  <si>
    <t>BU07772005</t>
  </si>
  <si>
    <t>Grauwe Polder 2</t>
  </si>
  <si>
    <t>2021BU07772005</t>
  </si>
  <si>
    <t>buurten.c148876f-77c0-47af-91b5-4aef322af09a</t>
  </si>
  <si>
    <t>BU07772006</t>
  </si>
  <si>
    <t>Grauwe Polder 3</t>
  </si>
  <si>
    <t>2021BU07772006</t>
  </si>
  <si>
    <t>buurten.b8d9532b-329f-403d-b6de-d630352fb57f</t>
  </si>
  <si>
    <t>BU07772007</t>
  </si>
  <si>
    <t>Grauwe Polder 4</t>
  </si>
  <si>
    <t>2021BU07772007</t>
  </si>
  <si>
    <t>buurten.e85b7bc8-b64a-4e9f-87b2-4375a7c6d499</t>
  </si>
  <si>
    <t>BU07772008</t>
  </si>
  <si>
    <t>Grauwe Polder 5</t>
  </si>
  <si>
    <t>2021BU07772008</t>
  </si>
  <si>
    <t>buurten.b025afd1-44e0-41d9-bf09-d6e274d0e624</t>
  </si>
  <si>
    <t>BU07772009</t>
  </si>
  <si>
    <t>Hoge Neerstraat</t>
  </si>
  <si>
    <t>2021BU07772009</t>
  </si>
  <si>
    <t>buurten.5bea5d27-03b1-4dc1-91ae-9efcb5e1e201</t>
  </si>
  <si>
    <t>Banakkers 4/Achter de Molen</t>
  </si>
  <si>
    <t>BU07772010</t>
  </si>
  <si>
    <t>2021BU07772010</t>
  </si>
  <si>
    <t>buurten.7ff2d6c1-3804-4924-ba4b-2a0b0f880ce1</t>
  </si>
  <si>
    <t>BU07772011</t>
  </si>
  <si>
    <t>De Streek</t>
  </si>
  <si>
    <t>2021BU07772011</t>
  </si>
  <si>
    <t>buurten.0a130c04-2ede-4e39-87d0-dfa0568ab103</t>
  </si>
  <si>
    <t>BU07772100</t>
  </si>
  <si>
    <t>Zuid bedrijventerrein Vosdonk</t>
  </si>
  <si>
    <t>WK077721</t>
  </si>
  <si>
    <t>2021BU07772100</t>
  </si>
  <si>
    <t>buurten.5585b04c-7c31-4453-a5ea-6b9ed63a1fb0</t>
  </si>
  <si>
    <t>GM0840</t>
  </si>
  <si>
    <t>DC084001</t>
  </si>
  <si>
    <t>Leidende principes:, Woonlastenneutraliteit , Realistische en planbare oplossingen, Zorgvuldige en transparantie informatievoorziening, Besparen door warmtevraag te beperken, Duurzaam alternatief (geen hogere CO2-uitstoot en voor onbepaalde tijd beschikb</t>
  </si>
  <si>
    <t>https://rucphen.raadsinformatie.nl/document/10795456/1/07%20RV%20RB%20Transitievisie%20warmte</t>
  </si>
  <si>
    <t>PL0840010001</t>
  </si>
  <si>
    <t>Schillabel B/A</t>
  </si>
  <si>
    <t>BU07772200</t>
  </si>
  <si>
    <t>Bedrijventerrein Trivium</t>
  </si>
  <si>
    <t>WK077722</t>
  </si>
  <si>
    <t>2021BU07772200</t>
  </si>
  <si>
    <t>buurten.33989f31-a61e-4363-91dd-67fbe4e4a39a</t>
  </si>
  <si>
    <t>BU07772300</t>
  </si>
  <si>
    <t>Zuid landelijk gebied 1</t>
  </si>
  <si>
    <t>WK077723</t>
  </si>
  <si>
    <t>2021BU07772300</t>
  </si>
  <si>
    <t>buurten.c0de38f9-72e5-4781-80b6-86e836d1a795</t>
  </si>
  <si>
    <t>BU07772301</t>
  </si>
  <si>
    <t>Zuid landelijk gebied 2</t>
  </si>
  <si>
    <t>2021BU07772301</t>
  </si>
  <si>
    <t>buurten.cc5890dd-c395-47e4-b07d-4d0bad4d005e</t>
  </si>
  <si>
    <t>BU07772302</t>
  </si>
  <si>
    <t>Zuid landelijk gebied 3</t>
  </si>
  <si>
    <t>2021BU07772302</t>
  </si>
  <si>
    <t>buurten.e1297403-7635-4176-993b-dc0dfc783451</t>
  </si>
  <si>
    <t>BU07772303</t>
  </si>
  <si>
    <t>Zuid landelijk gebied 4</t>
  </si>
  <si>
    <t>2021BU07772303</t>
  </si>
  <si>
    <t>buurten.61051c71-62c0-4240-9196-59c573b878cf</t>
  </si>
  <si>
    <t>BU07790000</t>
  </si>
  <si>
    <t>Raamsdonksveer</t>
  </si>
  <si>
    <t>WK077900</t>
  </si>
  <si>
    <t>GM0779</t>
  </si>
  <si>
    <t>Geertruidenberg</t>
  </si>
  <si>
    <t>2021BU07790000</t>
  </si>
  <si>
    <t>buurten.cfa0b178-89bf-46a6-b4b4-fb4a62b32aa0</t>
  </si>
  <si>
    <t>DC077901</t>
  </si>
  <si>
    <t>Transitievisie Warmte Geertruidenberg</t>
  </si>
  <si>
    <t>PL0779010004</t>
  </si>
  <si>
    <t>PL0779010023</t>
  </si>
  <si>
    <t>Hooipolder de Hoeven</t>
  </si>
  <si>
    <t>Raamsdonksveer_water</t>
  </si>
  <si>
    <t>In concept (afwachtend). Tenzij er zich nieuwe (nog onvoorziene) ontwikkelingen voordoen, wordt in deze buurten vanaf 2040 gestart met gedetailleerd onderzoek en het opstellen van buurtuitvoeringsplannen. Uiterlijk 2050 zullen de laatste buurten van het</t>
  </si>
  <si>
    <t>In concept. In de clusters langs de Donge zal worden verkend of er mogelijkheden zijn voor toepassing van aquathermie. Als alternatief zijn de woningen geschikt voor een elektrische warmtepomp. De haalbaarheid en financiele gevolgen van de twee verschill</t>
  </si>
  <si>
    <t>De financiele draagkracht in deze buurt is mogelijk lager. De leefbaarheidsscore, en dus mogelijk het draagvlak, is mogelijk lager in deze buurt. Het Amernet moet geen gebruik meer maken van hoogwaardige houtige biomassa.</t>
  </si>
  <si>
    <t>Elektra, gas en omgevingswarmte of Aquathermie of zonthermie</t>
  </si>
  <si>
    <t>omgevingswarmte en/of aquathermie en/of zonnewarmte</t>
  </si>
  <si>
    <t>BU07790001</t>
  </si>
  <si>
    <t>Hooipolder en De Hoeven</t>
  </si>
  <si>
    <t>2021BU07790001</t>
  </si>
  <si>
    <t>buurten.af52253c-abca-4a07-97d0-e39d00238fb3</t>
  </si>
  <si>
    <t>PL0779010006</t>
  </si>
  <si>
    <t>Raamsdonksveer-centrum</t>
  </si>
  <si>
    <t>In concept (orienterend). In dit gebied is inzet van een warmtenet een mogelijkheid. Inzet van een warmtenet betekent vaak ontzorging van inwoners, de gemeente en een warmtebedrijf spelen daar een grotere rol. Een warmtenetgebied aanwijzen als eerste ver</t>
  </si>
  <si>
    <t>Elektra en omgevingswarmte of Aquathermie of zonthermie</t>
  </si>
  <si>
    <t>BU07790002</t>
  </si>
  <si>
    <t>Industrieterrein Dombosch</t>
  </si>
  <si>
    <t>2021BU07790002</t>
  </si>
  <si>
    <t>buurten.814acafd-6bff-425c-9ec5-1227bd173e76</t>
  </si>
  <si>
    <t>PL0779010017</t>
  </si>
  <si>
    <t>BU07790009</t>
  </si>
  <si>
    <t>Verspreide huizen Raamsdonksveer</t>
  </si>
  <si>
    <t>2021BU07790009</t>
  </si>
  <si>
    <t>buurten.a622f211-8ddf-4692-ac9a-ce68e36e8f73</t>
  </si>
  <si>
    <t>BU07790100</t>
  </si>
  <si>
    <t>Raamsdonk</t>
  </si>
  <si>
    <t>WK077901</t>
  </si>
  <si>
    <t>2021BU07790100</t>
  </si>
  <si>
    <t>buurten.9cc44459-fbdb-485c-9cb6-5754ad87a7d8</t>
  </si>
  <si>
    <t>PL0779010008</t>
  </si>
  <si>
    <t>BU07790109</t>
  </si>
  <si>
    <t>Verspreide huizen Raamsdonk</t>
  </si>
  <si>
    <t>2021BU07790109</t>
  </si>
  <si>
    <t>buurten.c7ffb2ac-dce1-4c22-9a1a-3102347fd3d3</t>
  </si>
  <si>
    <t>BU07790200</t>
  </si>
  <si>
    <t>Geertruidenberg-Kom</t>
  </si>
  <si>
    <t>WK077902</t>
  </si>
  <si>
    <t>2021BU07790200</t>
  </si>
  <si>
    <t>buurten.5926982b-9b1d-444d-8a2b-92f6d7b1ace1</t>
  </si>
  <si>
    <t>PL0779010001</t>
  </si>
  <si>
    <t>1983</t>
  </si>
  <si>
    <t>BU07790201</t>
  </si>
  <si>
    <t>Geertruidenberg-West</t>
  </si>
  <si>
    <t>2021BU07790201</t>
  </si>
  <si>
    <t>buurten.f9edbaf6-923e-46ad-949a-0ad65d283943</t>
  </si>
  <si>
    <t>PL0779010009</t>
  </si>
  <si>
    <t>Geertruidenberg West</t>
  </si>
  <si>
    <t>In concept (onderzoekend). Voor deze buurt starten we met een onderzoek naar de uitbreiding van het Amernet. We onderzoeken de haalbaarheid en betaalbaarheid. Ook bekijken we de mogelijkheden om de gebouwen in dit gebied zover te isoleren en klaar te mak</t>
  </si>
  <si>
    <t>Het Amernet maakt nu nog gebruik van houtachtige biomassa. Pas wanneer er wordt overgestapt op een meer duurzame warmtebron, kan de overstap gemaakt worden. Kan dit niet, dan wordt naar inzet van warmtepompen of groen gas gekeken. Het verkennen of aan de</t>
  </si>
  <si>
    <t>Elektra en Aquathermie of zonthermie</t>
  </si>
  <si>
    <t>aquathermie en/of zonnewarmte</t>
  </si>
  <si>
    <t>BU07790202</t>
  </si>
  <si>
    <t>Geertruidenberg-Noord</t>
  </si>
  <si>
    <t>2021BU07790202</t>
  </si>
  <si>
    <t>buurten.5aff3de1-ec61-4f2f-9176-6621552a6d51</t>
  </si>
  <si>
    <t>PL0779010010</t>
  </si>
  <si>
    <t>Amernet_gtb_west_deel</t>
  </si>
  <si>
    <t>voorkeursoptie. Het Amernet wordt nu nog gestookt op houtige biomassa. Deze moet verduurzaamd worden.</t>
  </si>
  <si>
    <t>BU07790203</t>
  </si>
  <si>
    <t>Industrieterrein Dongeoever Amerkant</t>
  </si>
  <si>
    <t>2021BU07790203</t>
  </si>
  <si>
    <t>buurten.b36356e8-206f-437e-bb3a-f730802639a4</t>
  </si>
  <si>
    <t>BU07790209</t>
  </si>
  <si>
    <t>Verspreide huizen Geertruidenberg</t>
  </si>
  <si>
    <t>2021BU07790209</t>
  </si>
  <si>
    <t>buurten.ab73209c-e011-42b3-844c-a594323685ca</t>
  </si>
  <si>
    <t>PL0779010003</t>
  </si>
  <si>
    <t>BU07840101</t>
  </si>
  <si>
    <t>Centrumgebied West Rijen</t>
  </si>
  <si>
    <t>WK078401</t>
  </si>
  <si>
    <t>GM0784</t>
  </si>
  <si>
    <t>Gilze en Rijen</t>
  </si>
  <si>
    <t>2021BU07840101</t>
  </si>
  <si>
    <t>buurten.c9b0a3dc-b904-4513-b4da-33f2657c68ce</t>
  </si>
  <si>
    <t>BU07840102</t>
  </si>
  <si>
    <t>Vijf Eiken</t>
  </si>
  <si>
    <t>2021BU07840102</t>
  </si>
  <si>
    <t>buurten.ee615e17-bb9d-4545-8a82-e8deb4c614c0</t>
  </si>
  <si>
    <t>BU07840103</t>
  </si>
  <si>
    <t>Wolfsweide</t>
  </si>
  <si>
    <t>2021BU07840103</t>
  </si>
  <si>
    <t>buurten.6a7a11b5-847b-44b4-b818-87eea304cb6d</t>
  </si>
  <si>
    <t>BU07840104</t>
  </si>
  <si>
    <t>Centrumgebied Oost Rijen</t>
  </si>
  <si>
    <t>2021BU07840104</t>
  </si>
  <si>
    <t>buurten.b3e683d3-9906-468d-8fff-b60d8b8a5fca</t>
  </si>
  <si>
    <t>BU07840105</t>
  </si>
  <si>
    <t>2021BU07840105</t>
  </si>
  <si>
    <t>buurten.606a022f-6991-4d30-b698-1a4acc9f90ef</t>
  </si>
  <si>
    <t>BU07840106</t>
  </si>
  <si>
    <t>Vliegende Vennen</t>
  </si>
  <si>
    <t>2021BU07840106</t>
  </si>
  <si>
    <t>buurten.956422cc-55f4-4340-9520-ef38ae810bf3</t>
  </si>
  <si>
    <t>BU07840107</t>
  </si>
  <si>
    <t>Paarse Strook</t>
  </si>
  <si>
    <t>2021BU07840107</t>
  </si>
  <si>
    <t>buurten.3c995bc2-3086-4ff5-a833-4aefcb7e2d05</t>
  </si>
  <si>
    <t>BU07840108</t>
  </si>
  <si>
    <t>Bedrijventerrein Haansberg</t>
  </si>
  <si>
    <t>2021BU07840108</t>
  </si>
  <si>
    <t>buurten.f0cec3b6-c333-43b8-8906-ac11ebe97385</t>
  </si>
  <si>
    <t>BU07840109</t>
  </si>
  <si>
    <t>Rijen Zuid</t>
  </si>
  <si>
    <t>2021BU07840109</t>
  </si>
  <si>
    <t>buurten.fc228938-3ac1-4da5-9b22-b1800f244074</t>
  </si>
  <si>
    <t>BU07840110</t>
  </si>
  <si>
    <t>Grote Spie</t>
  </si>
  <si>
    <t>2021BU07840110</t>
  </si>
  <si>
    <t>buurten.ce9b3b6c-73b5-4202-bd17-f96a7b3eb541</t>
  </si>
  <si>
    <t>BU07840111</t>
  </si>
  <si>
    <t>Tussen de Leijen</t>
  </si>
  <si>
    <t>2021BU07840111</t>
  </si>
  <si>
    <t>buurten.ecbfd691-9746-403e-ab24-d719f0deed19</t>
  </si>
  <si>
    <t>BU07840112</t>
  </si>
  <si>
    <t>Buitengebied Zuid Rijen</t>
  </si>
  <si>
    <t>2021BU07840112</t>
  </si>
  <si>
    <t>buurten.b76152a0-e97a-43dc-a660-04ecbc5eaead</t>
  </si>
  <si>
    <t>BU07840113</t>
  </si>
  <si>
    <t>Buitengebied Noord Rijen</t>
  </si>
  <si>
    <t>2021BU07840113</t>
  </si>
  <si>
    <t>buurten.e1041b87-6afe-4e9a-99d5-48e4d255ebc8</t>
  </si>
  <si>
    <t>BU07840201</t>
  </si>
  <si>
    <t>Centrumgebied Noord Gilze</t>
  </si>
  <si>
    <t>WK078402</t>
  </si>
  <si>
    <t>2021BU07840201</t>
  </si>
  <si>
    <t>buurten.182cc7b3-206a-423c-b593-ba0d561cfb99</t>
  </si>
  <si>
    <t>BU07840202</t>
  </si>
  <si>
    <t>Centrumgebied Zuid Gilze</t>
  </si>
  <si>
    <t>2021BU07840202</t>
  </si>
  <si>
    <t>buurten.9f7ebc06-5062-49b5-afe5-2430c01a77a5</t>
  </si>
  <si>
    <t>BU07840203</t>
  </si>
  <si>
    <t>Strijpakkers-Laars</t>
  </si>
  <si>
    <t>2021BU07840203</t>
  </si>
  <si>
    <t>buurten.6673d94a-9db3-433b-b8f1-c5fae5693346</t>
  </si>
  <si>
    <t>BU07840204</t>
  </si>
  <si>
    <t>Steenakkers</t>
  </si>
  <si>
    <t>2021BU07840204</t>
  </si>
  <si>
    <t>buurten.5d679fc3-d68c-47eb-8a7f-369c09d54068</t>
  </si>
  <si>
    <t>BU07840205</t>
  </si>
  <si>
    <t>Bedrijventerrein Broekakkers</t>
  </si>
  <si>
    <t>2021BU07840205</t>
  </si>
  <si>
    <t>buurten.d7263bdb-2607-42c9-8ce2-6e4a366fe666</t>
  </si>
  <si>
    <t>BU07840206</t>
  </si>
  <si>
    <t>Hofstad</t>
  </si>
  <si>
    <t>2021BU07840206</t>
  </si>
  <si>
    <t>buurten.3dba43fd-eb4a-4fb7-834e-cd1e02ea6a05</t>
  </si>
  <si>
    <t>BU07840207</t>
  </si>
  <si>
    <t>Bedrijventerrein Midden-Brabant Poort</t>
  </si>
  <si>
    <t>2021BU07840207</t>
  </si>
  <si>
    <t>buurten.299aa6c6-6693-42c4-ba0a-364d6c4a35fb</t>
  </si>
  <si>
    <t>aanpassen van warmtesysteem en isoleren</t>
  </si>
  <si>
    <t>biomassa en/of warmtehubs (MT warmte)</t>
  </si>
  <si>
    <t>BU07840208</t>
  </si>
  <si>
    <t>Buitengebied Gilze</t>
  </si>
  <si>
    <t>2021BU07840208</t>
  </si>
  <si>
    <t>buurten.1d88afe0-3f56-44e6-8117-6dfb85016f9f</t>
  </si>
  <si>
    <t>GM0785</t>
  </si>
  <si>
    <t>DC078501</t>
  </si>
  <si>
    <t>Transitievisie Warmte gemeente Goirle</t>
  </si>
  <si>
    <t>Duidelijkheid vanuit het Rijk over financiering en betaalbaarheid</t>
  </si>
  <si>
    <t>Uitwerken generieke aanpak voor hele gemeente Goirle, starten met onderzoeken van kansen voor warmtenetten, starten met overleggen met inwoners en bedrijven in de verschillende kansrijke buurten</t>
  </si>
  <si>
    <t>PL0785010005</t>
  </si>
  <si>
    <t>BU07840209</t>
  </si>
  <si>
    <t>Prinsenbosch</t>
  </si>
  <si>
    <t>2021BU07840209</t>
  </si>
  <si>
    <t>buurten.e2a089a8-5771-450a-8a47-d8fc0ad8e4b9</t>
  </si>
  <si>
    <t>BU07840301</t>
  </si>
  <si>
    <t>Kern Hulten</t>
  </si>
  <si>
    <t>WK078403</t>
  </si>
  <si>
    <t>2021BU07840301</t>
  </si>
  <si>
    <t>buurten.0131cf3b-8ee0-4411-b37b-c22c701da393</t>
  </si>
  <si>
    <t>BU07840302</t>
  </si>
  <si>
    <t>Buitengebied Hulten</t>
  </si>
  <si>
    <t>2021BU07840302</t>
  </si>
  <si>
    <t>buurten.8f087b0e-28bd-42ec-9997-7ab519d61b74</t>
  </si>
  <si>
    <t>BU07840401</t>
  </si>
  <si>
    <t>Kern Molenschot</t>
  </si>
  <si>
    <t>WK078404</t>
  </si>
  <si>
    <t>2021BU07840401</t>
  </si>
  <si>
    <t>buurten.8789d32b-237a-46ac-8630-c5863937977d</t>
  </si>
  <si>
    <t>BU07840402</t>
  </si>
  <si>
    <t>Buitengebied Molenschot</t>
  </si>
  <si>
    <t>2021BU07840402</t>
  </si>
  <si>
    <t>buurten.8537d9c5-e90e-420c-be69-dce628b92e3a</t>
  </si>
  <si>
    <t>Pilot wijk gemeente Alphen-Chaam</t>
  </si>
  <si>
    <t>BU07850101</t>
  </si>
  <si>
    <t>Goirle-Centrum</t>
  </si>
  <si>
    <t>WK078501</t>
  </si>
  <si>
    <t>Goirle</t>
  </si>
  <si>
    <t>2021BU07850101</t>
  </si>
  <si>
    <t>buurten.2c8e5aca-99ce-435f-aa04-cd8afc4c0873</t>
  </si>
  <si>
    <t>In 2050 aardgasvrij. In 2030 net zoveel aardgas reduceren als 2.000 woningen gebruiken (totale besparing van 20% aardgas). Dit betekent voor de woningen in Goirle een besparing van 2,8 miljoen m3 aardgas in 2030. Eenzelfde ambitie van 20% voor bedrijven</t>
  </si>
  <si>
    <t>https://raad.goirle.nl/Vergaderingen/Oordeelsvormend/2021/23-november/19:30/03a-Transitievisie-warmte-gemeente-Goirle.pdf</t>
  </si>
  <si>
    <t>PL0785010001</t>
  </si>
  <si>
    <t>Generieke collectieve aanpak</t>
  </si>
  <si>
    <t>Goirle noordoost (De Hoogte, Grobbendonck en Goirle-centrum)</t>
  </si>
  <si>
    <t>Samen met kansrijke buurten bepalen waar mogelijk wordt gestart als pilot</t>
  </si>
  <si>
    <t>WUP opstellen, onderzoeken potentie aquathermie</t>
  </si>
  <si>
    <t>creeren handelingsperspectief en ambassadeurs genereren. Inzetten op wijken met eenduidige bebouwing waarin een collectieve informatievoorziening en ontzorging van inwoners opgezet kan worden.</t>
  </si>
  <si>
    <t>TEO uit de Oostplas</t>
  </si>
  <si>
    <t>BU07850202</t>
  </si>
  <si>
    <t>Grobbendonck</t>
  </si>
  <si>
    <t>WK078502</t>
  </si>
  <si>
    <t>2021BU07850202</t>
  </si>
  <si>
    <t>buurten.9cbddab5-6179-4e13-92a0-6eaba0ca0bfa</t>
  </si>
  <si>
    <t>BU07850303</t>
  </si>
  <si>
    <t>De Groote Akkers</t>
  </si>
  <si>
    <t>WK078503</t>
  </si>
  <si>
    <t>2021BU07850303</t>
  </si>
  <si>
    <t>buurten.554ecdca-e85c-4bc9-813f-ad60386060ae</t>
  </si>
  <si>
    <t>BU07850304</t>
  </si>
  <si>
    <t>De Leijzoom</t>
  </si>
  <si>
    <t>2021BU07850304</t>
  </si>
  <si>
    <t>buurten.508c2b6a-175a-4d5b-994c-e6540f99ac81</t>
  </si>
  <si>
    <t>BU07850405</t>
  </si>
  <si>
    <t>WK078504</t>
  </si>
  <si>
    <t>2021BU07850405</t>
  </si>
  <si>
    <t>buurten.f016af57-ca1d-4577-8693-12ff63d2f09c</t>
  </si>
  <si>
    <t>BU07850406</t>
  </si>
  <si>
    <t>2021BU07850406</t>
  </si>
  <si>
    <t>buurten.8a89eaa8-d700-4985-a23e-04f19e294169</t>
  </si>
  <si>
    <t>BU07850507</t>
  </si>
  <si>
    <t>Abcoven</t>
  </si>
  <si>
    <t>WK078505</t>
  </si>
  <si>
    <t>2021BU07850507</t>
  </si>
  <si>
    <t>buurten.40f386b1-8e81-496f-aa9e-444fadf04688</t>
  </si>
  <si>
    <t>BU07850608</t>
  </si>
  <si>
    <t>Wildackers</t>
  </si>
  <si>
    <t>WK078506</t>
  </si>
  <si>
    <t>2021BU07850608</t>
  </si>
  <si>
    <t>buurten.b01bf007-5183-4546-b487-57bd52f6ba6d</t>
  </si>
  <si>
    <t>BU07850709</t>
  </si>
  <si>
    <t>'t Ven</t>
  </si>
  <si>
    <t>WK078507</t>
  </si>
  <si>
    <t>2021BU07850709</t>
  </si>
  <si>
    <t>buurten.39a2e116-e874-4596-b652-f44d23fbf6e7</t>
  </si>
  <si>
    <t>PL0785010002</t>
  </si>
  <si>
    <t>Goirle west (Rivieren, Bomen, Kruiden en Vennen)</t>
  </si>
  <si>
    <t>WUP opstellen, focus op collectieve isolatieaanpak en aardgasvrij-ready</t>
  </si>
  <si>
    <t>BU07850710</t>
  </si>
  <si>
    <t>Burgemeesters</t>
  </si>
  <si>
    <t>2021BU07850710</t>
  </si>
  <si>
    <t>buurten.4dfcf900-ddb2-4822-b1a5-64c6a822b529</t>
  </si>
  <si>
    <t>BU07850811</t>
  </si>
  <si>
    <t>Tilburgseweg</t>
  </si>
  <si>
    <t>WK078508</t>
  </si>
  <si>
    <t>2021BU07850811</t>
  </si>
  <si>
    <t>buurten.9ee1204b-0ca2-45e5-9555-a9e2a9e523a5</t>
  </si>
  <si>
    <t>PL0855010003</t>
  </si>
  <si>
    <t>Zone 2: Rond de ringbanen</t>
  </si>
  <si>
    <t>verlagen woonlasten</t>
  </si>
  <si>
    <t>uitbreiden warmtenet/onderzoeken WKO net</t>
  </si>
  <si>
    <t>BU07850812</t>
  </si>
  <si>
    <t>De Boschkens-West</t>
  </si>
  <si>
    <t>2021BU07850812</t>
  </si>
  <si>
    <t>buurten.d9fbb72a-0712-456a-9594-82c0dd1a375b</t>
  </si>
  <si>
    <t>biomassa en/of onbekend</t>
  </si>
  <si>
    <t>BU07850813</t>
  </si>
  <si>
    <t>De Boschkens-Oost</t>
  </si>
  <si>
    <t>2021BU07850813</t>
  </si>
  <si>
    <t>buurten.b8ba2fa7-cd82-4d7d-a916-9179c1091974</t>
  </si>
  <si>
    <t>BU07850914</t>
  </si>
  <si>
    <t>Vennen</t>
  </si>
  <si>
    <t>WK078509</t>
  </si>
  <si>
    <t>2021BU07850914</t>
  </si>
  <si>
    <t>buurten.28cffd23-6d61-435e-87a8-6873feb248f1</t>
  </si>
  <si>
    <t>BU07850915</t>
  </si>
  <si>
    <t>Bomen</t>
  </si>
  <si>
    <t>2021BU07850915</t>
  </si>
  <si>
    <t>buurten.7dd4cd04-0fe2-47fb-a901-91108d4144d3</t>
  </si>
  <si>
    <t>Herstallen</t>
  </si>
  <si>
    <t>BU07850916</t>
  </si>
  <si>
    <t>De Villa</t>
  </si>
  <si>
    <t>2021BU07850916</t>
  </si>
  <si>
    <t>buurten.eabb3322-c1f9-403e-a516-dc3dadd29887</t>
  </si>
  <si>
    <t>PL0785010003</t>
  </si>
  <si>
    <t>BU07850917</t>
  </si>
  <si>
    <t>Rivieren</t>
  </si>
  <si>
    <t>2021BU07850917</t>
  </si>
  <si>
    <t>buurten.1746c84f-fa94-4163-8fb6-a9a44ee8976c</t>
  </si>
  <si>
    <t>BU07850918</t>
  </si>
  <si>
    <t>Kruiden</t>
  </si>
  <si>
    <t>2021BU07850918</t>
  </si>
  <si>
    <t>buurten.ce70a710-98ce-4a18-8f02-5d775192acd5</t>
  </si>
  <si>
    <t>BU07851019</t>
  </si>
  <si>
    <t>De Nieuwe Erven</t>
  </si>
  <si>
    <t>WK078510</t>
  </si>
  <si>
    <t>2021BU07851019</t>
  </si>
  <si>
    <t>buurten.32c674a3-d02c-4fc0-bf3c-fc39eddae43c</t>
  </si>
  <si>
    <t>BU07851120</t>
  </si>
  <si>
    <t>WK078511</t>
  </si>
  <si>
    <t>2021BU07851120</t>
  </si>
  <si>
    <t>buurten.ea22c7b0-1200-4c4d-9959-541bcec8f756</t>
  </si>
  <si>
    <t>BU07851121</t>
  </si>
  <si>
    <t>Geestelijken</t>
  </si>
  <si>
    <t>2021BU07851121</t>
  </si>
  <si>
    <t>buurten.db26adcf-9e31-42c2-9244-2585b1a3db84</t>
  </si>
  <si>
    <t>BU07851122</t>
  </si>
  <si>
    <t>2021BU07851122</t>
  </si>
  <si>
    <t>buurten.8ca3d213-309c-4741-b3ef-cb4448ac3be6</t>
  </si>
  <si>
    <t>BU07851223</t>
  </si>
  <si>
    <t>Sportpark Van den Wildenberg</t>
  </si>
  <si>
    <t>WK078512</t>
  </si>
  <si>
    <t>2021BU07851223</t>
  </si>
  <si>
    <t>buurten.1dfe7b2b-6502-445d-8c00-474e74ace9f0</t>
  </si>
  <si>
    <t>BU07851324</t>
  </si>
  <si>
    <t>Tijlvoort-Noort</t>
  </si>
  <si>
    <t>WK078513</t>
  </si>
  <si>
    <t>2021BU07851324</t>
  </si>
  <si>
    <t>buurten.b9a89047-4fed-4f3f-92d0-9acf6a1841ee</t>
  </si>
  <si>
    <t>BU07851325</t>
  </si>
  <si>
    <t>Tijlvoort-Zuid</t>
  </si>
  <si>
    <t>2021BU07851325</t>
  </si>
  <si>
    <t>buurten.c66b4c0d-9cf8-4cda-b58b-b39cc7be86cb</t>
  </si>
  <si>
    <t>BU07851426</t>
  </si>
  <si>
    <t>Verspreide huizen Goirle</t>
  </si>
  <si>
    <t>WK078514</t>
  </si>
  <si>
    <t>2021BU07851426</t>
  </si>
  <si>
    <t>buurten.f23a59b6-e36a-4a8c-a75b-54f089e67ea4</t>
  </si>
  <si>
    <t>20 aardgasreductie in 2030 (gelijk aan 1300 woningen)</t>
  </si>
  <si>
    <t>Inzetten op energiebesparen en isoleren, in buurten die kansrijk zijn voor collectieve maatregelen het gesprek aangaan, een sociaal-maatschappelijke aanpak opzetten om energiearmoede tegen te gaan.</t>
  </si>
  <si>
    <t>https://www.hilvarenbeek.nl/fileadmin/user_upload/Bestanden/Afbeeldingen/Projecten/Duurzaamheidransitievisie_Warmte.pdf</t>
  </si>
  <si>
    <t>BU07852027</t>
  </si>
  <si>
    <t>Riel-Dorp</t>
  </si>
  <si>
    <t>WK078520</t>
  </si>
  <si>
    <t>2021BU07852027</t>
  </si>
  <si>
    <t>buurten.298b3dc6-b9d5-41fb-9954-0432d702a69d</t>
  </si>
  <si>
    <t>PL0785010004</t>
  </si>
  <si>
    <t>BU07852028</t>
  </si>
  <si>
    <t>Spaansehoek</t>
  </si>
  <si>
    <t>2021BU07852028</t>
  </si>
  <si>
    <t>buurten.029f4679-592f-4475-85a5-3091735da9d7</t>
  </si>
  <si>
    <t>Riel-dorp</t>
  </si>
  <si>
    <t>BU07852129</t>
  </si>
  <si>
    <t>Bedrijventerrein Riel</t>
  </si>
  <si>
    <t>WK078521</t>
  </si>
  <si>
    <t>2021BU07852129</t>
  </si>
  <si>
    <t>buurten.ce20b8c2-956c-4a28-ac2b-9b3c4bcbbb24</t>
  </si>
  <si>
    <t>BU07852230</t>
  </si>
  <si>
    <t>Sportpark De Krim</t>
  </si>
  <si>
    <t>WK078522</t>
  </si>
  <si>
    <t>2021BU07852230</t>
  </si>
  <si>
    <t>buurten.e2ad68f4-d8c7-4e07-ac3f-3ea5370e77f2</t>
  </si>
  <si>
    <t>BU07852331</t>
  </si>
  <si>
    <t>Verspreide huizen Riel</t>
  </si>
  <si>
    <t>WK078523</t>
  </si>
  <si>
    <t>2021BU07852331</t>
  </si>
  <si>
    <t>buurten.591df42c-4e41-4344-beea-ccd8a290035d</t>
  </si>
  <si>
    <t>BU07860539</t>
  </si>
  <si>
    <t>Escharen kom</t>
  </si>
  <si>
    <t>WK078605</t>
  </si>
  <si>
    <t>2021BU07860539</t>
  </si>
  <si>
    <t>buurten.8eff65bf-3039-42c0-bc84-68bed959d93f</t>
  </si>
  <si>
    <t>PL0786010001</t>
  </si>
  <si>
    <t>Uitvoering technische en financiele haalbaarheid kansrijke warmtebronnen</t>
  </si>
  <si>
    <t>Een beter beeld krijgen van de haalbare warmtebronnen en mogelijkheden zodat de opgave van de gemeente beter in beeld is en er bij voldoende potentie een vervolgtraject worden gestart</t>
  </si>
  <si>
    <t>BU07860540</t>
  </si>
  <si>
    <t>2021BU07860540</t>
  </si>
  <si>
    <t>buurten.b3bf0525-9ccf-447f-8044-24a5271e722e</t>
  </si>
  <si>
    <t>GM0815</t>
  </si>
  <si>
    <t>Mill en Sint Hubert</t>
  </si>
  <si>
    <t>DC081501</t>
  </si>
  <si>
    <t>Transitievisie Warmte Mill en Sint Hubert; op weg naar een aardgasvrije gemeente</t>
  </si>
  <si>
    <t>duidelijkheid over (landelijke) verdeling groen gas. Meer duidelijkheid over financieringsmogelijkheden en middelen vanuit het Rijk</t>
  </si>
  <si>
    <t>duidelijkheid over technisch/ financiele potentie van groen gas in de regio (gemeente en omringende gemeenten). Zoveel mogelijk isoleren</t>
  </si>
  <si>
    <t>https://ris2.ibabs.eu/Agenda/Details/mill/cbf4393b-c5bf-4aab-b5d9-aed7784bc958</t>
  </si>
  <si>
    <t>PL0815010001</t>
  </si>
  <si>
    <t>Gemeente Mill en Sint Hubert: Mill-Centrum (woningen na 1975);Mill-West (woningen na 1975);Langeboom (woningen na 1975);Sint Hubert (woningen na 1975);Wilbertoord (woningen na 1975);Burgse Berg (woningen na 1975);Mill-Zuid (woningen na 1975);Mill-Centrum</t>
  </si>
  <si>
    <t>duidelijkheid over (landelijke) verdeling groen gas. Duidelijkheid over financieringsmogelijkheden en middelen vanuit het Rijk</t>
  </si>
  <si>
    <t>technische en financiele potentie van groen gas in kaart brengen. Huizen waar mogelijk isoleren</t>
  </si>
  <si>
    <t>BU07860543</t>
  </si>
  <si>
    <t>Buitengebied West(in Raam)</t>
  </si>
  <si>
    <t>2021BU07860543</t>
  </si>
  <si>
    <t>buurten.c5bbba80-1592-42f9-966b-7bf0163ca710</t>
  </si>
  <si>
    <t>BU07860736</t>
  </si>
  <si>
    <t>Nieuw Velp</t>
  </si>
  <si>
    <t>WK078607</t>
  </si>
  <si>
    <t>2021BU07860736</t>
  </si>
  <si>
    <t>buurten.1a98476d-2d04-40f4-a7a7-9ac3eacf8c62</t>
  </si>
  <si>
    <t>BU07860744</t>
  </si>
  <si>
    <t>2021BU07860744</t>
  </si>
  <si>
    <t>buurten.02de67d4-1c37-4f15-a7db-6c540b0f91af</t>
  </si>
  <si>
    <t>BU07860750</t>
  </si>
  <si>
    <t>De Eek (industrieterrein)</t>
  </si>
  <si>
    <t>2021BU07860750</t>
  </si>
  <si>
    <t>buurten.c90847bc-88a8-4516-9084-b6e5caf7b18e</t>
  </si>
  <si>
    <t>BU07860751</t>
  </si>
  <si>
    <t>Buitengebied Noord(Rijksw)</t>
  </si>
  <si>
    <t>2021BU07860751</t>
  </si>
  <si>
    <t>buurten.b938f8e5-04e9-4d62-a899-6f14d4208a72</t>
  </si>
  <si>
    <t>BU07860752</t>
  </si>
  <si>
    <t>Oud Velp</t>
  </si>
  <si>
    <t>2021BU07860752</t>
  </si>
  <si>
    <t>buurten.136a8914-4114-493b-a58e-f2ecda120e56</t>
  </si>
  <si>
    <t>BU07860842</t>
  </si>
  <si>
    <t>Buitengebied Gassel</t>
  </si>
  <si>
    <t>WK078608</t>
  </si>
  <si>
    <t>2021BU07860842</t>
  </si>
  <si>
    <t>buurten.b925f12b-0bed-49b0-b4f9-351e699fbfa1</t>
  </si>
  <si>
    <t>BU07860848</t>
  </si>
  <si>
    <t>Gassel kom</t>
  </si>
  <si>
    <t>2021BU07860848</t>
  </si>
  <si>
    <t>buurten.d5d64fcd-1746-48eb-8ed9-5900b8c5c913</t>
  </si>
  <si>
    <t>BU07861337</t>
  </si>
  <si>
    <t>Bikkelkamp</t>
  </si>
  <si>
    <t>WK078613</t>
  </si>
  <si>
    <t>2021BU07861337</t>
  </si>
  <si>
    <t>buurten.2f47faf4-5900-4b81-bccb-115483585d67</t>
  </si>
  <si>
    <t>BU07861338</t>
  </si>
  <si>
    <t>De Stoof</t>
  </si>
  <si>
    <t>2021BU07861338</t>
  </si>
  <si>
    <t>buurten.f2181730-09ba-4fc8-8268-b6333d576275</t>
  </si>
  <si>
    <t>BU07861341</t>
  </si>
  <si>
    <t>Zittert</t>
  </si>
  <si>
    <t>2021BU07861341</t>
  </si>
  <si>
    <t>buurten.ae8ae369-2617-4896-9385-e70a14d19a3e</t>
  </si>
  <si>
    <t>BU07861345</t>
  </si>
  <si>
    <t>Mars</t>
  </si>
  <si>
    <t>2021BU07861345</t>
  </si>
  <si>
    <t>buurten.2faa6ccd-5a36-4fed-8755-3f28d5898516</t>
  </si>
  <si>
    <t>BU07861346</t>
  </si>
  <si>
    <t>2021BU07861346</t>
  </si>
  <si>
    <t>buurten.0d3480af-1f76-4e9c-b11f-af9cfdc5d5f8</t>
  </si>
  <si>
    <t>BU07861347</t>
  </si>
  <si>
    <t>Wisseveld:industrieterrein</t>
  </si>
  <si>
    <t>2021BU07861347</t>
  </si>
  <si>
    <t>buurten.edab1a4e-b4ab-492c-b5c7-84e3adb4ce1e</t>
  </si>
  <si>
    <t>BU07861349</t>
  </si>
  <si>
    <t>Estersveld</t>
  </si>
  <si>
    <t>2021BU07861349</t>
  </si>
  <si>
    <t>buurten.4ad1b26c-4a53-4b73-915d-bdde60e2ea02</t>
  </si>
  <si>
    <t>BU07941000</t>
  </si>
  <si>
    <t>WK079410</t>
  </si>
  <si>
    <t>2021BU07941000</t>
  </si>
  <si>
    <t>buurten.5d408851-c3ce-4847-9785-1dd35a301683</t>
  </si>
  <si>
    <t>https://helmond.raadsinformatie.nl/vergadering/804239#ai_6432483</t>
  </si>
  <si>
    <t>PL0794010007</t>
  </si>
  <si>
    <t>PL0794010010</t>
  </si>
  <si>
    <t>Binderen</t>
  </si>
  <si>
    <t>BU07941002</t>
  </si>
  <si>
    <t>Leonardus</t>
  </si>
  <si>
    <t>2021BU07941002</t>
  </si>
  <si>
    <t>buurten.764c9905-a57a-4a0f-b397-76db3aaf51ed</t>
  </si>
  <si>
    <t>PL0794010006</t>
  </si>
  <si>
    <t>BU07941003</t>
  </si>
  <si>
    <t>Heipoort</t>
  </si>
  <si>
    <t>2021BU07941003</t>
  </si>
  <si>
    <t>buurten.45521103-1cb4-4a09-b698-791f3f842ecd</t>
  </si>
  <si>
    <t>BU07941004</t>
  </si>
  <si>
    <t>2021BU07941004</t>
  </si>
  <si>
    <t>buurten.ad79b3de-ce39-46d7-b51c-ebcb4459ec2e</t>
  </si>
  <si>
    <t>PL0794010005</t>
  </si>
  <si>
    <t>PL0794010008</t>
  </si>
  <si>
    <t>Annabuurt en Suytkade</t>
  </si>
  <si>
    <t>BU07941005</t>
  </si>
  <si>
    <t>Vossenberg</t>
  </si>
  <si>
    <t>2021BU07941005</t>
  </si>
  <si>
    <t>buurten.5451fd7f-c1c3-4e60-8735-12c685d0fd3e</t>
  </si>
  <si>
    <t>BU07941006</t>
  </si>
  <si>
    <t>2021BU07941006</t>
  </si>
  <si>
    <t>buurten.7a8be4b4-0911-46c5-94ff-2896e97d5595</t>
  </si>
  <si>
    <t>BU07941007</t>
  </si>
  <si>
    <t>Steenweg en omgeving</t>
  </si>
  <si>
    <t>2021BU07941007</t>
  </si>
  <si>
    <t>buurten.9ef45e3c-9cc6-45f6-8761-407a9818784d</t>
  </si>
  <si>
    <t>BU07941100</t>
  </si>
  <si>
    <t>Beisterveld</t>
  </si>
  <si>
    <t>WK079411</t>
  </si>
  <si>
    <t>2021BU07941100</t>
  </si>
  <si>
    <t>buurten.68aa4d67-6acb-4d30-a05e-7263fe604bd4</t>
  </si>
  <si>
    <t>BU07941101</t>
  </si>
  <si>
    <t>Beisterveldse Broek</t>
  </si>
  <si>
    <t>2021BU07941101</t>
  </si>
  <si>
    <t>buurten.266e0b9d-158f-4708-af80-27fac6a8767a</t>
  </si>
  <si>
    <t>PL0794010004</t>
  </si>
  <si>
    <t>Rijpelberg-West</t>
  </si>
  <si>
    <t>BU07941102</t>
  </si>
  <si>
    <t>Straakven</t>
  </si>
  <si>
    <t>2021BU07941102</t>
  </si>
  <si>
    <t>buurten.9018c507-936a-4fab-9ba6-73156200533d</t>
  </si>
  <si>
    <t>BU07941200</t>
  </si>
  <si>
    <t>Bloemvelden</t>
  </si>
  <si>
    <t>WK079412</t>
  </si>
  <si>
    <t>2021BU07941200</t>
  </si>
  <si>
    <t>buurten.5f1bb005-9b6f-4966-9fb5-1f28fab5d51e</t>
  </si>
  <si>
    <t>BU07941201</t>
  </si>
  <si>
    <t>2021BU07941201</t>
  </si>
  <si>
    <t>buurten.d2811790-6229-4cc0-8ddb-c1920da9e1a3</t>
  </si>
  <si>
    <t>BU07941202</t>
  </si>
  <si>
    <t>Eeuwsels</t>
  </si>
  <si>
    <t>2021BU07941202</t>
  </si>
  <si>
    <t>buurten.53a05032-839f-48f8-895d-7850426973f4</t>
  </si>
  <si>
    <t>GM1659</t>
  </si>
  <si>
    <t>Laarbeek</t>
  </si>
  <si>
    <t>1800 aardgasvrije woningen 2030</t>
  </si>
  <si>
    <t>DC165901</t>
  </si>
  <si>
    <t>Duurzaam en aardgasvrij wonen in Laarbeek</t>
  </si>
  <si>
    <t>betaalbaar, toekomstbestendig, betrouwbaar, samen, stap voor stap</t>
  </si>
  <si>
    <t>https://www.laarbeek.nl/sites/default/files/DEFINITIEF-Ontwerp-Transitie-Visie-Warmte-Laarbeek-2021.pdf</t>
  </si>
  <si>
    <t>PL0794010009</t>
  </si>
  <si>
    <t>PL1659010001</t>
  </si>
  <si>
    <t>Besparen en isoleren Leerbeek</t>
  </si>
  <si>
    <t>energie besparen</t>
  </si>
  <si>
    <t>BU07941300</t>
  </si>
  <si>
    <t>'t Hout-Centrum</t>
  </si>
  <si>
    <t>WK079413</t>
  </si>
  <si>
    <t>2021BU07941300</t>
  </si>
  <si>
    <t>buurten.8ccb8a0b-6ce7-4f2b-903f-049d0a5966a6</t>
  </si>
  <si>
    <t>BU07941301</t>
  </si>
  <si>
    <t>Kroon</t>
  </si>
  <si>
    <t>2021BU07941301</t>
  </si>
  <si>
    <t>buurten.0e40313c-92a5-4068-90dc-92069605904e</t>
  </si>
  <si>
    <t>BU07941302</t>
  </si>
  <si>
    <t>2021BU07941302</t>
  </si>
  <si>
    <t>buurten.18a852d2-75f2-42c5-9d4d-07d5c70346e6</t>
  </si>
  <si>
    <t>PL1771010010</t>
  </si>
  <si>
    <t>PL1771010012</t>
  </si>
  <si>
    <t>Mierlo (de rest)</t>
  </si>
  <si>
    <t>Verspreide Huizen Mierlo</t>
  </si>
  <si>
    <t>onduidelijk; Eigen tempo</t>
  </si>
  <si>
    <t>BU07941303</t>
  </si>
  <si>
    <t>Gansenwinkel</t>
  </si>
  <si>
    <t>2021BU07941303</t>
  </si>
  <si>
    <t>buurten.833e2671-b8b9-4b67-8ebe-ad7a9af9b9b6</t>
  </si>
  <si>
    <t>BU07941309</t>
  </si>
  <si>
    <t>Groot Goor</t>
  </si>
  <si>
    <t>2021BU07941309</t>
  </si>
  <si>
    <t>buurten.2e4abccf-700c-4bfe-b680-6629356be826</t>
  </si>
  <si>
    <t>In concept (afwachtend). Voor deze buurten liggen individuele warmteoplossingen per gebouw voor de hand. De gemeente realiseert zich dat bewoners en ondernemers hiervoor hun eigen tempo kiezen, vandaar een natuurlijk tempo. Logisch momenten zijn bijvoorb</t>
  </si>
  <si>
    <t>BU07941400</t>
  </si>
  <si>
    <t>Brouwhuis-Dorp</t>
  </si>
  <si>
    <t>WK079414</t>
  </si>
  <si>
    <t>2021BU07941400</t>
  </si>
  <si>
    <t>buurten.7cef8e42-478c-44f8-b73e-aa2e61bc207a</t>
  </si>
  <si>
    <t>PL0794010001</t>
  </si>
  <si>
    <t>Brouwhuis-West</t>
  </si>
  <si>
    <t>BU07941401</t>
  </si>
  <si>
    <t>2021BU07941401</t>
  </si>
  <si>
    <t>buurten.e13038ec-15c0-4150-8ac9-37e7bb6d661d</t>
  </si>
  <si>
    <t>BU07941402</t>
  </si>
  <si>
    <t>2021BU07941402</t>
  </si>
  <si>
    <t>buurten.5142d72c-5442-4b92-bc3a-ddc9192accf2</t>
  </si>
  <si>
    <t>BU07941404</t>
  </si>
  <si>
    <t>Brouwhorst</t>
  </si>
  <si>
    <t>2021BU07941404</t>
  </si>
  <si>
    <t>buurten.7fc63ab7-a02a-4d76-b763-250e7721d6d4</t>
  </si>
  <si>
    <t>BU07941409</t>
  </si>
  <si>
    <t>Kloostereind</t>
  </si>
  <si>
    <t>2021BU07941409</t>
  </si>
  <si>
    <t>buurten.4745b360-f0fa-4ffd-a8ff-14c3b59cd304</t>
  </si>
  <si>
    <t>BU07941500</t>
  </si>
  <si>
    <t>WK079415</t>
  </si>
  <si>
    <t>2021BU07941500</t>
  </si>
  <si>
    <t>buurten.d2db9db6-3be1-4dbe-8787-fb7a5fd6f174</t>
  </si>
  <si>
    <t>BU07941501</t>
  </si>
  <si>
    <t>Houtsdonk</t>
  </si>
  <si>
    <t>2021BU07941501</t>
  </si>
  <si>
    <t>buurten.147826de-5c41-48a4-ac2e-496f77398182</t>
  </si>
  <si>
    <t>BU07941600</t>
  </si>
  <si>
    <t>WK079416</t>
  </si>
  <si>
    <t>2021BU07941600</t>
  </si>
  <si>
    <t>buurten.a046e897-8b7e-45e2-88f3-2312812ca2bb</t>
  </si>
  <si>
    <t>BU07941601</t>
  </si>
  <si>
    <t>Zwanenbeemd</t>
  </si>
  <si>
    <t>2021BU07941601</t>
  </si>
  <si>
    <t>buurten.6117a1f4-1742-427b-8a6c-fe2ac2e7e3d0</t>
  </si>
  <si>
    <t>BU07941609</t>
  </si>
  <si>
    <t>Overbrug</t>
  </si>
  <si>
    <t>2021BU07941609</t>
  </si>
  <si>
    <t>buurten.54b7a43e-ba43-4c65-95f6-94364c2e4d42</t>
  </si>
  <si>
    <t>BU07941700</t>
  </si>
  <si>
    <t>Stiphout-Dorp</t>
  </si>
  <si>
    <t>WK079417</t>
  </si>
  <si>
    <t>2021BU07941700</t>
  </si>
  <si>
    <t>buurten.4840d5a8-459c-4b50-a707-1b1a38115db6</t>
  </si>
  <si>
    <t>BU07941701</t>
  </si>
  <si>
    <t>Schooten</t>
  </si>
  <si>
    <t>2021BU07941701</t>
  </si>
  <si>
    <t>buurten.ced5ca7b-e627-4e2c-a063-a3ee6aabbcc9</t>
  </si>
  <si>
    <t>Generieke aanpak Nuenen</t>
  </si>
  <si>
    <t>BU07941709</t>
  </si>
  <si>
    <t>Geeneind</t>
  </si>
  <si>
    <t>2021BU07941709</t>
  </si>
  <si>
    <t>buurten.35689d64-f87b-4043-907a-d7135b817094</t>
  </si>
  <si>
    <t>PL0820010002</t>
  </si>
  <si>
    <t>Gerwen</t>
  </si>
  <si>
    <t>Bewoners kiezen hun eigen tempo</t>
  </si>
  <si>
    <t>BU07941801</t>
  </si>
  <si>
    <t>Rijpelberg-Oost</t>
  </si>
  <si>
    <t>WK079418</t>
  </si>
  <si>
    <t>2021BU07941801</t>
  </si>
  <si>
    <t>buurten.1e670a8e-b97f-485b-888f-4c6c13d3e243</t>
  </si>
  <si>
    <t>PL0794010003</t>
  </si>
  <si>
    <t>BU07941802</t>
  </si>
  <si>
    <t>2021BU07941802</t>
  </si>
  <si>
    <t>buurten.a1507100-56d0-4477-8e9f-9f95d96eaca5</t>
  </si>
  <si>
    <t>BU07941809</t>
  </si>
  <si>
    <t>Berkendonk</t>
  </si>
  <si>
    <t>2021BU07941809</t>
  </si>
  <si>
    <t>buurten.d3719821-bcc9-4094-8b10-bdc890721d40</t>
  </si>
  <si>
    <t>BU07941900</t>
  </si>
  <si>
    <t>Kern Dierdonk</t>
  </si>
  <si>
    <t>WK079419</t>
  </si>
  <si>
    <t>2021BU07941900</t>
  </si>
  <si>
    <t>buurten.ebc3a007-74ee-4589-8edc-69fe61ef03b9</t>
  </si>
  <si>
    <t>BU07941909</t>
  </si>
  <si>
    <t>Scheepstal</t>
  </si>
  <si>
    <t>2021BU07941909</t>
  </si>
  <si>
    <t>buurten.c24d236a-e1ce-4db3-9132-e6ba67ba584d</t>
  </si>
  <si>
    <t>BU07942100</t>
  </si>
  <si>
    <t>Brand</t>
  </si>
  <si>
    <t>WK079421</t>
  </si>
  <si>
    <t>2021BU07942100</t>
  </si>
  <si>
    <t>buurten.4432bbc1-1aec-4faf-ae6b-8b051b45ccd0</t>
  </si>
  <si>
    <t>BU07942101</t>
  </si>
  <si>
    <t>De Veste</t>
  </si>
  <si>
    <t>2021BU07942101</t>
  </si>
  <si>
    <t>buurten.3b97c70d-4307-410f-9ca1-8d0235dea1be</t>
  </si>
  <si>
    <t>BU07942102</t>
  </si>
  <si>
    <t>Schutsboom</t>
  </si>
  <si>
    <t>2021BU07942102</t>
  </si>
  <si>
    <t>buurten.ffa69804-927c-429b-bffe-d2887913b8dc</t>
  </si>
  <si>
    <t>BU07942103</t>
  </si>
  <si>
    <t>Stepekolk</t>
  </si>
  <si>
    <t>2021BU07942103</t>
  </si>
  <si>
    <t>buurten.99fe0ca6-a121-4e66-b5b8-d02429adc6c7</t>
  </si>
  <si>
    <t>BU07942104</t>
  </si>
  <si>
    <t>Berenbroek</t>
  </si>
  <si>
    <t>2021BU07942104</t>
  </si>
  <si>
    <t>buurten.a60cd40a-830a-47d4-8209-d91d500d7af7</t>
  </si>
  <si>
    <t>BU07942105</t>
  </si>
  <si>
    <t>De marke</t>
  </si>
  <si>
    <t>2021BU07942105</t>
  </si>
  <si>
    <t>buurten.9db77bd7-32eb-44f8-9c71-8e1f67f634b6</t>
  </si>
  <si>
    <t>BU07942901</t>
  </si>
  <si>
    <t>WK079429</t>
  </si>
  <si>
    <t>2021BU07942901</t>
  </si>
  <si>
    <t>buurten.381a9156-ac15-4726-8806-81a6afb9466d</t>
  </si>
  <si>
    <t>BU07942902</t>
  </si>
  <si>
    <t>B.Z.O.B.</t>
  </si>
  <si>
    <t>2021BU07942902</t>
  </si>
  <si>
    <t>buurten.d617d9d4-325e-437b-9a3a-9e02098e51fd</t>
  </si>
  <si>
    <t>BU07960101</t>
  </si>
  <si>
    <t>WK079601</t>
  </si>
  <si>
    <t>GM0796</t>
  </si>
  <si>
    <t>'s-Hertogenbosch</t>
  </si>
  <si>
    <t>2021BU07960101</t>
  </si>
  <si>
    <t>buurten.82b9a589-d5a8-40a3-bba8-dd558d0d890c</t>
  </si>
  <si>
    <t>s-Hertogenbosch</t>
  </si>
  <si>
    <t>DC079601</t>
  </si>
  <si>
    <t>Transitievisie Warmte 1.0 s-Hertogenbosch Samen stap voor stap op weg naar duurzame warmte</t>
  </si>
  <si>
    <t>sociaal en rechtvaardig, Allemaal, Meerwaarde, Efficient en effectief, Nu (SAMEN)</t>
  </si>
  <si>
    <t>samen aan de slag, betrokkenheid bewoners en samenwerking met organisaties</t>
  </si>
  <si>
    <t>https://s-hertogenbosch.raadsinformatie.nl/document/10428211/1#search=%22warmtevisie%22</t>
  </si>
  <si>
    <t>PL0796010001</t>
  </si>
  <si>
    <t>PL0796010002</t>
  </si>
  <si>
    <t>t Zand deel 1 (PAW)</t>
  </si>
  <si>
    <t>t Zand deel 2</t>
  </si>
  <si>
    <t>regisserende Rol Gemeente, samenwerking met partners</t>
  </si>
  <si>
    <t>BU07960102</t>
  </si>
  <si>
    <t>2021BU07960102</t>
  </si>
  <si>
    <t>buurten.3deefb46-12f7-49a6-ac00-ec4288458ea9</t>
  </si>
  <si>
    <t>PL0796010009</t>
  </si>
  <si>
    <t>BU07960103</t>
  </si>
  <si>
    <t>De Hofstad</t>
  </si>
  <si>
    <t>2021BU07960103</t>
  </si>
  <si>
    <t>buurten.9314a8b6-e903-4acb-9c4a-4cce74ffe15b</t>
  </si>
  <si>
    <t>BU07960104</t>
  </si>
  <si>
    <t>2021BU07960104</t>
  </si>
  <si>
    <t>buurten.d22ebc38-2baf-43da-bc0e-e8efb1f5f3a3</t>
  </si>
  <si>
    <t>BU07960105</t>
  </si>
  <si>
    <t>2021BU07960105</t>
  </si>
  <si>
    <t>buurten.5195dc59-990c-4f9a-b259-86563f8e9c1a</t>
  </si>
  <si>
    <t>BU07960106</t>
  </si>
  <si>
    <t>Vughterpoort</t>
  </si>
  <si>
    <t>2021BU07960106</t>
  </si>
  <si>
    <t>buurten.504d73a8-f259-457e-a74b-8ba34c783c7b</t>
  </si>
  <si>
    <t>PL0865010002</t>
  </si>
  <si>
    <t>PL0865010008</t>
  </si>
  <si>
    <t>Loyola e.o.</t>
  </si>
  <si>
    <t>Vijferhof, De Vughtse Hoeven, Schoonveld, Taalstraat e.o.;Deel van De Baarzen, Centrum, Molenstraat e.o.</t>
  </si>
  <si>
    <t>Afschrijfmoment cv-ketels</t>
  </si>
  <si>
    <t>Periodiek herijken om opnieuw kansen naar aardgasvrij te verkennen.</t>
  </si>
  <si>
    <t>Besparen en transitiegereed maken van gebouwen. Zo veel mogelijk overstappen op natuurlijke momenten (geplande renovaties van woningen, verbouwingen, verhuizingen). Lokaal overstappen naar gasvrije opties, anders hybride.</t>
  </si>
  <si>
    <t>Het is een wijk met huishoudens met over het algemeen hogere inkomens. In deze wijk is er onder bewoners aan de Vughterhage en Kampdijklaan interesse in verduurzaming van de woningen. Energiecooperatie VET-Vught is hierbij in een eerder stadium betrokken</t>
  </si>
  <si>
    <t>Hybride Warmtepomp (&gt;2005 Warmtepomp)</t>
  </si>
  <si>
    <t>Hybride Warmtepomp (indien mogelijk)</t>
  </si>
  <si>
    <t>BU07960201</t>
  </si>
  <si>
    <t>Het Bossche Broek</t>
  </si>
  <si>
    <t>WK079602</t>
  </si>
  <si>
    <t>2021BU07960201</t>
  </si>
  <si>
    <t>buurten.9c9c36db-94a3-4010-9163-45fb49565ee2</t>
  </si>
  <si>
    <t>Gement, Croimvort, Distelberg, Bergenshuizen, Bleijendijk, Villapark, Vughtse heide en Lunetten, verspreide huizen;Deel van Loonselaan</t>
  </si>
  <si>
    <t>Hybride Warmtepomp (indien mogelijk All-Electric)</t>
  </si>
  <si>
    <t>BU07960202</t>
  </si>
  <si>
    <t>2021BU07960202</t>
  </si>
  <si>
    <t>buurten.c0662a34-fcd0-4d7c-b78d-a5a8b5fd0897</t>
  </si>
  <si>
    <t>BU07960203</t>
  </si>
  <si>
    <t>Bazeldonk</t>
  </si>
  <si>
    <t>2021BU07960203</t>
  </si>
  <si>
    <t>buurten.24b42a89-aa72-4947-8182-84a26cde4852</t>
  </si>
  <si>
    <t>BU07960204</t>
  </si>
  <si>
    <t>Bedrijventerrein-Zuid</t>
  </si>
  <si>
    <t>2021BU07960204</t>
  </si>
  <si>
    <t>buurten.f8d1abc8-1fd2-40f6-9dad-5de98896a153</t>
  </si>
  <si>
    <t>BU07960205</t>
  </si>
  <si>
    <t>De Gestelse Buurt</t>
  </si>
  <si>
    <t>2021BU07960205</t>
  </si>
  <si>
    <t>buurten.4a1f5c13-76b1-4515-baff-7c9337283970</t>
  </si>
  <si>
    <t>BU07960206</t>
  </si>
  <si>
    <t>Pettelaarpark</t>
  </si>
  <si>
    <t>2021BU07960206</t>
  </si>
  <si>
    <t>buurten.edb96ca8-63c0-4e7d-a33b-f07753ebf116</t>
  </si>
  <si>
    <t>BU07960207</t>
  </si>
  <si>
    <t>De Meerendonk</t>
  </si>
  <si>
    <t>2021BU07960207</t>
  </si>
  <si>
    <t>buurten.5aca528f-56c2-4809-8af7-fc502b5785a8</t>
  </si>
  <si>
    <t>BU07960208</t>
  </si>
  <si>
    <t>Kloosterstraat</t>
  </si>
  <si>
    <t>2021BU07960208</t>
  </si>
  <si>
    <t>buurten.c327ed7c-17e5-47d8-952b-24c07a825627</t>
  </si>
  <si>
    <t>In deze buurten wordt er voor gekozen om op natuurlijke momenten, tussen nu en 2050, zoveel mogelijk gas te besparen met isolatie, hybride warmtepompen en lokale, gasvrije warmteopties als dat haalbaar en betaalbaar is.Binnen de gemeente liggen clusters</t>
  </si>
  <si>
    <t>Hybride Warmtepomp (nieuwbouw Warmtepomp)</t>
  </si>
  <si>
    <t>BU07960209</t>
  </si>
  <si>
    <t>De Bossche Pad</t>
  </si>
  <si>
    <t>2021BU07960209</t>
  </si>
  <si>
    <t>buurten.569010a8-00df-42f0-96a3-aee44e7eef64</t>
  </si>
  <si>
    <t>PL0796010008</t>
  </si>
  <si>
    <t>Grevelingen (Rijnstraat)</t>
  </si>
  <si>
    <t>BU07960210</t>
  </si>
  <si>
    <t>Grevelingen</t>
  </si>
  <si>
    <t>2021BU07960210</t>
  </si>
  <si>
    <t>buurten.ee2023dd-03d4-4f47-8e8d-7e5ba20f265f</t>
  </si>
  <si>
    <t>BU07960211</t>
  </si>
  <si>
    <t>Aawijk-Zuid</t>
  </si>
  <si>
    <t>2021BU07960211</t>
  </si>
  <si>
    <t>buurten.cdf11e1e-8b4e-4526-a3c8-1b3727dea5ab</t>
  </si>
  <si>
    <t>PL0796010005</t>
  </si>
  <si>
    <t>Aawijk Zuid</t>
  </si>
  <si>
    <t>BU07960212</t>
  </si>
  <si>
    <t>Bedrijvenpark De Brand</t>
  </si>
  <si>
    <t>2021BU07960212</t>
  </si>
  <si>
    <t>buurten.1ee03ed6-ee8d-423f-acac-2aa039076d80</t>
  </si>
  <si>
    <t>PL0796010003</t>
  </si>
  <si>
    <t>Hintham Zuid</t>
  </si>
  <si>
    <t>restwarmte datacenter</t>
  </si>
  <si>
    <t>restwarmte (datacenter)</t>
  </si>
  <si>
    <t>BU07960301</t>
  </si>
  <si>
    <t>De Hinthamerpoort</t>
  </si>
  <si>
    <t>WK079603</t>
  </si>
  <si>
    <t>2021BU07960301</t>
  </si>
  <si>
    <t>buurten.8126df4d-4264-4dba-9860-925eec82d46d</t>
  </si>
  <si>
    <t>BU07960302</t>
  </si>
  <si>
    <t>Graafsebuurt-Zuid</t>
  </si>
  <si>
    <t>2021BU07960302</t>
  </si>
  <si>
    <t>buurten.d1ca6c8d-a9f4-4c02-b276-e5602e72b9b8</t>
  </si>
  <si>
    <t>BU07960303</t>
  </si>
  <si>
    <t>Aawijk-Noord</t>
  </si>
  <si>
    <t>2021BU07960303</t>
  </si>
  <si>
    <t>buurten.e1923031-f69a-480f-84e5-d69f934e6b8c</t>
  </si>
  <si>
    <t>Aawijk Noord</t>
  </si>
  <si>
    <t>niet enkel aardgasvrij maken, maar ook voorbereiden op aardgasvrij in 2050</t>
  </si>
  <si>
    <t>BU07960304</t>
  </si>
  <si>
    <t>Graafsebuurt-Noord</t>
  </si>
  <si>
    <t>2021BU07960304</t>
  </si>
  <si>
    <t>buurten.cfc74293-8f0c-4a6f-a487-d215189c96f0</t>
  </si>
  <si>
    <t>PL0796010004</t>
  </si>
  <si>
    <t>BU07960305</t>
  </si>
  <si>
    <t>Hintham-Zuid</t>
  </si>
  <si>
    <t>2021BU07960305</t>
  </si>
  <si>
    <t>buurten.f161eacf-42d8-43c2-a3eb-761f08cb5129</t>
  </si>
  <si>
    <t>BU07960306</t>
  </si>
  <si>
    <t>Hintham-Noord</t>
  </si>
  <si>
    <t>2021BU07960306</t>
  </si>
  <si>
    <t>buurten.789b12c1-8b94-4687-a27c-7214e6c726d1</t>
  </si>
  <si>
    <t>BU07960401</t>
  </si>
  <si>
    <t>De Muntel</t>
  </si>
  <si>
    <t>WK079604</t>
  </si>
  <si>
    <t>2021BU07960401</t>
  </si>
  <si>
    <t>buurten.61f6aebf-1cf0-497f-ab46-50a33ffaa2d9</t>
  </si>
  <si>
    <t>BU07960402</t>
  </si>
  <si>
    <t>De Vliert</t>
  </si>
  <si>
    <t>2021BU07960402</t>
  </si>
  <si>
    <t>buurten.904ed1fa-2348-4bad-89c6-8f601be47255</t>
  </si>
  <si>
    <t>BU07960403</t>
  </si>
  <si>
    <t>Orthenpoort</t>
  </si>
  <si>
    <t>2021BU07960403</t>
  </si>
  <si>
    <t>buurten.1a71655d-aa80-4c77-866e-1023a7159abe</t>
  </si>
  <si>
    <t>BU07960501</t>
  </si>
  <si>
    <t>Maliskamp-West</t>
  </si>
  <si>
    <t>WK079605</t>
  </si>
  <si>
    <t>2021BU07960501</t>
  </si>
  <si>
    <t>buurten.39f1b8f0-fb25-4686-a968-6bdf007ed529</t>
  </si>
  <si>
    <t>BU07960502</t>
  </si>
  <si>
    <t>Maliskamp-Oost</t>
  </si>
  <si>
    <t>2021BU07960502</t>
  </si>
  <si>
    <t>buurten.f10b7dfa-1c21-44c4-8b81-1f188c44c171</t>
  </si>
  <si>
    <t>BU07960503</t>
  </si>
  <si>
    <t>Het Vinkel</t>
  </si>
  <si>
    <t>2021BU07960503</t>
  </si>
  <si>
    <t>buurten.5fe15566-24e7-47b0-8dd5-ec5b6cf1e998</t>
  </si>
  <si>
    <t>BU07960504</t>
  </si>
  <si>
    <t>2021BU07960504</t>
  </si>
  <si>
    <t>buurten.0ee77223-9ee2-4ffb-b9a0-9c48393e010a</t>
  </si>
  <si>
    <t>PL0796010007</t>
  </si>
  <si>
    <t>Sparrenburg</t>
  </si>
  <si>
    <t>BU07960505</t>
  </si>
  <si>
    <t>2021BU07960505</t>
  </si>
  <si>
    <t>buurten.72824032-d133-4ac6-ac82-cd23a1496f1b</t>
  </si>
  <si>
    <t>BU07960506</t>
  </si>
  <si>
    <t>2021BU07960506</t>
  </si>
  <si>
    <t>buurten.6665c5fd-4d13-40ca-ac01-e534ffc83b49</t>
  </si>
  <si>
    <t>BU07960507</t>
  </si>
  <si>
    <t>A2 zone Rosmalen-Zuid</t>
  </si>
  <si>
    <t>2021BU07960507</t>
  </si>
  <si>
    <t>buurten.5b5bb623-c518-4a85-a312-2a8d56068b5d</t>
  </si>
  <si>
    <t>BU07960601</t>
  </si>
  <si>
    <t>WK079606</t>
  </si>
  <si>
    <t>2021BU07960601</t>
  </si>
  <si>
    <t>buurten.ac6422e4-d429-476d-b64f-483448814239</t>
  </si>
  <si>
    <t>BU07960602</t>
  </si>
  <si>
    <t>Rosmalen-Centrum</t>
  </si>
  <si>
    <t>2021BU07960602</t>
  </si>
  <si>
    <t>buurten.ca1f2a2c-4721-42b4-b4fd-1df48aec5da1</t>
  </si>
  <si>
    <t>BU07960603</t>
  </si>
  <si>
    <t>Hondsberg</t>
  </si>
  <si>
    <t>2021BU07960603</t>
  </si>
  <si>
    <t>buurten.aea795d3-a8c6-4512-a219-cb112b95606c</t>
  </si>
  <si>
    <t>BU07960604</t>
  </si>
  <si>
    <t>Kruisstraat</t>
  </si>
  <si>
    <t>2021BU07960604</t>
  </si>
  <si>
    <t>buurten.bd18ef02-49a3-47eb-882c-730439659d30</t>
  </si>
  <si>
    <t>BU07960605</t>
  </si>
  <si>
    <t>Bedrijventerrein Kruisstraat</t>
  </si>
  <si>
    <t>2021BU07960605</t>
  </si>
  <si>
    <t>buurten.49fed35e-89ed-42bc-8b3e-aa9f845ee07c</t>
  </si>
  <si>
    <t>BU07960606</t>
  </si>
  <si>
    <t>De Overlaet-Oost</t>
  </si>
  <si>
    <t>2021BU07960606</t>
  </si>
  <si>
    <t>buurten.8b1c5e03-fcf1-47a4-b2f5-fb73fc77c93c</t>
  </si>
  <si>
    <t>BU07960607</t>
  </si>
  <si>
    <t>De Overlaet-West</t>
  </si>
  <si>
    <t>2021BU07960607</t>
  </si>
  <si>
    <t>buurten.95a1f144-55a4-4b92-8816-98f3c9936ebb</t>
  </si>
  <si>
    <t>BU07960608</t>
  </si>
  <si>
    <t>A2 zone Rosmalen-Noord</t>
  </si>
  <si>
    <t>2021BU07960608</t>
  </si>
  <si>
    <t>buurten.611365af-92a4-432d-8795-10e3439ff64a</t>
  </si>
  <si>
    <t>BU07960609</t>
  </si>
  <si>
    <t>Rosmalense Polder</t>
  </si>
  <si>
    <t>2021BU07960609</t>
  </si>
  <si>
    <t>buurten.505f5ec0-3074-41b4-b5db-f36a013bd300</t>
  </si>
  <si>
    <t>BU07960701</t>
  </si>
  <si>
    <t>Brabantpoort</t>
  </si>
  <si>
    <t>WK079607</t>
  </si>
  <si>
    <t>2021BU07960701</t>
  </si>
  <si>
    <t>buurten.b1ede981-90ab-4070-8af9-9fa125b7c577</t>
  </si>
  <si>
    <t>BU07960702</t>
  </si>
  <si>
    <t>De Groote Vliet</t>
  </si>
  <si>
    <t>2021BU07960702</t>
  </si>
  <si>
    <t>buurten.eed2aa15-a0d0-44f5-92ff-1db655354b25</t>
  </si>
  <si>
    <t>BU07960703</t>
  </si>
  <si>
    <t>Vlietdijk</t>
  </si>
  <si>
    <t>2021BU07960703</t>
  </si>
  <si>
    <t>buurten.f38b8f49-c870-4c31-85ea-55bdb31d9712</t>
  </si>
  <si>
    <t>BU07960704</t>
  </si>
  <si>
    <t>2021BU07960704</t>
  </si>
  <si>
    <t>buurten.0485a07c-a9c2-4c25-9b48-33f08adb3666</t>
  </si>
  <si>
    <t>BU07960705</t>
  </si>
  <si>
    <t>De Watertuinen</t>
  </si>
  <si>
    <t>2021BU07960705</t>
  </si>
  <si>
    <t>buurten.a4623d97-fb56-49f2-a3fd-6d294c04acd7</t>
  </si>
  <si>
    <t>BU07960706</t>
  </si>
  <si>
    <t>2021BU07960706</t>
  </si>
  <si>
    <t>buurten.5c39fd2a-ab07-4c8e-b28c-9189207327ce</t>
  </si>
  <si>
    <t>BU07960707</t>
  </si>
  <si>
    <t>2021BU07960707</t>
  </si>
  <si>
    <t>buurten.d7550812-aecb-477e-9aad-f3b068db1b61</t>
  </si>
  <si>
    <t>BU07960798</t>
  </si>
  <si>
    <t>Overig Landelijk gebied De Groote Wielen</t>
  </si>
  <si>
    <t>2021BU07960798</t>
  </si>
  <si>
    <t>buurten.da7ece12-c0f1-48af-afbe-e36639fcee18</t>
  </si>
  <si>
    <t>BU07960799</t>
  </si>
  <si>
    <t>Landelijk gebied De Groote Wielen</t>
  </si>
  <si>
    <t>2021BU07960799</t>
  </si>
  <si>
    <t>buurten.cb6adb22-4607-4510-8d8a-fd0923ccce32</t>
  </si>
  <si>
    <t>BU07960801</t>
  </si>
  <si>
    <t>Kom Empel</t>
  </si>
  <si>
    <t>WK079608</t>
  </si>
  <si>
    <t>2021BU07960801</t>
  </si>
  <si>
    <t>buurten.aea5538d-830c-415d-9fb7-cd7a8f1061e9</t>
  </si>
  <si>
    <t>BU07960802</t>
  </si>
  <si>
    <t>Maasakker</t>
  </si>
  <si>
    <t>2021BU07960802</t>
  </si>
  <si>
    <t>buurten.56c6e5e6-8f83-4826-9fec-fa1a2d2c5b09</t>
  </si>
  <si>
    <t>BU07960803</t>
  </si>
  <si>
    <t>Empel-Oost</t>
  </si>
  <si>
    <t>2021BU07960803</t>
  </si>
  <si>
    <t>buurten.2d9d6c49-efdc-4868-b100-1be173ffb1d1</t>
  </si>
  <si>
    <t>BU07960804</t>
  </si>
  <si>
    <t>De Koornwaard</t>
  </si>
  <si>
    <t>2021BU07960804</t>
  </si>
  <si>
    <t>buurten.b656def9-7bba-4129-99e0-822e0675c3eb</t>
  </si>
  <si>
    <t>BU07960901</t>
  </si>
  <si>
    <t>De Buitenpepers</t>
  </si>
  <si>
    <t>WK079609</t>
  </si>
  <si>
    <t>2021BU07960901</t>
  </si>
  <si>
    <t>buurten.0b06c754-7b80-469c-aa81-b0487e9ec84e</t>
  </si>
  <si>
    <t>PL0796010006</t>
  </si>
  <si>
    <t>BU07960902</t>
  </si>
  <si>
    <t>De Herven</t>
  </si>
  <si>
    <t>2021BU07960902</t>
  </si>
  <si>
    <t>buurten.2347b641-c791-4a57-9f33-a11804855f43</t>
  </si>
  <si>
    <t>BU07960903</t>
  </si>
  <si>
    <t>Bedrijventerrein De Herven</t>
  </si>
  <si>
    <t>2021BU07960903</t>
  </si>
  <si>
    <t>buurten.d5b090ad-b35f-4d9a-94d8-100f65d1c255</t>
  </si>
  <si>
    <t>BU07960904</t>
  </si>
  <si>
    <t>2021BU07960904</t>
  </si>
  <si>
    <t>buurten.54c8a293-131e-4bab-8bbe-cad0702e8ab1</t>
  </si>
  <si>
    <t>BU07960905</t>
  </si>
  <si>
    <t>De Haren</t>
  </si>
  <si>
    <t>2021BU07960905</t>
  </si>
  <si>
    <t>buurten.f271d511-b479-4148-a409-f651bb04a2d1</t>
  </si>
  <si>
    <t>BU07960906</t>
  </si>
  <si>
    <t>De Reit</t>
  </si>
  <si>
    <t>2021BU07960906</t>
  </si>
  <si>
    <t>buurten.38c4382c-16d4-4dd8-9cd4-1bc66402a8e5</t>
  </si>
  <si>
    <t>BU07960907</t>
  </si>
  <si>
    <t>De Donk</t>
  </si>
  <si>
    <t>2021BU07960907</t>
  </si>
  <si>
    <t>buurten.3f76394f-992d-4b17-89e3-8c03c8359f6f</t>
  </si>
  <si>
    <t>BU07960908</t>
  </si>
  <si>
    <t>De Rompert</t>
  </si>
  <si>
    <t>2021BU07960908</t>
  </si>
  <si>
    <t>buurten.7988b751-8ebd-426a-8e65-6ae4f95503b9</t>
  </si>
  <si>
    <t>BU07960909</t>
  </si>
  <si>
    <t>De Hambaken</t>
  </si>
  <si>
    <t>2021BU07960909</t>
  </si>
  <si>
    <t>buurten.e2250b1d-37de-4e87-9e1b-d32d5d5ba362</t>
  </si>
  <si>
    <t>BU07960910</t>
  </si>
  <si>
    <t>De Sprookjesbuurt</t>
  </si>
  <si>
    <t>2021BU07960910</t>
  </si>
  <si>
    <t>buurten.373ebee5-d328-4975-8f93-fa2fae491c86</t>
  </si>
  <si>
    <t>BU07960911</t>
  </si>
  <si>
    <t>De Muziekinstrumentenbuurt</t>
  </si>
  <si>
    <t>2021BU07960911</t>
  </si>
  <si>
    <t>buurten.76cb5db1-5d74-466e-ad8f-7c54bd40380b</t>
  </si>
  <si>
    <t>BU07960912</t>
  </si>
  <si>
    <t>De Edelstenenbuurt</t>
  </si>
  <si>
    <t>2021BU07960912</t>
  </si>
  <si>
    <t>buurten.d5462652-f04d-411e-bbe9-f4a257db9d3b</t>
  </si>
  <si>
    <t>BU07960913</t>
  </si>
  <si>
    <t>Orthen</t>
  </si>
  <si>
    <t>2021BU07960913</t>
  </si>
  <si>
    <t>buurten.96f1572a-1e0b-48e4-b563-1a3e28edac1f</t>
  </si>
  <si>
    <t>BU07960914</t>
  </si>
  <si>
    <t>Orthen-West</t>
  </si>
  <si>
    <t>2021BU07960914</t>
  </si>
  <si>
    <t>buurten.d9748264-d535-453c-a348-90687b9fe85e</t>
  </si>
  <si>
    <t>BU07960915</t>
  </si>
  <si>
    <t>Bedrijventerrein-Noord</t>
  </si>
  <si>
    <t>2021BU07960915</t>
  </si>
  <si>
    <t>buurten.322947ff-24dd-49dc-b8f6-564e821f1dac</t>
  </si>
  <si>
    <t>BU07961001</t>
  </si>
  <si>
    <t>De Italiaanse Buurt</t>
  </si>
  <si>
    <t>WK079610</t>
  </si>
  <si>
    <t>2021BU07961001</t>
  </si>
  <si>
    <t>buurten.61bf1dc8-8bd6-4fcd-ab0c-624afc766f7f</t>
  </si>
  <si>
    <t>BU07961002</t>
  </si>
  <si>
    <t>Maasdal</t>
  </si>
  <si>
    <t>2021BU07961002</t>
  </si>
  <si>
    <t>buurten.cf97ca27-3fb4-4670-8540-661861380797</t>
  </si>
  <si>
    <t>BU07961003</t>
  </si>
  <si>
    <t>Abdijenbuurt</t>
  </si>
  <si>
    <t>2021BU07961003</t>
  </si>
  <si>
    <t>buurten.ef7b63f4-734d-4372-9135-bc22457312dc</t>
  </si>
  <si>
    <t>BU07961004</t>
  </si>
  <si>
    <t>Lokeren</t>
  </si>
  <si>
    <t>2021BU07961004</t>
  </si>
  <si>
    <t>buurten.549eb19d-aa67-4155-9db7-30c2eb65e5f0</t>
  </si>
  <si>
    <t>BU07961005</t>
  </si>
  <si>
    <t>Maasstroom</t>
  </si>
  <si>
    <t>2021BU07961005</t>
  </si>
  <si>
    <t>buurten.ae03877a-9f96-4b9b-8332-8aaebc895e6f</t>
  </si>
  <si>
    <t>BU07961006</t>
  </si>
  <si>
    <t>De Staatsliedenbuurt</t>
  </si>
  <si>
    <t>2021BU07961006</t>
  </si>
  <si>
    <t>buurten.64809e24-017d-4679-b5dc-233f0195d8e3</t>
  </si>
  <si>
    <t>BU07961007</t>
  </si>
  <si>
    <t>Het Zilverpark</t>
  </si>
  <si>
    <t>2021BU07961007</t>
  </si>
  <si>
    <t>buurten.ddbe4316-9f85-4fcb-b8f3-64319ae793f2</t>
  </si>
  <si>
    <t>BU07961008</t>
  </si>
  <si>
    <t>Maasvallei</t>
  </si>
  <si>
    <t>2021BU07961008</t>
  </si>
  <si>
    <t>buurten.680e56f9-6ada-4066-9a5b-d33d6b183150</t>
  </si>
  <si>
    <t>BU07961009</t>
  </si>
  <si>
    <t>Maasoever</t>
  </si>
  <si>
    <t>2021BU07961009</t>
  </si>
  <si>
    <t>buurten.ee9c1aa1-6e14-439a-9abd-d1702326aa33</t>
  </si>
  <si>
    <t>BU07961010</t>
  </si>
  <si>
    <t>Bedrijventerrein Maaspoort</t>
  </si>
  <si>
    <t>2021BU07961010</t>
  </si>
  <si>
    <t>buurten.96c306e1-995e-4822-8e18-54c174a93df0</t>
  </si>
  <si>
    <t>BU07961011</t>
  </si>
  <si>
    <t>Oud Empel</t>
  </si>
  <si>
    <t>2021BU07961011</t>
  </si>
  <si>
    <t>buurten.1b9c2c83-0738-4c90-8763-4177ed93c048</t>
  </si>
  <si>
    <t>BU07961101</t>
  </si>
  <si>
    <t>Boschveld</t>
  </si>
  <si>
    <t>WK079611</t>
  </si>
  <si>
    <t>2021BU07961101</t>
  </si>
  <si>
    <t>buurten.e13aa5d9-0078-4bce-b18c-06aa3d60ac46</t>
  </si>
  <si>
    <t>BU07961102</t>
  </si>
  <si>
    <t>Paleiskwartier</t>
  </si>
  <si>
    <t>2021BU07961102</t>
  </si>
  <si>
    <t>buurten.8936dead-eff2-4694-bdb9-bed38aea5819</t>
  </si>
  <si>
    <t>BU07961103</t>
  </si>
  <si>
    <t>Willemspoort</t>
  </si>
  <si>
    <t>2021BU07961103</t>
  </si>
  <si>
    <t>buurten.30660e81-bba2-4564-beae-8c933ef512a1</t>
  </si>
  <si>
    <t>BU07961104</t>
  </si>
  <si>
    <t>Deuteren</t>
  </si>
  <si>
    <t>2021BU07961104</t>
  </si>
  <si>
    <t>buurten.d5066510-9e8a-47a5-ac9b-e97c855bb6cf</t>
  </si>
  <si>
    <t>BU07961105</t>
  </si>
  <si>
    <t>De Moerputten</t>
  </si>
  <si>
    <t>2021BU07961105</t>
  </si>
  <si>
    <t>buurten.e2d1c577-919f-4c90-b817-f02a994ebfe8</t>
  </si>
  <si>
    <t>GM0797</t>
  </si>
  <si>
    <t>DC079701</t>
  </si>
  <si>
    <t>Achtergrondrapport Transitievisie Warmte Gemeente Heusden 2021-2030 Versie 1.0</t>
  </si>
  <si>
    <t>[1] er moet duidelijkheid over de meest efficiente schaal van de warmtetransitie (lokale inzet tegenover regionale inzet); [2] er moet voldoende rekening gehouden worden met de betaalbaarheid, en; [3] er moet rekening gehouden worden met de ontwikkeling</t>
  </si>
  <si>
    <t>De gemeente wil bottom-up initiatieven in de kernen ruimte geven enburgerparticipatie behouden en versterken</t>
  </si>
  <si>
    <t>Voor 2030 is het streven in ieder geval 30% CO2-uitstootreductie in gemeentelijk uitstoot door een combinatie van het aardgasvrij maken van woningen d.m.v. de inzet van warmte-alternatieven en door het inzetten op isolatie en energiebesparing.</t>
  </si>
  <si>
    <t>https://heusden.bestuurlijkeinformatie.nl/Agenda/Index/64570882-d755-426a-b365-4a422765c4fe#3019abfb-d25a-41b8-93b1-602187614eb3</t>
  </si>
  <si>
    <t>PL0797010001</t>
  </si>
  <si>
    <t>Gebieden aanwijzen [1] voor een haalbaarheidsonderzoek voor een warmtenet, [2] met potentie voor een warmtenet, [3] waar geen potentie voor een warmtenet is en dit scherper krijgen in het proces naar een definitieve keuze voor een warmtealternatief in de</t>
  </si>
  <si>
    <t>#N/A</t>
  </si>
  <si>
    <t>Geen gedocumenteerd in de TVW 1.0</t>
  </si>
  <si>
    <t>Schaal onbekend vanuit TVW 1.0</t>
  </si>
  <si>
    <t>BU07961106</t>
  </si>
  <si>
    <t>De Schutskamp</t>
  </si>
  <si>
    <t>2021BU07961106</t>
  </si>
  <si>
    <t>buurten.d7e62174-7192-4f5e-8cc4-0e8feb2dcc2d</t>
  </si>
  <si>
    <t>BU07961107</t>
  </si>
  <si>
    <t>De Kruiskamp</t>
  </si>
  <si>
    <t>2021BU07961107</t>
  </si>
  <si>
    <t>buurten.efb759c2-1570-4912-80c5-ca941f3d7fce</t>
  </si>
  <si>
    <t>BU07961108</t>
  </si>
  <si>
    <t>De Rietvelden-Oost</t>
  </si>
  <si>
    <t>2021BU07961108</t>
  </si>
  <si>
    <t>buurten.c0477c7f-6825-4fff-adb1-c7e35b1d3362</t>
  </si>
  <si>
    <t>BU07961109</t>
  </si>
  <si>
    <t>De Rietvelden-West</t>
  </si>
  <si>
    <t>2021BU07961109</t>
  </si>
  <si>
    <t>buurten.30a9af0c-99dc-47e9-9deb-54da59bedee4</t>
  </si>
  <si>
    <t>BU07961110</t>
  </si>
  <si>
    <t>Veemarktkwartier</t>
  </si>
  <si>
    <t>2021BU07961110</t>
  </si>
  <si>
    <t>buurten.441be6ee-596e-4970-90d6-c2afb9f9b90a</t>
  </si>
  <si>
    <t>BU07961111</t>
  </si>
  <si>
    <t>Ertveld</t>
  </si>
  <si>
    <t>2021BU07961111</t>
  </si>
  <si>
    <t>buurten.3067cfbb-2e36-4e93-ac12-fb5e0edda907</t>
  </si>
  <si>
    <t>BU07961201</t>
  </si>
  <si>
    <t>Kom Engelen</t>
  </si>
  <si>
    <t>WK079612</t>
  </si>
  <si>
    <t>2021BU07961201</t>
  </si>
  <si>
    <t>buurten.91f03f1a-6be2-4ca4-8576-83dd82a242fd</t>
  </si>
  <si>
    <t>BU07961202</t>
  </si>
  <si>
    <t>De Vutter</t>
  </si>
  <si>
    <t>2021BU07961202</t>
  </si>
  <si>
    <t>buurten.2e7fba9b-b246-4165-b5c4-f69a3c1f3f81</t>
  </si>
  <si>
    <t>BU07961203</t>
  </si>
  <si>
    <t>Henriëttewaard</t>
  </si>
  <si>
    <t>2021BU07961203</t>
  </si>
  <si>
    <t>buurten.6dd02b54-71e5-4718-8d76-cbbd1fcb0b94</t>
  </si>
  <si>
    <t>BU07961204</t>
  </si>
  <si>
    <t>De Haverleij</t>
  </si>
  <si>
    <t>2021BU07961204</t>
  </si>
  <si>
    <t>buurten.5d2934e7-692b-4955-b0ed-b3f6ca44bbd6</t>
  </si>
  <si>
    <t>BU07961205</t>
  </si>
  <si>
    <t>Bokhoven</t>
  </si>
  <si>
    <t>2021BU07961205</t>
  </si>
  <si>
    <t>buurten.88f0eb39-676c-411e-a99d-cd0369f122ed</t>
  </si>
  <si>
    <t>BU07961206</t>
  </si>
  <si>
    <t>Engelermeer</t>
  </si>
  <si>
    <t>2021BU07961206</t>
  </si>
  <si>
    <t>buurten.23fea569-5033-4298-bc03-3df6cc4bad2b</t>
  </si>
  <si>
    <t>BU07961301</t>
  </si>
  <si>
    <t>Kom Nuland</t>
  </si>
  <si>
    <t>WK079613</t>
  </si>
  <si>
    <t>2021BU07961301</t>
  </si>
  <si>
    <t>buurten.527b9a1b-952a-4042-8d92-922436cb7a40</t>
  </si>
  <si>
    <t>BU07961302</t>
  </si>
  <si>
    <t>Bedrijventerrein Nuland</t>
  </si>
  <si>
    <t>2021BU07961302</t>
  </si>
  <si>
    <t>buurten.ca5ffd72-59e6-48fe-9b3e-ca009cca2e5d</t>
  </si>
  <si>
    <t>BU07961303</t>
  </si>
  <si>
    <t>De Lage Kant</t>
  </si>
  <si>
    <t>2021BU07961303</t>
  </si>
  <si>
    <t>buurten.01c0f8a2-8813-46ea-86be-599666238eb6</t>
  </si>
  <si>
    <t>BU07961304</t>
  </si>
  <si>
    <t>Heeseind</t>
  </si>
  <si>
    <t>2021BU07961304</t>
  </si>
  <si>
    <t>buurten.707005c6-3e78-4995-9611-c857a4270317</t>
  </si>
  <si>
    <t>BU07961399</t>
  </si>
  <si>
    <t>Landelijk gebied Nuland</t>
  </si>
  <si>
    <t>2021BU07961399</t>
  </si>
  <si>
    <t>buurten.ffb7a979-2fcf-4dc5-891c-d1396f116ff1</t>
  </si>
  <si>
    <t>BU07961401</t>
  </si>
  <si>
    <t>Kom Vinkel</t>
  </si>
  <si>
    <t>WK079614</t>
  </si>
  <si>
    <t>2021BU07961401</t>
  </si>
  <si>
    <t>buurten.a5ffcae6-10e7-48fa-b2be-f3ba5749b188</t>
  </si>
  <si>
    <t>BU07961402</t>
  </si>
  <si>
    <t>Vinkeloord</t>
  </si>
  <si>
    <t>2021BU07961402</t>
  </si>
  <si>
    <t>buurten.0cd1491d-ed7c-4111-837b-483344b879ba</t>
  </si>
  <si>
    <t>BU07961499</t>
  </si>
  <si>
    <t>Landelijk gebied Vinkel</t>
  </si>
  <si>
    <t>2021BU07961499</t>
  </si>
  <si>
    <t>buurten.6aed763e-b3e7-4cf9-bb2b-ddf1e97bfe1f</t>
  </si>
  <si>
    <t>GM1721</t>
  </si>
  <si>
    <t>Bernheze</t>
  </si>
  <si>
    <t>DC172101</t>
  </si>
  <si>
    <t>Uitvoeringagenda Transitievisie Warmte Gemeente Bernheze 2022 2025</t>
  </si>
  <si>
    <t>Met de TVW kunnen we stappen zetten naar het duurzaam verwarmen van de woningen enutiliteitsgebouwen in de gemeente.</t>
  </si>
  <si>
    <t>https://api1.ibabs.eu/publicdownload.aspx?site=bernheze&amp;id=100114668</t>
  </si>
  <si>
    <t>PL1721010006</t>
  </si>
  <si>
    <t>Generiek aanpak Bernheze</t>
  </si>
  <si>
    <t>Starten met een generieke collectieve aanpak. Hierbij richten we ons op het zogenaamde laaghangende fruit. Dit zal primair gaan over isoleren en de stappendie daarbij horen.</t>
  </si>
  <si>
    <t>BU07970101</t>
  </si>
  <si>
    <t>Braken-West</t>
  </si>
  <si>
    <t>WK079701</t>
  </si>
  <si>
    <t>2021BU07970101</t>
  </si>
  <si>
    <t>buurten.88f75c09-ce19-42d4-832b-3b80b773c2cd</t>
  </si>
  <si>
    <t>BU07970102</t>
  </si>
  <si>
    <t>Braken-Oost</t>
  </si>
  <si>
    <t>2021BU07970102</t>
  </si>
  <si>
    <t>buurten.f7ebb870-9373-4084-a5e7-790761eecccb</t>
  </si>
  <si>
    <t>BU07970103</t>
  </si>
  <si>
    <t>Centrum Drunen</t>
  </si>
  <si>
    <t>2021BU07970103</t>
  </si>
  <si>
    <t>buurten.496371f5-7be4-4823-8902-6917c7c6524d</t>
  </si>
  <si>
    <t>BU07970104</t>
  </si>
  <si>
    <t>Venne-West</t>
  </si>
  <si>
    <t>2021BU07970104</t>
  </si>
  <si>
    <t>buurten.d40dcd4b-33b6-4a1b-a09e-e75b7dadead5</t>
  </si>
  <si>
    <t>Spoor C: onderzoek naar kansen warmtenetten</t>
  </si>
  <si>
    <t>BU07970105</t>
  </si>
  <si>
    <t>Venne-Oost</t>
  </si>
  <si>
    <t>2021BU07970105</t>
  </si>
  <si>
    <t>buurten.06bb8857-feea-48ac-b7ad-c3dd7846df8f</t>
  </si>
  <si>
    <t>Zone 4: Noordoostzijde</t>
  </si>
  <si>
    <t>BU07970200</t>
  </si>
  <si>
    <t>Elshout</t>
  </si>
  <si>
    <t>WK079702</t>
  </si>
  <si>
    <t>2021BU07970200</t>
  </si>
  <si>
    <t>buurten.b4045bf7-913e-418c-a0fa-0dc43ebcdbec</t>
  </si>
  <si>
    <t>BU07970300</t>
  </si>
  <si>
    <t>Haarsteeg</t>
  </si>
  <si>
    <t>WK079703</t>
  </si>
  <si>
    <t>2021BU07970300</t>
  </si>
  <si>
    <t>buurten.7d5915fc-4d1f-4f3b-ae1c-35a504c9c417</t>
  </si>
  <si>
    <t>BU07970400</t>
  </si>
  <si>
    <t>Nieuwkuijk</t>
  </si>
  <si>
    <t>WK079704</t>
  </si>
  <si>
    <t>2021BU07970400</t>
  </si>
  <si>
    <t>buurten.29f76975-3e5d-4b48-92ce-5b73d6bddcbc</t>
  </si>
  <si>
    <t>BU07970501</t>
  </si>
  <si>
    <t>Vijfhoeven</t>
  </si>
  <si>
    <t>WK079705</t>
  </si>
  <si>
    <t>2021BU07970501</t>
  </si>
  <si>
    <t>buurten.d2174464-3330-4ff8-b19e-1cacc370da2a</t>
  </si>
  <si>
    <t>BU07970502</t>
  </si>
  <si>
    <t>Vlijmen-Dorp</t>
  </si>
  <si>
    <t>2021BU07970502</t>
  </si>
  <si>
    <t>buurten.07636dee-6c3b-4ca2-bd5a-dcdec626d3f6</t>
  </si>
  <si>
    <t>BU07970503</t>
  </si>
  <si>
    <t>Vliedberg</t>
  </si>
  <si>
    <t>2021BU07970503</t>
  </si>
  <si>
    <t>buurten.752cd1c5-7fb3-44d9-beb5-74d8e478383b</t>
  </si>
  <si>
    <t>BU07970600</t>
  </si>
  <si>
    <t>Doeveren</t>
  </si>
  <si>
    <t>WK079706</t>
  </si>
  <si>
    <t>2021BU07970600</t>
  </si>
  <si>
    <t>buurten.196d2ae4-edbc-4e44-a06d-5213f051bba9</t>
  </si>
  <si>
    <t>BU07970700</t>
  </si>
  <si>
    <t>Hedikhuizen</t>
  </si>
  <si>
    <t>WK079707</t>
  </si>
  <si>
    <t>2021BU07970700</t>
  </si>
  <si>
    <t>buurten.926804f0-12a9-4cb7-8c3a-6a35e8ce336a</t>
  </si>
  <si>
    <t>BU07970800</t>
  </si>
  <si>
    <t>Heesbeen</t>
  </si>
  <si>
    <t>WK079708</t>
  </si>
  <si>
    <t>2021BU07970800</t>
  </si>
  <si>
    <t>buurten.f641457f-2c2d-40af-bfac-1476237d4ab0</t>
  </si>
  <si>
    <t>BU07970900</t>
  </si>
  <si>
    <t>Herpt</t>
  </si>
  <si>
    <t>WK079709</t>
  </si>
  <si>
    <t>2021BU07970900</t>
  </si>
  <si>
    <t>buurten.3891407a-05f4-4fe5-8168-ea919b22f8a1</t>
  </si>
  <si>
    <t>BU07971000</t>
  </si>
  <si>
    <t>WK079710</t>
  </si>
  <si>
    <t>2021BU07971000</t>
  </si>
  <si>
    <t>buurten.c36d202d-a223-406a-8b31-ba2cb34dab78</t>
  </si>
  <si>
    <t>BU07971100</t>
  </si>
  <si>
    <t>Oudheusden</t>
  </si>
  <si>
    <t>WK079711</t>
  </si>
  <si>
    <t>2021BU07971100</t>
  </si>
  <si>
    <t>buurten.2e8165e7-2b04-44b5-b915-e09157e632d9</t>
  </si>
  <si>
    <t>BU07980000</t>
  </si>
  <si>
    <t>Hilvarenbeek</t>
  </si>
  <si>
    <t>WK079800</t>
  </si>
  <si>
    <t>GM0798</t>
  </si>
  <si>
    <t>2021BU07980000</t>
  </si>
  <si>
    <t>buurten.7cb01c05-1f3f-4aab-a67a-8e4876a3f505</t>
  </si>
  <si>
    <t>DC079801</t>
  </si>
  <si>
    <t>Transitievisie Warmte Gemeente Hilvarenbeek 2022</t>
  </si>
  <si>
    <t>Inzicht in concrete keuzes en bijbehorende kosten</t>
  </si>
  <si>
    <t>Tot 2030 zoveel aardgas te reduceren als 1.300 woningen gebruiken (20% op het huidige aardgasgebruik). Voor 2030 geen wijken of buurten van het aardgas afhalen.</t>
  </si>
  <si>
    <t>PL0798010001</t>
  </si>
  <si>
    <t>PL0798010007</t>
  </si>
  <si>
    <t>Elsakkers</t>
  </si>
  <si>
    <t>Focusgebied, in gesprek met buurten bekeken hoe kansrijk een collectieve aanpak daadwerkelijk is</t>
  </si>
  <si>
    <t>Collectieve aanpak opstellen</t>
  </si>
  <si>
    <t>Stimuleren energiebesparen en isoleren</t>
  </si>
  <si>
    <t>BU07980009</t>
  </si>
  <si>
    <t>Verspreide huizen Hilvarenbeek</t>
  </si>
  <si>
    <t>2021BU07980009</t>
  </si>
  <si>
    <t>buurten.f0e4c49e-921a-4fd0-8077-a32bf1bbeebb</t>
  </si>
  <si>
    <t>PL0855010005</t>
  </si>
  <si>
    <t>BU07980100</t>
  </si>
  <si>
    <t>Esbeek</t>
  </si>
  <si>
    <t>WK079801</t>
  </si>
  <si>
    <t>2021BU07980100</t>
  </si>
  <si>
    <t>buurten.e2be0e47-6dce-42e9-a3f5-64bd48f4770e</t>
  </si>
  <si>
    <t>PL0798010004</t>
  </si>
  <si>
    <t>Gemeente brede aanpak</t>
  </si>
  <si>
    <t>BU07980109</t>
  </si>
  <si>
    <t>Verspreide huizen Esbeek</t>
  </si>
  <si>
    <t>2021BU07980109</t>
  </si>
  <si>
    <t>buurten.c8002228-610c-4d74-b814-1996870ae239</t>
  </si>
  <si>
    <t>GM1667</t>
  </si>
  <si>
    <t>Reusel-De Mierden</t>
  </si>
  <si>
    <t>aardgasvrij in 2050, voor 2030 ongeveer 20% aardgasvrij</t>
  </si>
  <si>
    <t>DC166701</t>
  </si>
  <si>
    <t>Hoe gaan we Reusel-De Mierden duurzaam verwarmen</t>
  </si>
  <si>
    <t>Generieke aanpak voor het isoleren en aardgasloos maken van alle woningen en bedrijven, vooralsnog niet aan de slag met een wijkgerichte aanpak</t>
  </si>
  <si>
    <t>In 2050 alle woningen en gebouwen aardgasvrij hebben, voor 2030 ongeveer 20% hiervan aardgasvrij maken</t>
  </si>
  <si>
    <t>https://storymaps.arcgis.com/stories/9585ebacd0a4430fa307de47c88074b2</t>
  </si>
  <si>
    <t>PL1667010003</t>
  </si>
  <si>
    <t>Generieke aanpak</t>
  </si>
  <si>
    <t>collectieve informatievoorziening en ontzorging van bewoners in wijken met eenduidige bebouwing</t>
  </si>
  <si>
    <t>BU07980200</t>
  </si>
  <si>
    <t>Biest-Houtakker</t>
  </si>
  <si>
    <t>WK079802</t>
  </si>
  <si>
    <t>2021BU07980200</t>
  </si>
  <si>
    <t>buurten.e8d51860-adc5-42a9-9356-adb9bf4f6623</t>
  </si>
  <si>
    <t>PL0798010005</t>
  </si>
  <si>
    <t>Biest Houtakker (West)</t>
  </si>
  <si>
    <t>BU07980209</t>
  </si>
  <si>
    <t>Verspreide huizen Biest-Houtakker</t>
  </si>
  <si>
    <t>2021BU07980209</t>
  </si>
  <si>
    <t>buurten.11e57627-0cf2-4b7d-b3df-6eec8315e0e6</t>
  </si>
  <si>
    <t>BU07980300</t>
  </si>
  <si>
    <t>Diessen</t>
  </si>
  <si>
    <t>WK079803</t>
  </si>
  <si>
    <t>2021BU07980300</t>
  </si>
  <si>
    <t>buurten.d31c51a9-6315-4356-b56a-c4e3f3b29967</t>
  </si>
  <si>
    <t>PL0798010002</t>
  </si>
  <si>
    <t>Diessen West</t>
  </si>
  <si>
    <t>BU07980301</t>
  </si>
  <si>
    <t>Baarschot</t>
  </si>
  <si>
    <t>2021BU07980301</t>
  </si>
  <si>
    <t>buurten.b7733a69-60bc-421b-bbbe-936cfbb41ccb</t>
  </si>
  <si>
    <t>BU07980309</t>
  </si>
  <si>
    <t>Verspreide huizen Baarschot</t>
  </si>
  <si>
    <t>2021BU07980309</t>
  </si>
  <si>
    <t>buurten.1c8ddc53-920f-4a1e-8cea-4179aa53e867</t>
  </si>
  <si>
    <t>BU07980400</t>
  </si>
  <si>
    <t>Haghorst</t>
  </si>
  <si>
    <t>WK079804</t>
  </si>
  <si>
    <t>2021BU07980400</t>
  </si>
  <si>
    <t>buurten.0699e4ef-e1d1-4433-9d2b-d833487fe642</t>
  </si>
  <si>
    <t>PL0798010006</t>
  </si>
  <si>
    <t>BU07980409</t>
  </si>
  <si>
    <t>Verspreide huizen Haghorst</t>
  </si>
  <si>
    <t>2021BU07980409</t>
  </si>
  <si>
    <t>buurten.18e61713-d6f6-45fd-aa19-3fca9d31d7f5</t>
  </si>
  <si>
    <t>BU08091001</t>
  </si>
  <si>
    <t>Draaiboom</t>
  </si>
  <si>
    <t>WK080910</t>
  </si>
  <si>
    <t>GM0809</t>
  </si>
  <si>
    <t>Loon op Zand</t>
  </si>
  <si>
    <t>2021BU08091001</t>
  </si>
  <si>
    <t>buurten.aff66241-0a4b-4e7b-9740-d2ca16eb51bf</t>
  </si>
  <si>
    <t>BU08091005</t>
  </si>
  <si>
    <t>Hil (noord)</t>
  </si>
  <si>
    <t>2021BU08091005</t>
  </si>
  <si>
    <t>buurten.c06c9541-33ba-4cd3-aee8-1f3b4d80bd78</t>
  </si>
  <si>
    <t>BU08091006</t>
  </si>
  <si>
    <t>Hil (zuid)</t>
  </si>
  <si>
    <t>2021BU08091006</t>
  </si>
  <si>
    <t>buurten.a66c2ff6-5344-4d25-87dc-50073c870b81</t>
  </si>
  <si>
    <t>BU08091010</t>
  </si>
  <si>
    <t>Pannenhoef (west)</t>
  </si>
  <si>
    <t>2021BU08091010</t>
  </si>
  <si>
    <t>buurten.28299e9a-6b6d-4f61-9436-f694d55d8caf</t>
  </si>
  <si>
    <t>BU08091011</t>
  </si>
  <si>
    <t>Pannenhoef (oost)</t>
  </si>
  <si>
    <t>2021BU08091011</t>
  </si>
  <si>
    <t>buurten.f96ba796-339c-4084-9f9f-7b3e646b8eff</t>
  </si>
  <si>
    <t>BU08091015</t>
  </si>
  <si>
    <t>2021BU08091015</t>
  </si>
  <si>
    <t>buurten.4b4c7987-1704-4138-9ffa-73d186f39d50</t>
  </si>
  <si>
    <t>BU08091020</t>
  </si>
  <si>
    <t>2021BU08091020</t>
  </si>
  <si>
    <t>buurten.6f70d7cc-186c-4f21-b15c-88c7ea82bf63</t>
  </si>
  <si>
    <t>BU08091021</t>
  </si>
  <si>
    <t>2021BU08091021</t>
  </si>
  <si>
    <t>buurten.a97d7428-498a-4f71-9048-bc1464583d53</t>
  </si>
  <si>
    <t>BU08091025</t>
  </si>
  <si>
    <t>2021BU08091025</t>
  </si>
  <si>
    <t>buurten.29c25621-540a-408e-9484-d59df4d1a962</t>
  </si>
  <si>
    <t>BU08091030</t>
  </si>
  <si>
    <t>Vossenberg (west)</t>
  </si>
  <si>
    <t>2021BU08091030</t>
  </si>
  <si>
    <t>buurten.b4ef5c6c-3dfe-4180-8fb6-e8dd27e4730e</t>
  </si>
  <si>
    <t>BU08091031</t>
  </si>
  <si>
    <t>Vossenberg (oost)</t>
  </si>
  <si>
    <t>2021BU08091031</t>
  </si>
  <si>
    <t>buurten.e0362da3-b96d-4793-8259-9ad7a847f8c8</t>
  </si>
  <si>
    <t>BU08091035</t>
  </si>
  <si>
    <t>De Kets (industrieterrein)</t>
  </si>
  <si>
    <t>2021BU08091035</t>
  </si>
  <si>
    <t>buurten.2e8030a9-bffc-4b26-83fd-d6a01f2636a5</t>
  </si>
  <si>
    <t>PL0867010001</t>
  </si>
  <si>
    <t>Isoleren focusbuurten</t>
  </si>
  <si>
    <t>aantrekkelijke financiering aanbieden</t>
  </si>
  <si>
    <t>BU08091040</t>
  </si>
  <si>
    <t>De Zandschel</t>
  </si>
  <si>
    <t>2021BU08091040</t>
  </si>
  <si>
    <t>buurten.7188f1b4-32ef-4176-9c26-cd2d44cd52e6</t>
  </si>
  <si>
    <t>Spoor A: gemeentebrede aanpak voor stimulering inwonersiniatief</t>
  </si>
  <si>
    <t>huizen hebben energielabel C-G</t>
  </si>
  <si>
    <t>isoleren naar label B en aardgasvrij-ready maken</t>
  </si>
  <si>
    <t>BU08091041</t>
  </si>
  <si>
    <t>2021BU08091041</t>
  </si>
  <si>
    <t>buurten.74fa1d1f-bf5a-443c-b763-51e109d68e5e</t>
  </si>
  <si>
    <t>BU08092045</t>
  </si>
  <si>
    <t>Heikant</t>
  </si>
  <si>
    <t>WK080920</t>
  </si>
  <si>
    <t>2021BU08092045</t>
  </si>
  <si>
    <t>buurten.d5ce13ea-c696-4e6e-8c20-e7bdd75ff9bb</t>
  </si>
  <si>
    <t>BU08092048</t>
  </si>
  <si>
    <t>Els (west)</t>
  </si>
  <si>
    <t>2021BU08092048</t>
  </si>
  <si>
    <t>buurten.7cc4af80-ee90-45fe-8e47-6dac4eddbb1d</t>
  </si>
  <si>
    <t>BU08092049</t>
  </si>
  <si>
    <t>Els (oost)</t>
  </si>
  <si>
    <t>2021BU08092049</t>
  </si>
  <si>
    <t>buurten.616cfc2f-19fb-4e82-8042-bb4e1b34dc0d</t>
  </si>
  <si>
    <t>BU08092052</t>
  </si>
  <si>
    <t>Rooi Dorp</t>
  </si>
  <si>
    <t>2021BU08092052</t>
  </si>
  <si>
    <t>buurten.bfe97390-c5c7-4d94-8638-941e2b166c62</t>
  </si>
  <si>
    <t>BU08092055</t>
  </si>
  <si>
    <t>Loonse Vaart</t>
  </si>
  <si>
    <t>2021BU08092055</t>
  </si>
  <si>
    <t>buurten.416d68fc-ada4-489e-9af4-2299690faa5c</t>
  </si>
  <si>
    <t>BU08092058</t>
  </si>
  <si>
    <t>De Oude Omdraaier</t>
  </si>
  <si>
    <t>2021BU08092058</t>
  </si>
  <si>
    <t>buurten.eeb80b8b-2b01-4760-9fce-a694d47f5a43</t>
  </si>
  <si>
    <t>BU08092061</t>
  </si>
  <si>
    <t>2021BU08092061</t>
  </si>
  <si>
    <t>buurten.ab007846-26d5-4bcf-90f3-8b5841dd69a7</t>
  </si>
  <si>
    <t>BU08092063</t>
  </si>
  <si>
    <t>Het Hoekske</t>
  </si>
  <si>
    <t>2021BU08092063</t>
  </si>
  <si>
    <t>buurten.40f91a15-84fc-4439-ba68-61ea356f04bc</t>
  </si>
  <si>
    <t>BU08092066</t>
  </si>
  <si>
    <t>De Klinkenpolder</t>
  </si>
  <si>
    <t>2021BU08092066</t>
  </si>
  <si>
    <t>buurten.fa9f6549-14c2-4f4d-82b5-3541f1d9b5ef</t>
  </si>
  <si>
    <t>BU08093070</t>
  </si>
  <si>
    <t>Oud-Loon</t>
  </si>
  <si>
    <t>WK080930</t>
  </si>
  <si>
    <t>2021BU08093070</t>
  </si>
  <si>
    <t>buurten.fc08bb2a-c683-4f75-abb3-eac8340678e0</t>
  </si>
  <si>
    <t>BU08093071</t>
  </si>
  <si>
    <t>Mussenhoek</t>
  </si>
  <si>
    <t>2021BU08093071</t>
  </si>
  <si>
    <t>buurten.9fc1335b-cfeb-4895-b0e5-39189fb66717</t>
  </si>
  <si>
    <t>BU08093080</t>
  </si>
  <si>
    <t>Molenwijk (noord)</t>
  </si>
  <si>
    <t>2021BU08093080</t>
  </si>
  <si>
    <t>buurten.9e0db040-d9d4-4b93-a520-e53aa075752b</t>
  </si>
  <si>
    <t>BU08093081</t>
  </si>
  <si>
    <t>Molenwijk (zuid)</t>
  </si>
  <si>
    <t>2021BU08093081</t>
  </si>
  <si>
    <t>buurten.f0fe0ec1-37d3-40db-b82c-239c948a8ba4</t>
  </si>
  <si>
    <t>BU08093085</t>
  </si>
  <si>
    <t>De Hoogt (Industrieterrein)</t>
  </si>
  <si>
    <t>2021BU08093085</t>
  </si>
  <si>
    <t>buurten.1995038e-c8e4-4569-affa-c17e9d493f9b</t>
  </si>
  <si>
    <t>BU08093090</t>
  </si>
  <si>
    <t>Bergeind</t>
  </si>
  <si>
    <t>2021BU08093090</t>
  </si>
  <si>
    <t>buurten.dbfe7e16-a67e-4fe1-8f10-a6e8edafa8d6</t>
  </si>
  <si>
    <t>BU08093091</t>
  </si>
  <si>
    <t>Oost-Loon</t>
  </si>
  <si>
    <t>2021BU08093091</t>
  </si>
  <si>
    <t>buurten.87864417-30a2-416e-999f-0468f07ada2a</t>
  </si>
  <si>
    <t>BU08093092</t>
  </si>
  <si>
    <t>De Plakken</t>
  </si>
  <si>
    <t>2021BU08093092</t>
  </si>
  <si>
    <t>buurten.63442419-6ca2-4467-bb3a-fbfc9ebaeef7</t>
  </si>
  <si>
    <t>BU08094095</t>
  </si>
  <si>
    <t>De Moer</t>
  </si>
  <si>
    <t>WK080940</t>
  </si>
  <si>
    <t>2021BU08094095</t>
  </si>
  <si>
    <t>buurten.abe2eaa0-0a28-417c-be40-ce32c8ec390a</t>
  </si>
  <si>
    <t>BU08150921</t>
  </si>
  <si>
    <t>Mill-Centrum</t>
  </si>
  <si>
    <t>WK081509</t>
  </si>
  <si>
    <t>2021BU08150921</t>
  </si>
  <si>
    <t>buurten.83abc733-97d6-454f-85d9-0430f8ddb4fe</t>
  </si>
  <si>
    <t>BU08150922</t>
  </si>
  <si>
    <t>Mill-West</t>
  </si>
  <si>
    <t>2021BU08150922</t>
  </si>
  <si>
    <t>buurten.196d9222-3e8c-470d-b68d-901f00e92300</t>
  </si>
  <si>
    <t>BU08150923</t>
  </si>
  <si>
    <t>Brugse Berg</t>
  </si>
  <si>
    <t>2021BU08150923</t>
  </si>
  <si>
    <t>buurten.77609be0-69c4-4407-b164-7cb8d66feb99</t>
  </si>
  <si>
    <t>BU08150924</t>
  </si>
  <si>
    <t>Mill-Zuid</t>
  </si>
  <si>
    <t>2021BU08150924</t>
  </si>
  <si>
    <t>buurten.6c3d906c-4f69-42d3-bda8-e7197d6e9ccb</t>
  </si>
  <si>
    <t>BU08150925</t>
  </si>
  <si>
    <t>Bedrijventerrein Het Spoor</t>
  </si>
  <si>
    <t>2021BU08150925</t>
  </si>
  <si>
    <t>buurten.d9265bdb-6b95-4e92-b89e-1fb5eae9a6e5</t>
  </si>
  <si>
    <t>BU08150926</t>
  </si>
  <si>
    <t>Bedrijventerrein De Meeren</t>
  </si>
  <si>
    <t>2021BU08150926</t>
  </si>
  <si>
    <t>buurten.7a36f5a7-e71d-4534-8a9f-e8847631c149</t>
  </si>
  <si>
    <t>BU08150927</t>
  </si>
  <si>
    <t>Verspreide huizen Groespeel</t>
  </si>
  <si>
    <t>2021BU08150927</t>
  </si>
  <si>
    <t>buurten.25a1b71b-c11f-410c-98db-3ce187e9b072</t>
  </si>
  <si>
    <t>BU08150928</t>
  </si>
  <si>
    <t>Verspreide huizen Achterdijk-Roijendijk</t>
  </si>
  <si>
    <t>2021BU08150928</t>
  </si>
  <si>
    <t>buurten.670abf4f-d2ac-4992-9c24-557a3f78cb70</t>
  </si>
  <si>
    <t>BU08150929</t>
  </si>
  <si>
    <t>Verspreide huizen Meren-De Gagel</t>
  </si>
  <si>
    <t>2021BU08150929</t>
  </si>
  <si>
    <t>buurten.832c134f-f3d6-472e-8dce-d4e164a73e26</t>
  </si>
  <si>
    <t>BU08151032</t>
  </si>
  <si>
    <t>Sint Hubert</t>
  </si>
  <si>
    <t>WK081510</t>
  </si>
  <si>
    <t>2021BU08151032</t>
  </si>
  <si>
    <t>buurten.0adbadab-1807-42cd-9bdf-94b90a73d178</t>
  </si>
  <si>
    <t>BU08151033</t>
  </si>
  <si>
    <t>Verspreide huizen Sint Hubert</t>
  </si>
  <si>
    <t>2021BU08151033</t>
  </si>
  <si>
    <t>buurten.f7de0e70-5e04-496d-a0bd-fd1bafc33e4b</t>
  </si>
  <si>
    <t>BU08151234</t>
  </si>
  <si>
    <t>Wilbertoord</t>
  </si>
  <si>
    <t>WK081512</t>
  </si>
  <si>
    <t>2021BU08151234</t>
  </si>
  <si>
    <t>buurten.f3e18cdb-05d6-4374-af86-8972e19df810</t>
  </si>
  <si>
    <t>BU08151235</t>
  </si>
  <si>
    <t>Verspreide huizen Wilbertoord</t>
  </si>
  <si>
    <t>2021BU08151235</t>
  </si>
  <si>
    <t>buurten.9f060ef7-d5af-4d42-afba-eff0c04756dc</t>
  </si>
  <si>
    <t>BU08151530</t>
  </si>
  <si>
    <t>Langenboom</t>
  </si>
  <si>
    <t>WK081515</t>
  </si>
  <si>
    <t>2021BU08151530</t>
  </si>
  <si>
    <t>buurten.95f4edc4-beef-4dab-bb16-350a97803172</t>
  </si>
  <si>
    <t>BU08151531</t>
  </si>
  <si>
    <t>Verspreide huizen Langenboom</t>
  </si>
  <si>
    <t>2021BU08151531</t>
  </si>
  <si>
    <t>buurten.c30e672b-d805-4cae-b094-729ac8462a5d</t>
  </si>
  <si>
    <t>BU08200000</t>
  </si>
  <si>
    <t>Nuenen-Noord</t>
  </si>
  <si>
    <t>WK082000</t>
  </si>
  <si>
    <t>2021BU08200000</t>
  </si>
  <si>
    <t>buurten.b7b7750a-d254-4475-b9a3-f9d5780ba3bd</t>
  </si>
  <si>
    <t>PL0820010001</t>
  </si>
  <si>
    <t>Nuenen-Oost</t>
  </si>
  <si>
    <t>Bereidheid inwoners/ondernemers</t>
  </si>
  <si>
    <t>Samen met inwoners</t>
  </si>
  <si>
    <t>BU08200001</t>
  </si>
  <si>
    <t>Nuenen-Zuid</t>
  </si>
  <si>
    <t>2021BU08200001</t>
  </si>
  <si>
    <t>buurten.342263da-1d84-4b78-8214-44720ccce1aa</t>
  </si>
  <si>
    <t>BU08200002</t>
  </si>
  <si>
    <t>2021BU08200002</t>
  </si>
  <si>
    <t>buurten.d71a78d0-3914-42df-b136-ca9590c4242a</t>
  </si>
  <si>
    <t>BU08200003</t>
  </si>
  <si>
    <t>Eeneind</t>
  </si>
  <si>
    <t>2021BU08200003</t>
  </si>
  <si>
    <t>buurten.8673d8c8-f65f-4d92-a18f-e60cc025f046</t>
  </si>
  <si>
    <t>BU08200008</t>
  </si>
  <si>
    <t>Verspreide huizen Boord, Opwetten</t>
  </si>
  <si>
    <t>2021BU08200008</t>
  </si>
  <si>
    <t>buurten.ca8d8d8a-16ee-4919-a5a6-32362efe916c</t>
  </si>
  <si>
    <t>Nuenen Zuid</t>
  </si>
  <si>
    <t>Participatie/communicatietraject</t>
  </si>
  <si>
    <t>BU08200009</t>
  </si>
  <si>
    <t>Verspreide huizen ten zuidoosten van Nuenen</t>
  </si>
  <si>
    <t>2021BU08200009</t>
  </si>
  <si>
    <t>buurten.ad0517fa-9b77-45ba-b76b-ad73056d481d</t>
  </si>
  <si>
    <t>BU08200100</t>
  </si>
  <si>
    <t>WK082001</t>
  </si>
  <si>
    <t>2021BU08200100</t>
  </si>
  <si>
    <t>buurten.d922b2a1-8d1c-44cb-90a1-5281962da884</t>
  </si>
  <si>
    <t>BU08200109</t>
  </si>
  <si>
    <t>Verspreide huizen Gerwen</t>
  </si>
  <si>
    <t>2021BU08200109</t>
  </si>
  <si>
    <t>buurten.f99d38d2-09e8-4d70-9c14-767b2cb13863</t>
  </si>
  <si>
    <t>Nuenen Noord</t>
  </si>
  <si>
    <t>BU08200200</t>
  </si>
  <si>
    <t>Nederwetten</t>
  </si>
  <si>
    <t>WK082002</t>
  </si>
  <si>
    <t>2021BU08200200</t>
  </si>
  <si>
    <t>buurten.e059eb8d-503e-4ac5-86b4-b90e5feb3400</t>
  </si>
  <si>
    <t>BU08200209</t>
  </si>
  <si>
    <t>Verspreide huizen Nederwetten</t>
  </si>
  <si>
    <t>2021BU08200209</t>
  </si>
  <si>
    <t>buurten.9a047247-fdf2-4974-b577-b5e9999e9208</t>
  </si>
  <si>
    <t>BU08230000</t>
  </si>
  <si>
    <t>Oirschot-Centrum</t>
  </si>
  <si>
    <t>WK082300</t>
  </si>
  <si>
    <t>2021BU08230000</t>
  </si>
  <si>
    <t>buurten.13c9507c-71e2-45c8-8f14-896508c70f04</t>
  </si>
  <si>
    <t>PL0823010003</t>
  </si>
  <si>
    <t>PL0823010006</t>
  </si>
  <si>
    <t>Oirschot en de Notel</t>
  </si>
  <si>
    <t>Genoeg afname voor een economisch haalbaar systeem</t>
  </si>
  <si>
    <t>TEO</t>
  </si>
  <si>
    <t>BU08230001</t>
  </si>
  <si>
    <t>Oirschot Noordoost</t>
  </si>
  <si>
    <t>2021BU08230001</t>
  </si>
  <si>
    <t>buurten.f9d61091-8f65-425a-8a65-30c9f5744c03</t>
  </si>
  <si>
    <t>BU08230002</t>
  </si>
  <si>
    <t>De Notel</t>
  </si>
  <si>
    <t>2021BU08230002</t>
  </si>
  <si>
    <t>buurten.2abc9afe-cd3f-4790-8de6-6e6b1ec5478c</t>
  </si>
  <si>
    <t>BU08230003</t>
  </si>
  <si>
    <t>Industrieterrein De Stad</t>
  </si>
  <si>
    <t>2021BU08230003</t>
  </si>
  <si>
    <t>buurten.a08d0b8e-3263-4088-af00-3cfd0d187e2e</t>
  </si>
  <si>
    <t>BU08230004</t>
  </si>
  <si>
    <t>Snepseind en Bijsterveld</t>
  </si>
  <si>
    <t>2021BU08230004</t>
  </si>
  <si>
    <t>buurten.0b709eb1-1149-4fb7-9a65-ab5499124b48</t>
  </si>
  <si>
    <t>BU08230005</t>
  </si>
  <si>
    <t>Straten met Moleneind</t>
  </si>
  <si>
    <t>2021BU08230005</t>
  </si>
  <si>
    <t>buurten.222140c1-4b9c-440f-9831-98dbcc2d2f08</t>
  </si>
  <si>
    <t>BU08230008</t>
  </si>
  <si>
    <t>Verspreide huizen Zuid-Oirschotse Heide</t>
  </si>
  <si>
    <t>2021BU08230008</t>
  </si>
  <si>
    <t>buurten.5d5d539b-7e5f-4823-8367-5dddfd06ba5c</t>
  </si>
  <si>
    <t>PL0823010008</t>
  </si>
  <si>
    <t>WKO, aquathermie</t>
  </si>
  <si>
    <t>BU08230009</t>
  </si>
  <si>
    <t>Verspreide huizen Noord en De Mortelen</t>
  </si>
  <si>
    <t>2021BU08230009</t>
  </si>
  <si>
    <t>buurten.334184fc-6df3-471e-ad6f-7c71d8d62215</t>
  </si>
  <si>
    <t>BU08230100</t>
  </si>
  <si>
    <t>Spoordonk</t>
  </si>
  <si>
    <t>WK082301</t>
  </si>
  <si>
    <t>2021BU08230100</t>
  </si>
  <si>
    <t>buurten.41d78bcc-de92-41fd-b4ab-44f71b4b5208</t>
  </si>
  <si>
    <t>PL0823010002</t>
  </si>
  <si>
    <t>Aardwarmte, TEO</t>
  </si>
  <si>
    <t>bodemenergie en aquathermie (TEO)</t>
  </si>
  <si>
    <t>BU08230109</t>
  </si>
  <si>
    <t>Verspreide huizen Spoordonk</t>
  </si>
  <si>
    <t>2021BU08230109</t>
  </si>
  <si>
    <t>buurten.a674cd78-4cc8-4f10-bca7-710698b39855</t>
  </si>
  <si>
    <t>BU08230200</t>
  </si>
  <si>
    <t>Middelbeers</t>
  </si>
  <si>
    <t>WK082302</t>
  </si>
  <si>
    <t>2021BU08230200</t>
  </si>
  <si>
    <t>buurten.21caad20-0d87-4c82-a448-f8db84b1699a</t>
  </si>
  <si>
    <t>PL0823010001</t>
  </si>
  <si>
    <t>Middelbeers en Oostelbeers</t>
  </si>
  <si>
    <t>Geothermie, TEO, WKO</t>
  </si>
  <si>
    <t>geothermie en/of aquathermie (TEO) en/of WKO</t>
  </si>
  <si>
    <t>BU08230208</t>
  </si>
  <si>
    <t>Verspreide huizen Westelbeers</t>
  </si>
  <si>
    <t>2021BU08230208</t>
  </si>
  <si>
    <t>buurten.c9f67c9d-f85c-4c5a-b4b7-81f36f9b5bcc</t>
  </si>
  <si>
    <t>BU08230209</t>
  </si>
  <si>
    <t>Verspreide huizen Middelbeers</t>
  </si>
  <si>
    <t>2021BU08230209</t>
  </si>
  <si>
    <t>buurten.c2b9d835-7b35-4bae-a635-5ad5e8927173</t>
  </si>
  <si>
    <t>BU08230300</t>
  </si>
  <si>
    <t>Oostelbeers</t>
  </si>
  <si>
    <t>WK082303</t>
  </si>
  <si>
    <t>2021BU08230300</t>
  </si>
  <si>
    <t>buurten.f8f43505-d2d6-4da4-b740-88b72b739e53</t>
  </si>
  <si>
    <t>BU08230309</t>
  </si>
  <si>
    <t>Verspreide huizen Oostelbeers</t>
  </si>
  <si>
    <t>2021BU08230309</t>
  </si>
  <si>
    <t>buurten.1bddf51d-0fac-4118-a08d-0c7a9686ea72</t>
  </si>
  <si>
    <t>BU08240101</t>
  </si>
  <si>
    <t>verspr.h. Westen en Noorden Moergestel</t>
  </si>
  <si>
    <t>WK082401</t>
  </si>
  <si>
    <t>2021BU08240101</t>
  </si>
  <si>
    <t>buurten.4c9d09b1-b2cb-4d4c-a1cb-0bdc365a0b26</t>
  </si>
  <si>
    <t>BU08240201</t>
  </si>
  <si>
    <t>omg Pannenschuur</t>
  </si>
  <si>
    <t>WK082402</t>
  </si>
  <si>
    <t>2021BU08240201</t>
  </si>
  <si>
    <t>buurten.48065939-896c-4a91-824b-4d2dc0097ef3</t>
  </si>
  <si>
    <t>BU08240202</t>
  </si>
  <si>
    <t>omg. Bej.Centrum/Molen</t>
  </si>
  <si>
    <t>2021BU08240202</t>
  </si>
  <si>
    <t>buurten.d107d15d-5827-46af-bbce-79fe8f4fdf5b</t>
  </si>
  <si>
    <t>BU08240301</t>
  </si>
  <si>
    <t>Heukelom</t>
  </si>
  <si>
    <t>WK082403</t>
  </si>
  <si>
    <t>2021BU08240301</t>
  </si>
  <si>
    <t>buurten.38e340d3-3868-4691-81d2-dde6c8af17a5</t>
  </si>
  <si>
    <t>BU08240401</t>
  </si>
  <si>
    <t>buitengebied Zuid</t>
  </si>
  <si>
    <t>WK082404</t>
  </si>
  <si>
    <t>2021BU08240401</t>
  </si>
  <si>
    <t>buurten.d334c16d-9be2-4193-bed3-733fb2ca8dd5</t>
  </si>
  <si>
    <t>BU08240402</t>
  </si>
  <si>
    <t>buitengebied de Logt</t>
  </si>
  <si>
    <t>2021BU08240402</t>
  </si>
  <si>
    <t>buurten.a63daa92-22ac-4694-b37f-2e77c2e478ac</t>
  </si>
  <si>
    <t>BU08240501</t>
  </si>
  <si>
    <t>omg. Vinkenberg/Heuvelstraat</t>
  </si>
  <si>
    <t>WK082405</t>
  </si>
  <si>
    <t>2021BU08240501</t>
  </si>
  <si>
    <t>buurten.1b931a5f-d62f-45be-a2ef-daa0f097586a</t>
  </si>
  <si>
    <t>Kern Moergestel</t>
  </si>
  <si>
    <t>Voldoende draagvlak bij inwoners en ondernemers</t>
  </si>
  <si>
    <t>BU08240601</t>
  </si>
  <si>
    <t>George Perklaan</t>
  </si>
  <si>
    <t>WK082406</t>
  </si>
  <si>
    <t>2021BU08240601</t>
  </si>
  <si>
    <t>buurten.4d344682-a793-47ab-b954-149820b13e8c</t>
  </si>
  <si>
    <t>BU08240701</t>
  </si>
  <si>
    <t>centrum Moergestel</t>
  </si>
  <si>
    <t>WK082407</t>
  </si>
  <si>
    <t>2021BU08240701</t>
  </si>
  <si>
    <t>buurten.dc882570-26d6-45aa-9d6d-f7c3c8e57364</t>
  </si>
  <si>
    <t>PL0824010005</t>
  </si>
  <si>
    <t>BU08240801</t>
  </si>
  <si>
    <t>omg. 't Seuverick</t>
  </si>
  <si>
    <t>WK082408</t>
  </si>
  <si>
    <t>2021BU08240801</t>
  </si>
  <si>
    <t>buurten.1c82d74a-dabb-45a9-9a88-9cee7bcf7d92</t>
  </si>
  <si>
    <t>BU08240802</t>
  </si>
  <si>
    <t>omg. 't Westend</t>
  </si>
  <si>
    <t>2021BU08240802</t>
  </si>
  <si>
    <t>buurten.61df5867-99d4-4adb-a881-efdd25883484</t>
  </si>
  <si>
    <t>BU08240803</t>
  </si>
  <si>
    <t>omg. "Prinsessen" wijk</t>
  </si>
  <si>
    <t>2021BU08240803</t>
  </si>
  <si>
    <t>buurten.3db78f50-60f2-436f-95af-0b6764badbe0</t>
  </si>
  <si>
    <t>BU08240901</t>
  </si>
  <si>
    <t>omg. Europaln/Hondsbergseln</t>
  </si>
  <si>
    <t>WK082409</t>
  </si>
  <si>
    <t>2021BU08240901</t>
  </si>
  <si>
    <t>buurten.cf762995-6a11-4f77-a69c-06bf8f5c43c3</t>
  </si>
  <si>
    <t>PL0824010002</t>
  </si>
  <si>
    <t>Omgeving Europalaan/ Hondsbergselaan</t>
  </si>
  <si>
    <t>Binnen projecct Bunders-Dotterveld energieneutraal in gesprek over isolatie en warmtetechniek; Onderzoeken kansen warmtenet</t>
  </si>
  <si>
    <t>BU08240902</t>
  </si>
  <si>
    <t>omg. Levenskerk/Boomgaard</t>
  </si>
  <si>
    <t>2021BU08240902</t>
  </si>
  <si>
    <t>buurten.dadfcc0a-fb03-40b5-ab32-34d67cf364a6</t>
  </si>
  <si>
    <t>PL0824010001</t>
  </si>
  <si>
    <t>Omgeving Klompven/ Eikenven</t>
  </si>
  <si>
    <t>BU08240903</t>
  </si>
  <si>
    <t>omg. Bunders</t>
  </si>
  <si>
    <t>2021BU08240903</t>
  </si>
  <si>
    <t>buurten.b93fa835-3549-4574-b690-b87082467f2e</t>
  </si>
  <si>
    <t>BU08240904</t>
  </si>
  <si>
    <t>omg. Dotterpln/Wildemanstraat</t>
  </si>
  <si>
    <t>2021BU08240904</t>
  </si>
  <si>
    <t>buurten.46f931c1-c061-4543-969c-2d24d61a5d51</t>
  </si>
  <si>
    <t>BU08241001</t>
  </si>
  <si>
    <t>buitengebied Kerkhoven</t>
  </si>
  <si>
    <t>WK082410</t>
  </si>
  <si>
    <t>2021BU08241001</t>
  </si>
  <si>
    <t>buurten.d94c6061-b262-41f5-9586-f3d5e36c32ec</t>
  </si>
  <si>
    <t>BU08241102</t>
  </si>
  <si>
    <t>omg. Burghtweide</t>
  </si>
  <si>
    <t>WK082411</t>
  </si>
  <si>
    <t>2021BU08241102</t>
  </si>
  <si>
    <t>buurten.78063ca1-fc4f-4df1-a468-fb94157321d5</t>
  </si>
  <si>
    <t>BU08241103</t>
  </si>
  <si>
    <t>omg. Klompven/Eikenven</t>
  </si>
  <si>
    <t>2021BU08241103</t>
  </si>
  <si>
    <t>buurten.993d594d-f4ee-4ed8-8595-da7c59928daf</t>
  </si>
  <si>
    <t>BU08241104</t>
  </si>
  <si>
    <t>omg. Boxtelsebaan/Waterhoef</t>
  </si>
  <si>
    <t>2021BU08241104</t>
  </si>
  <si>
    <t>buurten.2bf936ab-ea1b-4c5b-8b7d-f7010b507209</t>
  </si>
  <si>
    <t>BU08241201</t>
  </si>
  <si>
    <t>Omgeving Industrieterrein Kerckhoven Laarakkers</t>
  </si>
  <si>
    <t>WK082412</t>
  </si>
  <si>
    <t>2021BU08241201</t>
  </si>
  <si>
    <t>buurten.724c027e-6b03-494c-a851-ed2914f31043</t>
  </si>
  <si>
    <t>BU08241301</t>
  </si>
  <si>
    <t>omg. Petrus Kerk</t>
  </si>
  <si>
    <t>WK082413</t>
  </si>
  <si>
    <t>2021BU08241301</t>
  </si>
  <si>
    <t>buurten.6eaa7bf1-b7cd-494e-8a1c-a5b8403840b1</t>
  </si>
  <si>
    <t>PL0824010003</t>
  </si>
  <si>
    <t>Omgeving Dotterplein/ Wildemanstraat</t>
  </si>
  <si>
    <t>TEO uit de Voorste Stroom</t>
  </si>
  <si>
    <t>BU08241302</t>
  </si>
  <si>
    <t>omg. De Lind/Kerkstraat</t>
  </si>
  <si>
    <t>2021BU08241302</t>
  </si>
  <si>
    <t>buurten.5e181c92-c8ed-4b7b-a7a6-1fa00824b89b</t>
  </si>
  <si>
    <t>BU08241402</t>
  </si>
  <si>
    <t>verspr.h. Oosten en Zuiden Moergestel</t>
  </si>
  <si>
    <t>WK082414</t>
  </si>
  <si>
    <t>2021BU08241402</t>
  </si>
  <si>
    <t>buurten.53acf295-f1be-4364-9e46-c5186fc898d8</t>
  </si>
  <si>
    <t>BU08241501</t>
  </si>
  <si>
    <t>omg. Broekzijde</t>
  </si>
  <si>
    <t>WK082415</t>
  </si>
  <si>
    <t>2021BU08241501</t>
  </si>
  <si>
    <t>buurten.3a851418-2549-4b99-a0c5-ad2d0212785a</t>
  </si>
  <si>
    <t>BU08241601</t>
  </si>
  <si>
    <t>Buitengebied Pannenschuur</t>
  </si>
  <si>
    <t>WK082416</t>
  </si>
  <si>
    <t>2021BU08241601</t>
  </si>
  <si>
    <t>buurten.04879fdd-21f8-4049-ae12-976005331eae</t>
  </si>
  <si>
    <t>BU08241701</t>
  </si>
  <si>
    <t>Buitengebied Laarakkers</t>
  </si>
  <si>
    <t>WK082417</t>
  </si>
  <si>
    <t>2021BU08241701</t>
  </si>
  <si>
    <t>buurten.af434906-b43c-4c8a-b4f4-6ea5448ba1e6</t>
  </si>
  <si>
    <t>BU08241801</t>
  </si>
  <si>
    <t>KVL</t>
  </si>
  <si>
    <t>WK082418</t>
  </si>
  <si>
    <t>2021BU08241801</t>
  </si>
  <si>
    <t>buurten.c429246c-dbe5-4251-bbfa-3ea6f26d5664</t>
  </si>
  <si>
    <t>BU08241901</t>
  </si>
  <si>
    <t>Sportpark Den Donk e.o.</t>
  </si>
  <si>
    <t>WK082419</t>
  </si>
  <si>
    <t>2021BU08241901</t>
  </si>
  <si>
    <t>buurten.d6c95d29-c385-4a05-ada0-72ffb6da126b</t>
  </si>
  <si>
    <t>BU08242001</t>
  </si>
  <si>
    <t>Haaren 't Eind</t>
  </si>
  <si>
    <t>WK082420</t>
  </si>
  <si>
    <t>2021BU08242001</t>
  </si>
  <si>
    <t>buurten.8d5b1d29-98ff-439f-be2e-f9272abe6263</t>
  </si>
  <si>
    <t>PL0824010006</t>
  </si>
  <si>
    <t>Kern Haaren</t>
  </si>
  <si>
    <t>BU08242002</t>
  </si>
  <si>
    <t>Haaren Haaren</t>
  </si>
  <si>
    <t>2021BU08242002</t>
  </si>
  <si>
    <t>buurten.3acd0e89-87fb-4f25-bb03-1edb3406383d</t>
  </si>
  <si>
    <t>BU08242003</t>
  </si>
  <si>
    <t>Noenes</t>
  </si>
  <si>
    <t>2021BU08242003</t>
  </si>
  <si>
    <t>buurten.29cf90e2-5e63-43c2-a5db-9b1a8de20fc8</t>
  </si>
  <si>
    <t>BU08242004</t>
  </si>
  <si>
    <t>verspreide huizen in het oosten</t>
  </si>
  <si>
    <t>2021BU08242004</t>
  </si>
  <si>
    <t>buurten.10f1a20b-a80a-4a4c-965d-0fe450b17f10</t>
  </si>
  <si>
    <t>BU08242005</t>
  </si>
  <si>
    <t>verspreide huizen in het westen</t>
  </si>
  <si>
    <t>2021BU08242005</t>
  </si>
  <si>
    <t>buurten.9085192e-821c-4f2f-b2f8-a5adeabb97d5</t>
  </si>
  <si>
    <t>BU08260000</t>
  </si>
  <si>
    <t>WK082600</t>
  </si>
  <si>
    <t>2021BU08260000</t>
  </si>
  <si>
    <t>buurten.86e935f8-faa2-4fb6-bc96-cb94371b536c</t>
  </si>
  <si>
    <t>PL0826010003</t>
  </si>
  <si>
    <t>PL0826010008</t>
  </si>
  <si>
    <t>Centrum, Slotjes en Oosterheide</t>
  </si>
  <si>
    <t>Warmte-eilanden Leijsenakkers of Den Hout</t>
  </si>
  <si>
    <t>haalbaarheid en wenselijkheid aansluiting bestaand warmtenet met Ennatuurlijk</t>
  </si>
  <si>
    <t>aardgasvrij (samen met PL0826010002 potentie tot 800 woningen van het gas af)</t>
  </si>
  <si>
    <t>proceservaring opdoen</t>
  </si>
  <si>
    <t>BU08260100</t>
  </si>
  <si>
    <t>Slotjes-Oost</t>
  </si>
  <si>
    <t>WK082601</t>
  </si>
  <si>
    <t>2021BU08260100</t>
  </si>
  <si>
    <t>buurten.198f97b8-9347-44fe-b7bd-08af3460212f</t>
  </si>
  <si>
    <t>Slotjes en Oosterheide</t>
  </si>
  <si>
    <t>BU08260101</t>
  </si>
  <si>
    <t>Slotjes-Midden</t>
  </si>
  <si>
    <t>2021BU08260101</t>
  </si>
  <si>
    <t>buurten.a5cdf8c1-f2a2-464c-9ee8-3ddffc631afe</t>
  </si>
  <si>
    <t>PL0826010005</t>
  </si>
  <si>
    <t>BU08260102</t>
  </si>
  <si>
    <t>Slotjes-West</t>
  </si>
  <si>
    <t>2021BU08260102</t>
  </si>
  <si>
    <t>buurten.da094d5a-9b93-4603-8632-f053eab2961b</t>
  </si>
  <si>
    <t>BU08260200</t>
  </si>
  <si>
    <t>Oud-West</t>
  </si>
  <si>
    <t>WK082602</t>
  </si>
  <si>
    <t>2021BU08260200</t>
  </si>
  <si>
    <t>buurten.73e2c6bb-1fca-45ba-a12b-f7d697845d7d</t>
  </si>
  <si>
    <t>PL0826010002</t>
  </si>
  <si>
    <t>West en Vrachelen, de kerkdorpen en het buitengebied</t>
  </si>
  <si>
    <t>aardgasvrij (samen met PL0826010003 potentie tot 800 woningen van het gas af)</t>
  </si>
  <si>
    <t>BU08260201</t>
  </si>
  <si>
    <t>Kanaleneiland</t>
  </si>
  <si>
    <t>2021BU08260201</t>
  </si>
  <si>
    <t>buurten.e88fbb1f-b888-45b7-8d88-8b722bab0180</t>
  </si>
  <si>
    <t>PL0826010007</t>
  </si>
  <si>
    <t>aquathermie of geothermie, restwarmte industrie</t>
  </si>
  <si>
    <t>BU08260300</t>
  </si>
  <si>
    <t>WK082603</t>
  </si>
  <si>
    <t>2021BU08260300</t>
  </si>
  <si>
    <t>buurten.3318a9a6-06d2-4ec4-a532-5f2721a26550</t>
  </si>
  <si>
    <t>PL0826010001</t>
  </si>
  <si>
    <t>PL0826010006</t>
  </si>
  <si>
    <t>BU08260301</t>
  </si>
  <si>
    <t>2021BU08260301</t>
  </si>
  <si>
    <t>buurten.2c808e6c-86f7-456f-a231-bcfc043e968f</t>
  </si>
  <si>
    <t>BU08260400</t>
  </si>
  <si>
    <t>Leijsenakkers</t>
  </si>
  <si>
    <t>WK082604</t>
  </si>
  <si>
    <t>2021BU08260400</t>
  </si>
  <si>
    <t>buurten.9b5c6830-c869-43e2-8c54-642460b4ba74</t>
  </si>
  <si>
    <t>BU08260401</t>
  </si>
  <si>
    <t>2021BU08260401</t>
  </si>
  <si>
    <t>buurten.cb79c5e1-60d9-494a-8ae5-ea20be46ba31</t>
  </si>
  <si>
    <t>BU08260500</t>
  </si>
  <si>
    <t>WK082605</t>
  </si>
  <si>
    <t>2021BU08260500</t>
  </si>
  <si>
    <t>buurten.c864b300-fbbf-4253-a596-7f25b0517f66</t>
  </si>
  <si>
    <t>BU08260501</t>
  </si>
  <si>
    <t>2021BU08260501</t>
  </si>
  <si>
    <t>buurten.6fd46114-a941-4a56-9c2a-31c95d80f2fe</t>
  </si>
  <si>
    <t>BU08260502</t>
  </si>
  <si>
    <t>2021BU08260502</t>
  </si>
  <si>
    <t>buurten.3eb905a0-1a24-44bb-9a6b-9bd2c0e532ce</t>
  </si>
  <si>
    <t>BU08260503</t>
  </si>
  <si>
    <t>2021BU08260503</t>
  </si>
  <si>
    <t>buurten.bb65727c-32a3-44c9-ac31-ccf8ee4ada60</t>
  </si>
  <si>
    <t>BU08260504</t>
  </si>
  <si>
    <t>De Warande</t>
  </si>
  <si>
    <t>2021BU08260504</t>
  </si>
  <si>
    <t>buurten.d4c45c0a-cf89-45a5-a3f9-2bc473312660</t>
  </si>
  <si>
    <t>BU08260505</t>
  </si>
  <si>
    <t>Paterserf</t>
  </si>
  <si>
    <t>2021BU08260505</t>
  </si>
  <si>
    <t>buurten.3847cb80-387a-441a-adeb-d4745534b0cf</t>
  </si>
  <si>
    <t>BU08260600</t>
  </si>
  <si>
    <t>WK082606</t>
  </si>
  <si>
    <t>2021BU08260600</t>
  </si>
  <si>
    <t>buurten.dbfaacc6-e634-498b-8f1a-7059bd774486</t>
  </si>
  <si>
    <t>Dommelbergen en Strijen</t>
  </si>
  <si>
    <t>potentieel 4000 woningen van het gas af</t>
  </si>
  <si>
    <t>BU08260601</t>
  </si>
  <si>
    <t>2021BU08260601</t>
  </si>
  <si>
    <t>buurten.3c04d9a2-1e10-4743-8b55-57f9f60343ad</t>
  </si>
  <si>
    <t>BU08260602</t>
  </si>
  <si>
    <t>Donkenbuurt</t>
  </si>
  <si>
    <t>2021BU08260602</t>
  </si>
  <si>
    <t>buurten.3869dd2f-b80e-4417-bae2-b68edfa16d05</t>
  </si>
  <si>
    <t>BU08260603</t>
  </si>
  <si>
    <t>Larenbuurt</t>
  </si>
  <si>
    <t>2021BU08260603</t>
  </si>
  <si>
    <t>buurten.f3119d23-842d-470e-b13f-8f6c18e38c78</t>
  </si>
  <si>
    <t>BU08260604</t>
  </si>
  <si>
    <t>Beemdenbuurt</t>
  </si>
  <si>
    <t>2021BU08260604</t>
  </si>
  <si>
    <t>buurten.5bfa90e5-fa9d-4ca1-843f-554afab89105</t>
  </si>
  <si>
    <t>BU08260605</t>
  </si>
  <si>
    <t>2021BU08260605</t>
  </si>
  <si>
    <t>buurten.d97f0eaa-ef4a-4f01-9d15-7bd927dd32d9</t>
  </si>
  <si>
    <t>BU08260606</t>
  </si>
  <si>
    <t>Dammenbuurt</t>
  </si>
  <si>
    <t>2021BU08260606</t>
  </si>
  <si>
    <t>buurten.cb032a8f-9fd4-4de2-a0c7-cf7c2d46679d</t>
  </si>
  <si>
    <t>BU08260607</t>
  </si>
  <si>
    <t>2021BU08260607</t>
  </si>
  <si>
    <t>buurten.1a23e0bf-015a-48ce-9a8a-8e5e0af52716</t>
  </si>
  <si>
    <t>BU08260700</t>
  </si>
  <si>
    <t>Vrachelen-Zuidoost</t>
  </si>
  <si>
    <t>WK082607</t>
  </si>
  <si>
    <t>2021BU08260700</t>
  </si>
  <si>
    <t>buurten.7c5621c3-9146-4505-89d4-9770d812f4a3</t>
  </si>
  <si>
    <t>BU08260701</t>
  </si>
  <si>
    <t>Vrachelen-Noord</t>
  </si>
  <si>
    <t>2021BU08260701</t>
  </si>
  <si>
    <t>buurten.ba1b537e-c18a-4370-88b5-32cf8b2a5d54</t>
  </si>
  <si>
    <t>BU08260702</t>
  </si>
  <si>
    <t>Vrachelen-Zuidwest</t>
  </si>
  <si>
    <t>2021BU08260702</t>
  </si>
  <si>
    <t>buurten.ccffacef-1460-469d-8a6a-fc9484983f9c</t>
  </si>
  <si>
    <t>Warmte-eilanden Vrachelen</t>
  </si>
  <si>
    <t>BU08260703</t>
  </si>
  <si>
    <t>Vrachelen-Noordwest</t>
  </si>
  <si>
    <t>2021BU08260703</t>
  </si>
  <si>
    <t>buurten.b2a561f8-733e-4e70-bed7-1d3dc89d3e3f</t>
  </si>
  <si>
    <t>BU08260800</t>
  </si>
  <si>
    <t>Industrieterrein Vijf Eiken</t>
  </si>
  <si>
    <t>WK082608</t>
  </si>
  <si>
    <t>2021BU08260800</t>
  </si>
  <si>
    <t>buurten.b182afea-ff8d-48ee-8d31-7606273ddcaa</t>
  </si>
  <si>
    <t>BU08260801</t>
  </si>
  <si>
    <t>Industrieterrein Heikant</t>
  </si>
  <si>
    <t>2021BU08260801</t>
  </si>
  <si>
    <t>buurten.862087a5-248a-493a-9078-6d5c9cc05781</t>
  </si>
  <si>
    <t>BU08260900</t>
  </si>
  <si>
    <t>Industrieterrein Statendam</t>
  </si>
  <si>
    <t>WK082609</t>
  </si>
  <si>
    <t>2021BU08260900</t>
  </si>
  <si>
    <t>buurten.b66c7d6f-3965-45ee-8b1f-49acede7cf03</t>
  </si>
  <si>
    <t>BU08260901</t>
  </si>
  <si>
    <t>Industrieterrein Weststad-Zuid</t>
  </si>
  <si>
    <t>2021BU08260901</t>
  </si>
  <si>
    <t>buurten.54b4c786-e531-4181-96dd-979d50592af9</t>
  </si>
  <si>
    <t>BU08260902</t>
  </si>
  <si>
    <t>Industrieterrein Weststad-Noord</t>
  </si>
  <si>
    <t>2021BU08260902</t>
  </si>
  <si>
    <t>buurten.779c1646-4b09-4fe4-9eda-d8743ef1c533</t>
  </si>
  <si>
    <t>BU08261000</t>
  </si>
  <si>
    <t>Oranjepolder</t>
  </si>
  <si>
    <t>WK082610</t>
  </si>
  <si>
    <t>2021BU08261000</t>
  </si>
  <si>
    <t>buurten.a6de6fe1-d72b-4ec2-8164-2c69592c902a</t>
  </si>
  <si>
    <t>BU08261001</t>
  </si>
  <si>
    <t>Bosgebied-Oosterhout</t>
  </si>
  <si>
    <t>2021BU08261001</t>
  </si>
  <si>
    <t>buurten.7e04ee3d-75d3-433d-a57d-37c079f74670</t>
  </si>
  <si>
    <t>BU08261100</t>
  </si>
  <si>
    <t>Den Hout</t>
  </si>
  <si>
    <t>WK082611</t>
  </si>
  <si>
    <t>2021BU08261100</t>
  </si>
  <si>
    <t>buurten.5db3993c-b1a3-4d07-931c-3a32ce711a89</t>
  </si>
  <si>
    <t>BU08261109</t>
  </si>
  <si>
    <t>Buitengebied Den Hout</t>
  </si>
  <si>
    <t>2021BU08261109</t>
  </si>
  <si>
    <t>buurten.f74f776f-857b-4ce3-bc6e-9b23382c4859</t>
  </si>
  <si>
    <t>BU08261200</t>
  </si>
  <si>
    <t>Oosteind</t>
  </si>
  <si>
    <t>WK082612</t>
  </si>
  <si>
    <t>2021BU08261200</t>
  </si>
  <si>
    <t>buurten.919e4508-4b72-477b-9200-949df4909680</t>
  </si>
  <si>
    <t>BU08261208</t>
  </si>
  <si>
    <t>Buitengebied-Oosteind-Zuid</t>
  </si>
  <si>
    <t>2021BU08261208</t>
  </si>
  <si>
    <t>buurten.a21afa27-f360-435f-99ba-f663271eccf1</t>
  </si>
  <si>
    <t>BU08261209</t>
  </si>
  <si>
    <t>Willemspolder</t>
  </si>
  <si>
    <t>2021BU08261209</t>
  </si>
  <si>
    <t>buurten.5fdc56b6-a744-48a5-ac55-baeec3f14b81</t>
  </si>
  <si>
    <t>BU08261300</t>
  </si>
  <si>
    <t>Dorst</t>
  </si>
  <si>
    <t>WK082613</t>
  </si>
  <si>
    <t>2021BU08261300</t>
  </si>
  <si>
    <t>buurten.238045c1-c8f8-4b6c-abc9-9166ece6e6bf</t>
  </si>
  <si>
    <t>BU08261307</t>
  </si>
  <si>
    <t>Buitengebied Dorst-Zuid</t>
  </si>
  <si>
    <t>2021BU08261307</t>
  </si>
  <si>
    <t>buurten.6bf555b5-4c30-4f10-8dd9-72b98091469b</t>
  </si>
  <si>
    <t>BU08261308</t>
  </si>
  <si>
    <t>Bosgebied Dorst</t>
  </si>
  <si>
    <t>2021BU08261308</t>
  </si>
  <si>
    <t>buurten.ac251cec-2009-4ef6-9718-ef0e59076311</t>
  </si>
  <si>
    <t>BU08261309</t>
  </si>
  <si>
    <t>Steenoven</t>
  </si>
  <si>
    <t>2021BU08261309</t>
  </si>
  <si>
    <t>buurten.eb5a7d16-a0de-41f1-be2b-769a88605b0b</t>
  </si>
  <si>
    <t>BU08280000</t>
  </si>
  <si>
    <t>WK082800</t>
  </si>
  <si>
    <t>2021BU08280000</t>
  </si>
  <si>
    <t>buurten.bccd5ff8-99b4-428d-9edd-1b6f41317120</t>
  </si>
  <si>
    <t>PL0828010001</t>
  </si>
  <si>
    <t>Vlashoek</t>
  </si>
  <si>
    <t>In concept (afwachtend). In de gearceerde gebieden hangt het tempo af van de kans om aan te sluiten op een warmtenet. Als een collectieve oplossing (warmtenet) de meest aantrekkelijke oplossing blijkt, dan gaan de buurten op middellange termijn van het a</t>
  </si>
  <si>
    <t>In concept (verkennend). In Schadewijk spelen meerdere natuurlijke momenten, waardoor er in de komende periode veel gaat gebeuren in de wijk. De gemeente is voornemens de verkenning voor een warmtenet in 2022 en 2023 voort te zetten. In dekomende 2 jaar</t>
  </si>
  <si>
    <t>2030 aardgas vrij</t>
  </si>
  <si>
    <t>BU08280001</t>
  </si>
  <si>
    <t>2021BU08280001</t>
  </si>
  <si>
    <t>buurten.e39750d8-1cc2-43fa-922e-545b49d36009</t>
  </si>
  <si>
    <t>PL0828010020</t>
  </si>
  <si>
    <t>Hertogenbuurt</t>
  </si>
  <si>
    <t>Schadewijk/Centrum</t>
  </si>
  <si>
    <t>In concept (afwachtend). Vanaf 2025 wordt voor elke buurt een buurtuitvoeringsplan gemaakt. Hierin wordt onderzocht welke warmtevoorziening het beste past. De haalbaarheid en financiele gevolgen van diverse opties worden doorgerekend. Vervolgens wordt me</t>
  </si>
  <si>
    <t>BU08280002</t>
  </si>
  <si>
    <t>2021BU08280002</t>
  </si>
  <si>
    <t>buurten.c6c8aa60-6790-4f3d-8084-45dddf7d635c</t>
  </si>
  <si>
    <t>BU08280100</t>
  </si>
  <si>
    <t>Verzetsheldenbuurt I</t>
  </si>
  <si>
    <t>WK082801</t>
  </si>
  <si>
    <t>2021BU08280100</t>
  </si>
  <si>
    <t>buurten.98ed9fc2-e604-4187-a097-000e2093c3b3</t>
  </si>
  <si>
    <t>PL0828010035</t>
  </si>
  <si>
    <t>De Horzak</t>
  </si>
  <si>
    <t>Verzetshelden/Roofvogel/N</t>
  </si>
  <si>
    <t>BU08280101</t>
  </si>
  <si>
    <t>Berghemseweg-Zuid</t>
  </si>
  <si>
    <t>2021BU08280101</t>
  </si>
  <si>
    <t>buurten.25e53cb5-305a-4e65-8b25-b6267dbf732e</t>
  </si>
  <si>
    <t>BU08280102</t>
  </si>
  <si>
    <t>Verzetsheldenbuurt II</t>
  </si>
  <si>
    <t>2021BU08280102</t>
  </si>
  <si>
    <t>buurten.e763916e-f14e-4fab-9cc0-d983d2e6be61</t>
  </si>
  <si>
    <t>PL0828010032</t>
  </si>
  <si>
    <t>BU08280103</t>
  </si>
  <si>
    <t>2021BU08280103</t>
  </si>
  <si>
    <t>buurten.d76b86f5-364f-4696-abd6-29f3013f4e61</t>
  </si>
  <si>
    <t>BU08280104</t>
  </si>
  <si>
    <t>Roofvogelbuurt</t>
  </si>
  <si>
    <t>2021BU08280104</t>
  </si>
  <si>
    <t>buurten.cb25b87e-b2bb-4d77-a8dc-64fabd55b8af</t>
  </si>
  <si>
    <t>PL0828010022</t>
  </si>
  <si>
    <t>In concept (verkennend). De gemeente is voornemens de verkenning voor een warmtenet in 2022 en 2023 voort te zetten. In de komende 2 jaar wil de gemeente daarmee meer duidelijkheid kunnen bieden over wat een overstap naar een warmtenet betekent voor bewo</t>
  </si>
  <si>
    <t>BU08280105</t>
  </si>
  <si>
    <t>Schadewijk Noord-Oost</t>
  </si>
  <si>
    <t>2021BU08280105</t>
  </si>
  <si>
    <t>buurten.51a39443-1aa9-4519-8fa6-5bf5115f2aea</t>
  </si>
  <si>
    <t>BU08280106</t>
  </si>
  <si>
    <t>2021BU08280106</t>
  </si>
  <si>
    <t>buurten.325fa8d4-dc12-410e-9a6c-952827cb4c6d</t>
  </si>
  <si>
    <t>BU08280200</t>
  </si>
  <si>
    <t>Moleneind</t>
  </si>
  <si>
    <t>WK082802</t>
  </si>
  <si>
    <t>2021BU08280200</t>
  </si>
  <si>
    <t>buurten.4d781e29-9d73-49b1-8bdf-1f2a416ed4b3</t>
  </si>
  <si>
    <t>PL0828010010</t>
  </si>
  <si>
    <t>Zeeheldenbuurten</t>
  </si>
  <si>
    <t>BU08280201</t>
  </si>
  <si>
    <t>Landweer</t>
  </si>
  <si>
    <t>2021BU08280201</t>
  </si>
  <si>
    <t>buurten.f966ccef-0f90-4b25-8463-bd2d93946318</t>
  </si>
  <si>
    <t>BU08280202</t>
  </si>
  <si>
    <t>Danenhoef</t>
  </si>
  <si>
    <t>2021BU08280202</t>
  </si>
  <si>
    <t>buurten.1d33c0eb-266e-4638-a8a1-fb566d7fe8c1</t>
  </si>
  <si>
    <t>BU08280300</t>
  </si>
  <si>
    <t>Kortfoort</t>
  </si>
  <si>
    <t>WK082803</t>
  </si>
  <si>
    <t>2021BU08280300</t>
  </si>
  <si>
    <t>buurten.8a4d3042-a6ba-4a83-b0ca-4d4395ee4422</t>
  </si>
  <si>
    <t>BU08280301</t>
  </si>
  <si>
    <t>Oranjebuurt I en Ruivert</t>
  </si>
  <si>
    <t>2021BU08280301</t>
  </si>
  <si>
    <t>buurten.aea546ee-6016-4d53-8b2a-646dcaca2431</t>
  </si>
  <si>
    <t>BU08280302</t>
  </si>
  <si>
    <t>Zeeheldenbuurt I</t>
  </si>
  <si>
    <t>2021BU08280302</t>
  </si>
  <si>
    <t>buurten.ac3a6c2e-e20c-456e-ae0f-e8d2e037c973</t>
  </si>
  <si>
    <t>PL0828010023</t>
  </si>
  <si>
    <t>BU08280303</t>
  </si>
  <si>
    <t>Zeeheldenbuurt II</t>
  </si>
  <si>
    <t>2021BU08280303</t>
  </si>
  <si>
    <t>buurten.9ff0a468-0d27-41ed-9e9e-877e76f2e1d3</t>
  </si>
  <si>
    <t>BU08280304</t>
  </si>
  <si>
    <t>2021BU08280304</t>
  </si>
  <si>
    <t>buurten.63042b37-0712-423d-bf4f-975e510bbfd2</t>
  </si>
  <si>
    <t>BU08280305</t>
  </si>
  <si>
    <t>Oranjebuurt II</t>
  </si>
  <si>
    <t>2021BU08280305</t>
  </si>
  <si>
    <t>buurten.1cf6cd65-a033-4a7b-9ff3-4d9a8ed92f35</t>
  </si>
  <si>
    <t>In concept (afwachtend). Tenzij er zich nieuwe (nog onvoorziene) ontwikkelingen voordoen, wordt voor deze buurten vanaf 2040 gestart met gedetailleerd onderzoek naar aardgasvrije voorzieningen en het opstellen van buurtuitvoeringsplannen. Uiterlijk 2050</t>
  </si>
  <si>
    <t>BU08280306</t>
  </si>
  <si>
    <t>Willibrordusweg-Oost</t>
  </si>
  <si>
    <t>2021BU08280306</t>
  </si>
  <si>
    <t>buurten.47cb08d1-f72e-4f87-92a4-2cf1bf94d5fe</t>
  </si>
  <si>
    <t>PL0828010028</t>
  </si>
  <si>
    <t>BU08280307</t>
  </si>
  <si>
    <t>Willibrordusweg-West</t>
  </si>
  <si>
    <t>2021BU08280307</t>
  </si>
  <si>
    <t>buurten.0021828c-51bb-4764-a67f-d57d07bf0713</t>
  </si>
  <si>
    <t>PL0828010027</t>
  </si>
  <si>
    <t>BU08280400</t>
  </si>
  <si>
    <t>Oorlogsheldenbuurt</t>
  </si>
  <si>
    <t>WK082804</t>
  </si>
  <si>
    <t>2021BU08280400</t>
  </si>
  <si>
    <t>buurten.437c36a3-8a47-42c3-9e7d-c6a01b3c8490</t>
  </si>
  <si>
    <t>BU08280401</t>
  </si>
  <si>
    <t>2021BU08280401</t>
  </si>
  <si>
    <t>buurten.3d0e00b9-f865-4b18-a792-55a2fa7fe39b</t>
  </si>
  <si>
    <t>PL0828010033</t>
  </si>
  <si>
    <t>Schalkskamp e.o.</t>
  </si>
  <si>
    <t>BU08280402</t>
  </si>
  <si>
    <t>Mettegeupel</t>
  </si>
  <si>
    <t>2021BU08280402</t>
  </si>
  <si>
    <t>buurten.5b69d680-a535-4a2f-9a3f-7f5dd39d820c</t>
  </si>
  <si>
    <t>BU08280403</t>
  </si>
  <si>
    <t>2021BU08280403</t>
  </si>
  <si>
    <t>buurten.111b669f-c5c2-41ba-9674-34386585dfb0</t>
  </si>
  <si>
    <t>PL0828010021</t>
  </si>
  <si>
    <t>BU08280404</t>
  </si>
  <si>
    <t>Rusheuvel</t>
  </si>
  <si>
    <t>2021BU08280404</t>
  </si>
  <si>
    <t>buurten.d3dcc470-d13e-40ad-a886-a50ca6f5869f</t>
  </si>
  <si>
    <t>Mettegeupel (oost)</t>
  </si>
  <si>
    <t>BU08280500</t>
  </si>
  <si>
    <t>Elzenburg</t>
  </si>
  <si>
    <t>WK082805</t>
  </si>
  <si>
    <t>2021BU08280500</t>
  </si>
  <si>
    <t>buurten.b639134d-470d-4b3e-83ac-c077b2a373c0</t>
  </si>
  <si>
    <t>BU08280501</t>
  </si>
  <si>
    <t>De Winkel</t>
  </si>
  <si>
    <t>2021BU08280501</t>
  </si>
  <si>
    <t>buurten.a830688d-db9c-4909-bdc1-35b6e9492cff</t>
  </si>
  <si>
    <t>BU08280502</t>
  </si>
  <si>
    <t>Hooimeer</t>
  </si>
  <si>
    <t>2021BU08280502</t>
  </si>
  <si>
    <t>buurten.4b2c1b0f-eed6-4fb4-afa2-5f6992d7b34d</t>
  </si>
  <si>
    <t>BU08280503</t>
  </si>
  <si>
    <t>2021BU08280503</t>
  </si>
  <si>
    <t>buurten.7d3cad19-6078-4c16-9ad1-a1f8e7537627</t>
  </si>
  <si>
    <t>BU08280600</t>
  </si>
  <si>
    <t>WK082806</t>
  </si>
  <si>
    <t>2021BU08280600</t>
  </si>
  <si>
    <t>buurten.b68bc0bd-94e4-4d3c-83fe-65ff763db58c</t>
  </si>
  <si>
    <t>PL0828010004</t>
  </si>
  <si>
    <t>Beethoven/Lisztgaarde</t>
  </si>
  <si>
    <t>Staatsliedenbuurt Hogendo</t>
  </si>
  <si>
    <t>BU08280601</t>
  </si>
  <si>
    <t>Van Hogendorplaan-West</t>
  </si>
  <si>
    <t>2021BU08280601</t>
  </si>
  <si>
    <t>buurten.758b2ea5-a782-479e-8c8f-1bd4ec80aea9</t>
  </si>
  <si>
    <t>PL0828010007</t>
  </si>
  <si>
    <t>BU08280602</t>
  </si>
  <si>
    <t>2021BU08280602</t>
  </si>
  <si>
    <t>buurten.1406f0a9-496d-467c-960e-d51ed6f2ff32</t>
  </si>
  <si>
    <t>PL0828010003</t>
  </si>
  <si>
    <t>BU08280603</t>
  </si>
  <si>
    <t>Wagenaarstraat en omgeving</t>
  </si>
  <si>
    <t>2021BU08280603</t>
  </si>
  <si>
    <t>buurten.2c78e570-a041-4881-8cde-b30d67956e18</t>
  </si>
  <si>
    <t>Wagenaarstraat e.o. (hb)</t>
  </si>
  <si>
    <t>BU08280604</t>
  </si>
  <si>
    <t>Vondellaan-Zuid</t>
  </si>
  <si>
    <t>2021BU08280604</t>
  </si>
  <si>
    <t>buurten.1f57038f-643f-4b35-aa30-f9f8f51da158</t>
  </si>
  <si>
    <t>PL0828010005</t>
  </si>
  <si>
    <t>Wagenaarstraat e.o.</t>
  </si>
  <si>
    <t>BU08280605</t>
  </si>
  <si>
    <t>Euterpelaan-Noord</t>
  </si>
  <si>
    <t>2021BU08280605</t>
  </si>
  <si>
    <t>buurten.a626f194-be80-4ee6-87d2-819a1928a5fc</t>
  </si>
  <si>
    <t>BU08280606</t>
  </si>
  <si>
    <t>Beethovengaarde en Lisztgaarde</t>
  </si>
  <si>
    <t>2021BU08280606</t>
  </si>
  <si>
    <t>buurten.05dc4700-9dd4-482a-9594-1bee18156813</t>
  </si>
  <si>
    <t>BU08280607</t>
  </si>
  <si>
    <t>Witte Hoef</t>
  </si>
  <si>
    <t>2021BU08280607</t>
  </si>
  <si>
    <t>buurten.a67fb372-9b60-4232-9e5e-fe1c9a35984e</t>
  </si>
  <si>
    <t>BU08280608</t>
  </si>
  <si>
    <t>Het Woud</t>
  </si>
  <si>
    <t>2021BU08280608</t>
  </si>
  <si>
    <t>buurten.47fce21f-11cd-47dd-9813-84b839d70af7</t>
  </si>
  <si>
    <t>PL0828010002</t>
  </si>
  <si>
    <t>BU08280700</t>
  </si>
  <si>
    <t>WK082807</t>
  </si>
  <si>
    <t>2021BU08280700</t>
  </si>
  <si>
    <t>buurten.677e6341-cd09-462e-a8ff-86d3aef33ae9</t>
  </si>
  <si>
    <t>PL0828010025</t>
  </si>
  <si>
    <t>BU08280701</t>
  </si>
  <si>
    <t>Heihoek</t>
  </si>
  <si>
    <t>2021BU08280701</t>
  </si>
  <si>
    <t>buurten.b708c717-a636-4f7f-9681-8bb48deb1f2e</t>
  </si>
  <si>
    <t>BU08280702</t>
  </si>
  <si>
    <t>Hoefeind</t>
  </si>
  <si>
    <t>2021BU08280702</t>
  </si>
  <si>
    <t>buurten.bb4f557e-1342-4359-9cb6-cdd66d2b606f</t>
  </si>
  <si>
    <t>PL0828010016</t>
  </si>
  <si>
    <t>BU08280703</t>
  </si>
  <si>
    <t>Amsteleind</t>
  </si>
  <si>
    <t>2021BU08280703</t>
  </si>
  <si>
    <t>buurten.0ab356f6-363a-444e-9bc6-8d3f0ef574d2</t>
  </si>
  <si>
    <t>BU08280704</t>
  </si>
  <si>
    <t>2021BU08280704</t>
  </si>
  <si>
    <t>buurten.083b4115-b136-4163-8a84-9796261cb2b0</t>
  </si>
  <si>
    <t>Westerveld/Lockaert</t>
  </si>
  <si>
    <t>BU08280705</t>
  </si>
  <si>
    <t>Loovelt</t>
  </si>
  <si>
    <t>2021BU08280705</t>
  </si>
  <si>
    <t>buurten.4dcaa49d-c417-47a4-8cb1-619d21320817</t>
  </si>
  <si>
    <t>BU08280706</t>
  </si>
  <si>
    <t>Lockaert</t>
  </si>
  <si>
    <t>2021BU08280706</t>
  </si>
  <si>
    <t>buurten.e6ccf96f-8236-4b27-9f5e-dbd4b8d8ca7a</t>
  </si>
  <si>
    <t>BU08280707</t>
  </si>
  <si>
    <t>2021BU08280707</t>
  </si>
  <si>
    <t>buurten.f0c0ba0e-20f6-4f31-808d-327a6d8eab78</t>
  </si>
  <si>
    <t>PL0828010017</t>
  </si>
  <si>
    <t>BU08280708</t>
  </si>
  <si>
    <t>Klein Mikkeldonk</t>
  </si>
  <si>
    <t>2021BU08280708</t>
  </si>
  <si>
    <t>buurten.17ffceac-e013-4872-bccd-947cfb343613</t>
  </si>
  <si>
    <t>BU08280709</t>
  </si>
  <si>
    <t>Schalkskamp</t>
  </si>
  <si>
    <t>2021BU08280709</t>
  </si>
  <si>
    <t>buurten.4e60271b-08fc-4458-8273-7ca2e9262133</t>
  </si>
  <si>
    <t>BU08280806</t>
  </si>
  <si>
    <t>Meerdijk</t>
  </si>
  <si>
    <t>WK082808</t>
  </si>
  <si>
    <t>2021BU08280806</t>
  </si>
  <si>
    <t>buurten.b879b8b5-9b2b-45f1-9e6b-fbbcea4759c9</t>
  </si>
  <si>
    <t>BU08280807</t>
  </si>
  <si>
    <t>Frankenbeemd</t>
  </si>
  <si>
    <t>2021BU08280807</t>
  </si>
  <si>
    <t>buurten.d360f7f6-d3b1-498f-920d-e495e82daf54</t>
  </si>
  <si>
    <t>BU08280808</t>
  </si>
  <si>
    <t>Langendonk</t>
  </si>
  <si>
    <t>2021BU08280808</t>
  </si>
  <si>
    <t>buurten.fa537044-af25-48a1-ad60-d3df8f54a1ef</t>
  </si>
  <si>
    <t>BU08280809</t>
  </si>
  <si>
    <t>2021BU08280809</t>
  </si>
  <si>
    <t>buurten.b51de2d8-fb97-4ff9-bf68-d8a9b391f516</t>
  </si>
  <si>
    <t>BU08280905</t>
  </si>
  <si>
    <t>Geffense Bosjes</t>
  </si>
  <si>
    <t>WK082809</t>
  </si>
  <si>
    <t>2021BU08280905</t>
  </si>
  <si>
    <t>buurten.4e85146f-d161-4342-92a6-624e07f409c6</t>
  </si>
  <si>
    <t>PL0828010030</t>
  </si>
  <si>
    <t>Het Woud (zuid)</t>
  </si>
  <si>
    <t>afwachtend. Informeren van inwoners</t>
  </si>
  <si>
    <t>BU08280906</t>
  </si>
  <si>
    <t>De Tillaard en De Elzen</t>
  </si>
  <si>
    <t>2021BU08280906</t>
  </si>
  <si>
    <t>buurten.c2045fe9-7b2b-43bb-a18e-f305ccf18e33</t>
  </si>
  <si>
    <t>BU08280907</t>
  </si>
  <si>
    <t>De Haag</t>
  </si>
  <si>
    <t>2021BU08280907</t>
  </si>
  <si>
    <t>buurten.20888cb2-df25-454a-94c8-b9f55573edd2</t>
  </si>
  <si>
    <t>BU08280908</t>
  </si>
  <si>
    <t>Vierwinden</t>
  </si>
  <si>
    <t>2021BU08280908</t>
  </si>
  <si>
    <t>buurten.80cd9173-90eb-4d83-ba91-51a6787b30da</t>
  </si>
  <si>
    <t>BU08280909</t>
  </si>
  <si>
    <t>Vorstengraf</t>
  </si>
  <si>
    <t>2021BU08280909</t>
  </si>
  <si>
    <t>buurten.7c3a27e0-fb22-458a-a3f0-e824328b7f29</t>
  </si>
  <si>
    <t>BU08281000</t>
  </si>
  <si>
    <t>Berghem-Noord</t>
  </si>
  <si>
    <t>WK082810</t>
  </si>
  <si>
    <t>2021BU08281000</t>
  </si>
  <si>
    <t>buurten.dcd440de-5bda-4f79-a9d3-b36b4a29a6e0</t>
  </si>
  <si>
    <t>PL0828010024</t>
  </si>
  <si>
    <t>BU08281001</t>
  </si>
  <si>
    <t>Berghem-Zuid</t>
  </si>
  <si>
    <t>2021BU08281001</t>
  </si>
  <si>
    <t>buurten.6bf05895-320d-41fe-8d61-d979f2b4e1e8</t>
  </si>
  <si>
    <t>BU08281007</t>
  </si>
  <si>
    <t>Buitengebied Duurendseind</t>
  </si>
  <si>
    <t>2021BU08281007</t>
  </si>
  <si>
    <t>buurten.e3174a2a-0919-440c-a9a2-282231f700a4</t>
  </si>
  <si>
    <t>BU08281008</t>
  </si>
  <si>
    <t>Buitengebied Voorste en Achterste Heide</t>
  </si>
  <si>
    <t>2021BU08281008</t>
  </si>
  <si>
    <t>buurten.603399d5-4461-48a6-bfde-4e06102df433</t>
  </si>
  <si>
    <t>BU08281009</t>
  </si>
  <si>
    <t>Buitengebied Gement</t>
  </si>
  <si>
    <t>2021BU08281009</t>
  </si>
  <si>
    <t>buurten.fc706e0d-4d40-45ea-bdce-380f2e3fd879</t>
  </si>
  <si>
    <t>BU08281100</t>
  </si>
  <si>
    <t>Haren</t>
  </si>
  <si>
    <t>WK082811</t>
  </si>
  <si>
    <t>2021BU08281100</t>
  </si>
  <si>
    <t>buurten.f53cd410-6ff0-48c9-af94-5eda22c301dd</t>
  </si>
  <si>
    <t>PL0828010029</t>
  </si>
  <si>
    <t>BU08281108</t>
  </si>
  <si>
    <t>Buitengebied Stijbeemden</t>
  </si>
  <si>
    <t>2021BU08281108</t>
  </si>
  <si>
    <t>buurten.1fb2f98b-e5c0-42ef-9ceb-a0c5e59084f7</t>
  </si>
  <si>
    <t>BU08281109</t>
  </si>
  <si>
    <t>Buitengebied Ossekampen</t>
  </si>
  <si>
    <t>2021BU08281109</t>
  </si>
  <si>
    <t>buurten.614a6a45-1b59-456e-be41-b4e5bead9006</t>
  </si>
  <si>
    <t>BU08281200</t>
  </si>
  <si>
    <t>Macharen</t>
  </si>
  <si>
    <t>WK082812</t>
  </si>
  <si>
    <t>2021BU08281200</t>
  </si>
  <si>
    <t>buurten.130ae928-6c0f-4a5c-a7ff-22a77b49cb2b</t>
  </si>
  <si>
    <t>BU08281208</t>
  </si>
  <si>
    <t>Buitengebied Harense Broek</t>
  </si>
  <si>
    <t>2021BU08281208</t>
  </si>
  <si>
    <t>buurten.4f968eec-85ff-4a86-84cf-3d130ce73afa</t>
  </si>
  <si>
    <t>BU08281209</t>
  </si>
  <si>
    <t>Buitengebied De Tuinlangel</t>
  </si>
  <si>
    <t>2021BU08281209</t>
  </si>
  <si>
    <t>buurten.b37cd0da-f946-42f6-a546-3a0b4ca2d808</t>
  </si>
  <si>
    <t>BU08281300</t>
  </si>
  <si>
    <t>Megen</t>
  </si>
  <si>
    <t>WK082813</t>
  </si>
  <si>
    <t>2021BU08281300</t>
  </si>
  <si>
    <t>buurten.9fe00e35-8d37-4d6b-a4ac-9a812fa90261</t>
  </si>
  <si>
    <t>BU08281308</t>
  </si>
  <si>
    <t>Buitengebied Maasakker</t>
  </si>
  <si>
    <t>2021BU08281308</t>
  </si>
  <si>
    <t>buurten.91af1e15-0c62-40be-9f06-e4334182f153</t>
  </si>
  <si>
    <t>BU08281309</t>
  </si>
  <si>
    <t>Buitengebied De Waarden</t>
  </si>
  <si>
    <t>2021BU08281309</t>
  </si>
  <si>
    <t>buurten.e1f7bfd4-8cb4-4013-aad2-a1f924119495</t>
  </si>
  <si>
    <t>BU08281400</t>
  </si>
  <si>
    <t>Ravenstein</t>
  </si>
  <si>
    <t>WK082814</t>
  </si>
  <si>
    <t>2021BU08281400</t>
  </si>
  <si>
    <t>buurten.f70de235-d513-4699-9f28-bd4cfa994589</t>
  </si>
  <si>
    <t>PL0828010011</t>
  </si>
  <si>
    <t>Ravenstein / De Kolk</t>
  </si>
  <si>
    <t>BU08281401</t>
  </si>
  <si>
    <t>De Kolk, Schonenberg en De Weem</t>
  </si>
  <si>
    <t>2021BU08281401</t>
  </si>
  <si>
    <t>buurten.3e31b871-7db9-4486-8a01-fd2008b0668d</t>
  </si>
  <si>
    <t>PL0828010012</t>
  </si>
  <si>
    <t>BU08281403</t>
  </si>
  <si>
    <t>Huisseling</t>
  </si>
  <si>
    <t>2021BU08281403</t>
  </si>
  <si>
    <t>buurten.a9042423-1c0c-4302-9526-c697333f9bc7</t>
  </si>
  <si>
    <t>BU08281404</t>
  </si>
  <si>
    <t>De Bulk</t>
  </si>
  <si>
    <t>2021BU08281404</t>
  </si>
  <si>
    <t>buurten.1349a3d8-fe58-4955-9e4e-5f902ca43287</t>
  </si>
  <si>
    <t>BU08281409</t>
  </si>
  <si>
    <t>Buitengebied Ravenstein en Huisseling</t>
  </si>
  <si>
    <t>2021BU08281409</t>
  </si>
  <si>
    <t>buurten.e6e65c48-16f0-467f-801a-b9d3c3aba15a</t>
  </si>
  <si>
    <t>BU08281500</t>
  </si>
  <si>
    <t>Herpen</t>
  </si>
  <si>
    <t>WK082815</t>
  </si>
  <si>
    <t>2021BU08281500</t>
  </si>
  <si>
    <t>buurten.98d25bbb-f922-4667-8e14-2541a6caf162</t>
  </si>
  <si>
    <t>PL0828010013</t>
  </si>
  <si>
    <t>BU08281508</t>
  </si>
  <si>
    <t>Koolwijk en Bossen</t>
  </si>
  <si>
    <t>2021BU08281508</t>
  </si>
  <si>
    <t>buurten.b926f7dd-76c0-44d7-9482-b9440046e4f2</t>
  </si>
  <si>
    <t>GM1685</t>
  </si>
  <si>
    <t>Landerd</t>
  </si>
  <si>
    <t>DC168501</t>
  </si>
  <si>
    <t>Hoe gaan we Maashorst i.o. duurzaam verwarmen</t>
  </si>
  <si>
    <t>Voor 2030 in een aantal buurten onderzoek doen hoe ze aardgasloos kunnen worden, in overige buurten starten met isoleren, onderzoeken kansen warmtenet.</t>
  </si>
  <si>
    <t>https://storymaps.arcgis.com/stories/2a5e84b900064649b9a21e384faa9d3d</t>
  </si>
  <si>
    <t>PL1685010001</t>
  </si>
  <si>
    <t>Schaijk</t>
  </si>
  <si>
    <t>BU08281509</t>
  </si>
  <si>
    <t>Buitengebied Herpen</t>
  </si>
  <si>
    <t>2021BU08281509</t>
  </si>
  <si>
    <t>buurten.07e288aa-b03b-46ea-ad17-0a3a2ca31961</t>
  </si>
  <si>
    <t>BU08281600</t>
  </si>
  <si>
    <t>Overlangel</t>
  </si>
  <si>
    <t>WK082816</t>
  </si>
  <si>
    <t>2021BU08281600</t>
  </si>
  <si>
    <t>buurten.2513ea49-1e53-415e-9308-9091708b8c30</t>
  </si>
  <si>
    <t>BU08281601</t>
  </si>
  <si>
    <t>Neerloon</t>
  </si>
  <si>
    <t>2021BU08281601</t>
  </si>
  <si>
    <t>buurten.bca401f5-3f1a-4dae-8196-209f5b8167b9</t>
  </si>
  <si>
    <t>BU08281609</t>
  </si>
  <si>
    <t>Keent</t>
  </si>
  <si>
    <t>2021BU08281609</t>
  </si>
  <si>
    <t>buurten.f53edefd-bb6a-4333-bf33-d9dd90ce609c</t>
  </si>
  <si>
    <t>BU08281700</t>
  </si>
  <si>
    <t>Deursen en Dennenburg</t>
  </si>
  <si>
    <t>WK082817</t>
  </si>
  <si>
    <t>2021BU08281700</t>
  </si>
  <si>
    <t>buurten.48de1b91-796e-4e01-aceb-533e12d54966</t>
  </si>
  <si>
    <t>BU08281701</t>
  </si>
  <si>
    <t>Dieden</t>
  </si>
  <si>
    <t>2021BU08281701</t>
  </si>
  <si>
    <t>buurten.633a928e-c4d3-4659-981c-b44e55b5662f</t>
  </si>
  <si>
    <t>BU08281702</t>
  </si>
  <si>
    <t>Demen</t>
  </si>
  <si>
    <t>2021BU08281702</t>
  </si>
  <si>
    <t>buurten.72428b76-d561-424e-8f55-3caa5496c073</t>
  </si>
  <si>
    <t>BU08281703</t>
  </si>
  <si>
    <t>Neerlangel</t>
  </si>
  <si>
    <t>2021BU08281703</t>
  </si>
  <si>
    <t>buurten.48bcca7c-66d1-4899-abb7-34a8c9270404</t>
  </si>
  <si>
    <t>BU08281709</t>
  </si>
  <si>
    <t>Buitengebied Deursen en Dennenburg</t>
  </si>
  <si>
    <t>2021BU08281709</t>
  </si>
  <si>
    <t>buurten.8b4434b6-f35b-4b35-a69c-34a194659906</t>
  </si>
  <si>
    <t>BU08281800</t>
  </si>
  <si>
    <t>Lith</t>
  </si>
  <si>
    <t>WK082818</t>
  </si>
  <si>
    <t>2021BU08281800</t>
  </si>
  <si>
    <t>buurten.03316cce-82f5-4c79-b573-4b30ad722369</t>
  </si>
  <si>
    <t>BU08281808</t>
  </si>
  <si>
    <t>De Lithse Ham</t>
  </si>
  <si>
    <t>2021BU08281808</t>
  </si>
  <si>
    <t>buurten.d8d48764-a1ae-4675-bac1-1f1aa73d5800</t>
  </si>
  <si>
    <t>BU08281809</t>
  </si>
  <si>
    <t>Buitengebied Lith</t>
  </si>
  <si>
    <t>2021BU08281809</t>
  </si>
  <si>
    <t>buurten.88489281-299d-46e5-9c0d-4ad892c162fa</t>
  </si>
  <si>
    <t>BU08281900</t>
  </si>
  <si>
    <t>Lithoijen</t>
  </si>
  <si>
    <t>WK082819</t>
  </si>
  <si>
    <t>2021BU08281900</t>
  </si>
  <si>
    <t>buurten.0d974b1d-9bce-481e-bb33-c3932a980f19</t>
  </si>
  <si>
    <t>BU08281901</t>
  </si>
  <si>
    <t>Teeffelen</t>
  </si>
  <si>
    <t>2021BU08281901</t>
  </si>
  <si>
    <t>buurten.d44ccdc1-e66c-4beb-b112-0aa854598d8e</t>
  </si>
  <si>
    <t>BU08281908</t>
  </si>
  <si>
    <t>Buitengebied Teeffelen</t>
  </si>
  <si>
    <t>2021BU08281908</t>
  </si>
  <si>
    <t>buurten.d2c68cf1-76aa-4bac-9596-cb8d9ce48321</t>
  </si>
  <si>
    <t>BU08281909</t>
  </si>
  <si>
    <t>Buitengebied Lithoijen</t>
  </si>
  <si>
    <t>2021BU08281909</t>
  </si>
  <si>
    <t>buurten.784bae53-ccaf-4ac8-b3d7-0fb37c99796e</t>
  </si>
  <si>
    <t>BU08282000</t>
  </si>
  <si>
    <t>Oijen</t>
  </si>
  <si>
    <t>WK082820</t>
  </si>
  <si>
    <t>2021BU08282000</t>
  </si>
  <si>
    <t>buurten.f003aa16-bba0-488d-94e7-9b582a924540</t>
  </si>
  <si>
    <t>BU08282009</t>
  </si>
  <si>
    <t>Buitengebied Oijen</t>
  </si>
  <si>
    <t>2021BU08282009</t>
  </si>
  <si>
    <t>buurten.d147c963-ed26-4ac5-ac01-58eed6423849</t>
  </si>
  <si>
    <t>BU08282100</t>
  </si>
  <si>
    <t>Maren-Kessel</t>
  </si>
  <si>
    <t>WK082821</t>
  </si>
  <si>
    <t>2021BU08282100</t>
  </si>
  <si>
    <t>buurten.5ab886b8-dbf6-46a0-877d-2a226b617417</t>
  </si>
  <si>
    <t>PL0828010026</t>
  </si>
  <si>
    <t>BU08282101</t>
  </si>
  <si>
    <t>Maren</t>
  </si>
  <si>
    <t>2021BU08282101</t>
  </si>
  <si>
    <t>buurten.081c4802-99e8-42a8-aad9-b0398224387a</t>
  </si>
  <si>
    <t>BU08282102</t>
  </si>
  <si>
    <t>Kessel</t>
  </si>
  <si>
    <t>2021BU08282102</t>
  </si>
  <si>
    <t>buurten.1d891001-024c-4016-a93f-af9f5c60be0b</t>
  </si>
  <si>
    <t>BU08282103</t>
  </si>
  <si>
    <t>'t Wild</t>
  </si>
  <si>
    <t>2021BU08282103</t>
  </si>
  <si>
    <t>buurten.eaf0be8e-a065-4f3f-b3f3-c1d7b24bb5b1</t>
  </si>
  <si>
    <t>BU08282109</t>
  </si>
  <si>
    <t>Buitengebied het Laag Heemaal</t>
  </si>
  <si>
    <t>2021BU08282109</t>
  </si>
  <si>
    <t>buurten.a4ccfe09-5683-427a-94a3-7c02464bbab2</t>
  </si>
  <si>
    <t>BU08282200</t>
  </si>
  <si>
    <t>Geffen</t>
  </si>
  <si>
    <t>WK082822</t>
  </si>
  <si>
    <t>2021BU08282200</t>
  </si>
  <si>
    <t>buurten.91c3a2de-f455-41ab-8c66-23604c22dea9</t>
  </si>
  <si>
    <t>PL0828010019</t>
  </si>
  <si>
    <t>BU08282201</t>
  </si>
  <si>
    <t>Runrot en Papendijk</t>
  </si>
  <si>
    <t>2021BU08282201</t>
  </si>
  <si>
    <t>buurten.735eb13b-46fa-4422-a31f-8ec82118eb78</t>
  </si>
  <si>
    <t>BU08282208</t>
  </si>
  <si>
    <t>Buitengebied ten oosten van Geffen</t>
  </si>
  <si>
    <t>2021BU08282208</t>
  </si>
  <si>
    <t>buurten.0b05674c-b944-419c-b465-fcb84b881c4e</t>
  </si>
  <si>
    <t>BU08282209</t>
  </si>
  <si>
    <t>Buitengebied ten noorden van Geffen</t>
  </si>
  <si>
    <t>2021BU08282209</t>
  </si>
  <si>
    <t>buurten.6e8febc5-a415-4236-b796-76e19bee8924</t>
  </si>
  <si>
    <t>BU08400000</t>
  </si>
  <si>
    <t>WK084000</t>
  </si>
  <si>
    <t>2021BU08400000</t>
  </si>
  <si>
    <t>buurten.ff541770-b94c-4f4f-b7fb-ddacdc8c2a80</t>
  </si>
  <si>
    <t>Besparen van warmte als eerste stap door bewustwording te creeren</t>
  </si>
  <si>
    <t>BU08400009</t>
  </si>
  <si>
    <t>Verspreide huizen Rucphen</t>
  </si>
  <si>
    <t>2021BU08400009</t>
  </si>
  <si>
    <t>buurten.f2393316-7678-4891-9e1c-f5e051e50ce2</t>
  </si>
  <si>
    <t>Transitievisie Warmte 1.0 Roosendaal</t>
  </si>
  <si>
    <t>adaptieve aanpak, betaalbaarheid, communicatie en breed draagvlak</t>
  </si>
  <si>
    <t>informeren over verduurzamen van woningen of het koppelen van bewoners aan andere partijen in wijken of buurten</t>
  </si>
  <si>
    <t>BU08400100</t>
  </si>
  <si>
    <t>Sint Willebrord</t>
  </si>
  <si>
    <t>WK084001</t>
  </si>
  <si>
    <t>2021BU08400100</t>
  </si>
  <si>
    <t>buurten.2864bf4b-6d5a-47a1-95d0-ced86ccbc9e4</t>
  </si>
  <si>
    <t>BU08400109</t>
  </si>
  <si>
    <t>Verspreide huizen Sint Willebrord</t>
  </si>
  <si>
    <t>2021BU08400109</t>
  </si>
  <si>
    <t>buurten.e146a617-2965-4cc9-8f0d-d4e78d591857</t>
  </si>
  <si>
    <t>BU08400200</t>
  </si>
  <si>
    <t>Sprundel</t>
  </si>
  <si>
    <t>WK084002</t>
  </si>
  <si>
    <t>2021BU08400200</t>
  </si>
  <si>
    <t>buurten.4ab88b7c-ad11-4faa-8d4e-d05a7242a97e</t>
  </si>
  <si>
    <t>BU08400201</t>
  </si>
  <si>
    <t>Bedrijventerrein De Nijverhei</t>
  </si>
  <si>
    <t>2021BU08400201</t>
  </si>
  <si>
    <t>buurten.54a66125-e228-4f45-856c-b02491171f75</t>
  </si>
  <si>
    <t>BU08400209</t>
  </si>
  <si>
    <t>Verspreide huizen Sprundel</t>
  </si>
  <si>
    <t>2021BU08400209</t>
  </si>
  <si>
    <t>buurten.4fd4eb53-e27d-42fa-8aef-fe258242bf72</t>
  </si>
  <si>
    <t>BU08400300</t>
  </si>
  <si>
    <t>Schijf</t>
  </si>
  <si>
    <t>WK084003</t>
  </si>
  <si>
    <t>2021BU08400300</t>
  </si>
  <si>
    <t>buurten.77f32209-f419-4bd1-82ed-0b3a08129db1</t>
  </si>
  <si>
    <t>BU08400309</t>
  </si>
  <si>
    <t>Verspreide huizen Schijf</t>
  </si>
  <si>
    <t>2021BU08400309</t>
  </si>
  <si>
    <t>buurten.e510e3d8-aff9-4dc7-85f4-fa924d7610fd</t>
  </si>
  <si>
    <t>Roosendaal</t>
  </si>
  <si>
    <t>https://raad.roosendaal.nl/Vergaderingen/Inspraakbijeenkomst/2021/09-december/19:30/Raadsvoorstel-Transitievisie-Warmte/</t>
  </si>
  <si>
    <t>BU08400400</t>
  </si>
  <si>
    <t>Zegge</t>
  </si>
  <si>
    <t>WK084004</t>
  </si>
  <si>
    <t>2021BU08400400</t>
  </si>
  <si>
    <t>buurten.59abd920-2ecc-4005-96ef-8215bdea3386</t>
  </si>
  <si>
    <t>BU08400409</t>
  </si>
  <si>
    <t>Verspreide huizen Zegge</t>
  </si>
  <si>
    <t>2021BU08400409</t>
  </si>
  <si>
    <t>buurten.874eeb31-78be-49e1-a674-588a9bf06d0e</t>
  </si>
  <si>
    <t>BU08450000</t>
  </si>
  <si>
    <t>WK084500</t>
  </si>
  <si>
    <t>2021BU08450000</t>
  </si>
  <si>
    <t>buurten.f9ae4910-6f64-48b1-b060-ca79f1de5ce6</t>
  </si>
  <si>
    <t>PL0845010002</t>
  </si>
  <si>
    <t>CBS-buurt Westakkers, bedrijventerreinen Sint-Michielsgestel en Venkant</t>
  </si>
  <si>
    <t>BU08450001</t>
  </si>
  <si>
    <t>Theereheide</t>
  </si>
  <si>
    <t>2021BU08450001</t>
  </si>
  <si>
    <t>buurten.d0da822a-a677-498b-9472-ff3f328dedea</t>
  </si>
  <si>
    <t>BU08450002</t>
  </si>
  <si>
    <t>Venkant, Beekkant en Beekvliet</t>
  </si>
  <si>
    <t>2021BU08450002</t>
  </si>
  <si>
    <t>buurten.b2918f11-5199-412b-85b7-163f071f87fe</t>
  </si>
  <si>
    <t>BU08450003</t>
  </si>
  <si>
    <t>Halder</t>
  </si>
  <si>
    <t>2021BU08450003</t>
  </si>
  <si>
    <t>buurten.d331d233-8d03-4ddf-b2f2-353d4a0e73e4</t>
  </si>
  <si>
    <t>BU08450007</t>
  </si>
  <si>
    <t>Verspreide huizen Theereheide en Zegenwerp</t>
  </si>
  <si>
    <t>2021BU08450007</t>
  </si>
  <si>
    <t>buurten.df2ac47a-fb14-4ca8-975d-885e003902a0</t>
  </si>
  <si>
    <t>BU08450008</t>
  </si>
  <si>
    <t>Verspreide huizen Genenberg</t>
  </si>
  <si>
    <t>2021BU08450008</t>
  </si>
  <si>
    <t>buurten.ca2f94af-2ea4-4bd6-a235-58ff08dde316</t>
  </si>
  <si>
    <t>BU08450009</t>
  </si>
  <si>
    <t>Verspreide huizen Sint-Michielsgestelse polders</t>
  </si>
  <si>
    <t>2021BU08450009</t>
  </si>
  <si>
    <t>buurten.59a70ec7-b52a-4b27-81c3-8de031f49908</t>
  </si>
  <si>
    <t>BU08450100</t>
  </si>
  <si>
    <t>Gemonde</t>
  </si>
  <si>
    <t>WK084501</t>
  </si>
  <si>
    <t>2021BU08450100</t>
  </si>
  <si>
    <t>buurten.1b44796e-745c-4d74-94f2-ed8f19b0761a</t>
  </si>
  <si>
    <t>BU08450108</t>
  </si>
  <si>
    <t>Verspreide huizen ten oosten van Gemonde</t>
  </si>
  <si>
    <t>2021BU08450108</t>
  </si>
  <si>
    <t>buurten.bde54a93-aa20-47ad-b1f5-9a6473114ba5</t>
  </si>
  <si>
    <t>BU08450109</t>
  </si>
  <si>
    <t>Verspreide huizen ten westen van Gemonde</t>
  </si>
  <si>
    <t>2021BU08450109</t>
  </si>
  <si>
    <t>buurten.8d9918ca-b6e9-48fc-8b10-e6471cd72f18</t>
  </si>
  <si>
    <t>BU08450200</t>
  </si>
  <si>
    <t>Den Dungen</t>
  </si>
  <si>
    <t>WK084502</t>
  </si>
  <si>
    <t>2021BU08450200</t>
  </si>
  <si>
    <t>buurten.bf0f48fe-8615-47b4-b45d-8ce08425965f</t>
  </si>
  <si>
    <t>BU08450201</t>
  </si>
  <si>
    <t>Maaskantje</t>
  </si>
  <si>
    <t>2021BU08450201</t>
  </si>
  <si>
    <t>buurten.823670d4-413b-4106-af7d-84d4e5e4df1a</t>
  </si>
  <si>
    <t>BU08450207</t>
  </si>
  <si>
    <t>Verspreide huizen Spurk en 't Woud</t>
  </si>
  <si>
    <t>2021BU08450207</t>
  </si>
  <si>
    <t>buurten.dbc3797b-e870-4e4e-af88-69845b441c3d</t>
  </si>
  <si>
    <t>BU08450208</t>
  </si>
  <si>
    <t>Verspreide huizen Poeldonk</t>
  </si>
  <si>
    <t>2021BU08450208</t>
  </si>
  <si>
    <t>buurten.52f7770a-bc50-43b3-aa26-a8e13aed942f</t>
  </si>
  <si>
    <t>BU08450209</t>
  </si>
  <si>
    <t>Verspreide huizen Maaskantje</t>
  </si>
  <si>
    <t>2021BU08450209</t>
  </si>
  <si>
    <t>buurten.be341b94-3f1c-4349-aed2-1f058c1db7bb</t>
  </si>
  <si>
    <t>BU08450300</t>
  </si>
  <si>
    <t>Berlicum</t>
  </si>
  <si>
    <t>WK084503</t>
  </si>
  <si>
    <t>2021BU08450300</t>
  </si>
  <si>
    <t>buurten.215b4058-48e1-4de4-a307-b64219911816</t>
  </si>
  <si>
    <t>BU08450301</t>
  </si>
  <si>
    <t>Westakkers</t>
  </si>
  <si>
    <t>2021BU08450301</t>
  </si>
  <si>
    <t>buurten.d27fafe0-bf24-44ae-bc18-5d9b0bbe9b75</t>
  </si>
  <si>
    <t>BU08450302</t>
  </si>
  <si>
    <t>Westerbroek en Beekveld</t>
  </si>
  <si>
    <t>2021BU08450302</t>
  </si>
  <si>
    <t>buurten.436f070d-4c82-4faf-8017-87c4775f55c4</t>
  </si>
  <si>
    <t>BU08450308</t>
  </si>
  <si>
    <t>Verspreide huizen Beekveld-Hersend</t>
  </si>
  <si>
    <t>2021BU08450308</t>
  </si>
  <si>
    <t>buurten.f6764808-aee2-4576-92d1-c91593ca210a</t>
  </si>
  <si>
    <t>BU08450309</t>
  </si>
  <si>
    <t>Verspreide huizen ten noorden van Berlicum</t>
  </si>
  <si>
    <t>2021BU08450309</t>
  </si>
  <si>
    <t>buurten.d50d0576-e73f-4c35-a298-fcf10519f8af</t>
  </si>
  <si>
    <t>BU08450400</t>
  </si>
  <si>
    <t>Middelrode</t>
  </si>
  <si>
    <t>WK084504</t>
  </si>
  <si>
    <t>2021BU08450400</t>
  </si>
  <si>
    <t>buurten.62f90762-8c9c-4230-b438-eb5e8d345bc4</t>
  </si>
  <si>
    <t>BU08450408</t>
  </si>
  <si>
    <t>Verspreide huizen Middelrode</t>
  </si>
  <si>
    <t>2021BU08450408</t>
  </si>
  <si>
    <t>buurten.af5d2c42-5627-45e6-b6e2-5fa4186c7ae5</t>
  </si>
  <si>
    <t>BU08450409</t>
  </si>
  <si>
    <t>Verspreide huizen Heikantse Hoeve</t>
  </si>
  <si>
    <t>2021BU08450409</t>
  </si>
  <si>
    <t>buurten.161ec82e-70b0-4856-8947-f9ac51ba018e</t>
  </si>
  <si>
    <t>BU08470000</t>
  </si>
  <si>
    <t>WK084700</t>
  </si>
  <si>
    <t>2021BU08470000</t>
  </si>
  <si>
    <t>buurten.b1d1064e-a4dd-44ac-91a0-c6b70ce59e38</t>
  </si>
  <si>
    <t>PL0847010001</t>
  </si>
  <si>
    <t>Someren-Eind bedrijven Noord</t>
  </si>
  <si>
    <t>In concept (voorbereidend). Someren Oost 2 kan als startwijk gekozen worden als het warmtenet in de andere delen van Someren niet kansrijk blijken te zijn. In Someren Oost zal dan worden ingezet op individuele warmtesystemen.</t>
  </si>
  <si>
    <t>a. de oplossing is duurzaam en technisch haalbaarb. de oplossing is voor alle belanghebbenden financierbaarc. er is draagvlak bij een ruime meerderheid van bewoners, bedrijven en andere belanghebbende organisaties die nodig zijn voor de realisatied. juri</t>
  </si>
  <si>
    <t>Als 70% van een van de twee wijken (Someren Centrum of Someren Noord) in 2030 aardgasvrij wordt en net zoveel individuele oplossingen in de hele gemeente (700-800) wordt het doel van 20% aardgasvrij in 2030 haalbaar.</t>
  </si>
  <si>
    <t>Is al aardgasvrij</t>
  </si>
  <si>
    <t>Restwarmte geothermie (LT), Biomassa (KT), Aquathermie, Zonthermie</t>
  </si>
  <si>
    <t>LT warmte: geothermie en/of aquathermie en/of biomassa en/of zonnewarmte</t>
  </si>
  <si>
    <t>restwarmte en/of geothermie en/of biomassa en/of aquathermie en/of zonnewarmte</t>
  </si>
  <si>
    <t>BU08470008</t>
  </si>
  <si>
    <t>2021BU08470008</t>
  </si>
  <si>
    <t>buurten.6d82aaa6-9640-4c12-a288-5e0bbef58dea</t>
  </si>
  <si>
    <t>PL0847010007</t>
  </si>
  <si>
    <t>In concept (orienterend). In deze gebieden zien we kansen of ontwikkelingen waar de gemeente, samen met belanghebbenden, tijdig op wil inspelen. Dit zijn in gemeente Someren de gebieden waar groen gas een mogelijkheid is. In deze gebieden staan ook gebou</t>
  </si>
  <si>
    <t>BU08470009</t>
  </si>
  <si>
    <t>Verspreide huizen Slieven</t>
  </si>
  <si>
    <t>2021BU08470009</t>
  </si>
  <si>
    <t>buurten.2716ded1-59a2-4e84-8e96-01ec380b562a</t>
  </si>
  <si>
    <t>Someren noord</t>
  </si>
  <si>
    <t>In concept (verkennend). In deze buurten bestaan kansen of ontwikkelingen op de middellange termijn, waar de gemeente tijdig op wil inspelen. Het kan gaan om onderhoud aan aardgasleidingen, renovaties door de woningbouwcorporatie andere buurtontwikkeling</t>
  </si>
  <si>
    <t>Voorsorterend. Deze buurt bestaat uit goed geisoleerde woningen die aangesloten zouden kunnen worden op een individuele warmtevoorziening.</t>
  </si>
  <si>
    <t>Als 70% van een van de twee wijken (Someren Centrum of Someren Noord) in 2030 aardgasvrij wordt en net zoveel individuele oplossingen in de hele gemeente (700-800) wordt het doel van 20% in 2030 haalbaar.</t>
  </si>
  <si>
    <t>BU08470100</t>
  </si>
  <si>
    <t>Lierop</t>
  </si>
  <si>
    <t>WK084701</t>
  </si>
  <si>
    <t>2021BU08470100</t>
  </si>
  <si>
    <t>buurten.d52da2fe-e0d8-4110-b8ed-0bd8572ceffb</t>
  </si>
  <si>
    <t>BU08470108</t>
  </si>
  <si>
    <t>Verspreide huizen Meerven</t>
  </si>
  <si>
    <t>2021BU08470108</t>
  </si>
  <si>
    <t>buurten.39810e8f-9e5e-482a-9feb-aa93d7016f9b</t>
  </si>
  <si>
    <t>In de verkenningsbuurten gaan wij samen met inwoners en ondernemers aan de slag om te kijken welke oplossing passend is voor de buurt. Als er een technisch haalbaar en betaalbaar plan ligt waar de buurt mee aan de slag wil, worden zaken vastgelegd in buu</t>
  </si>
  <si>
    <t>PL0847010008</t>
  </si>
  <si>
    <t>Voorsorterend. Individuele oplossingen zoals een warmtepomp of hybride. Klein collectief waar mogelijk. Individuele pelletkachel voor slecht geisoleerde woningen in het buitengebied(uitzondering).</t>
  </si>
  <si>
    <t>1. Iedereen moet mee kunnen in de warmtetransitie2. Wij streven naar de laagste totale kosten voor de warmteoplossing3. Wij spelen in op logische momenten4. Energiebesparing is belangrijk om de vraag naar (primaire) energie in 2050 te beperken e5. Inzett</t>
  </si>
  <si>
    <t>Voor deze gebieden ontstaat dan een natuurlijk tempo: niet de hele buurt tegelijk, maar elk gebouw op een logisch moment, bijvoorbeeld bij een verbouwing of verhuizing. Woningeigenaren kunnen stap voor stap maatregelen nemen, bijvoorbeeld door eerst te i</t>
  </si>
  <si>
    <t>BU08470109</t>
  </si>
  <si>
    <t>Verspreide huizen Hersel</t>
  </si>
  <si>
    <t>2021BU08470109</t>
  </si>
  <si>
    <t>buurten.ca435b1c-a2ae-46b3-b59f-2487f8895849</t>
  </si>
  <si>
    <t>BU08470200</t>
  </si>
  <si>
    <t>Someren-Eind</t>
  </si>
  <si>
    <t>WK084702</t>
  </si>
  <si>
    <t>2021BU08470200</t>
  </si>
  <si>
    <t>buurten.27d6ec96-8df2-4bee-82d9-2610bb9df0b6</t>
  </si>
  <si>
    <t>Someren-eind</t>
  </si>
  <si>
    <t>In concept (verkennend). Over enkele jaren (2024 en 2025) zal er worden gekeken naar de mogelijkheden om het warmtenet van Someren-Centrum en of Someren-Noord verder uit te breiden of nieuwe (klein-)collectieve systemen te ontwikkelen in en rondom de ker</t>
  </si>
  <si>
    <t>Voorsorterend. Er zijn in Someren meerdere warmtebronnen beschikbaar voor warmtenetten. Op basis van inzichten uit de verkenningsbuurten, kunnen de mogelijkheden in omliggende buurten verkend worden. In Someren-Eind bevindt zich ook nog oude kern met won</t>
  </si>
  <si>
    <t>Extra onderzoek rondom de potentie van restwarmte, ondiepe geothermie en het beschikbare vermogen uit het kassennet voor woonwijken is op termijn nodig. Basis uitgangspunten blijven dat er een betaalbare, betrouwbaar &amp; veilige en duurzame warmtebron geko</t>
  </si>
  <si>
    <t>Elektra en omgevingswarmte, gas of restwarmte geothermie (LT), Biomassa (KT), Aquathermie, Zonthermie</t>
  </si>
  <si>
    <t>omgevingswarmte en/of gas en/of restwarmte en/of aquathermie (riool) en/of biomassa en/of zonnewarmte</t>
  </si>
  <si>
    <t>BU08470208</t>
  </si>
  <si>
    <t>Verspreide huizen Sluis 12/13</t>
  </si>
  <si>
    <t>2021BU08470208</t>
  </si>
  <si>
    <t>buurten.d5865cf1-f982-4eee-9a3c-985a2225c2cc</t>
  </si>
  <si>
    <t>BU08470209</t>
  </si>
  <si>
    <t>Verspreide huizen Diepenhoek</t>
  </si>
  <si>
    <t>2021BU08470209</t>
  </si>
  <si>
    <t>buurten.4ae326c6-5a93-44ee-bafc-0b07fbe49cd7</t>
  </si>
  <si>
    <t>BU08470300</t>
  </si>
  <si>
    <t>Somerense Heide</t>
  </si>
  <si>
    <t>WK084703</t>
  </si>
  <si>
    <t>2021BU08470300</t>
  </si>
  <si>
    <t>buurten.f46df409-37a9-459a-8859-1a560d8f0621</t>
  </si>
  <si>
    <t>PL0847010009</t>
  </si>
  <si>
    <t>Someren Heide</t>
  </si>
  <si>
    <t>BU08470309</t>
  </si>
  <si>
    <t>Verspreide huizen Somerense Heide</t>
  </si>
  <si>
    <t>2021BU08470309</t>
  </si>
  <si>
    <t>buurten.5ad09e2b-c76e-476a-b6cf-41b2ff53ba73</t>
  </si>
  <si>
    <t>GM1706</t>
  </si>
  <si>
    <t>Cranendonck</t>
  </si>
  <si>
    <t>DC170601</t>
  </si>
  <si>
    <t>2022-04-16</t>
  </si>
  <si>
    <t>Uitgangspunten, Transparant, Energiebesparing, Bredeblik, Bewezen technieken, Nieuwe technieken, Laagste nationale kosten, Betaalbaar/draagkracht, Lokale mogelijkheden , Gezond en veilig</t>
  </si>
  <si>
    <t>2050 aardgasvrij. 24% energiebesparing door isoleren van woningen in 2050.</t>
  </si>
  <si>
    <t>PL1706010023</t>
  </si>
  <si>
    <t>In concept (afwachtend). In deze buurten kiezen we voor een geleidelijk tempo: niet de hele buurt tegelijk, maar elk gebouw op een logisch moment, bijvoorbeeld bij een verbouwing of verhuizing. De gemeente wil bewoners ruim de tijd geven, en heeft de ein</t>
  </si>
  <si>
    <t>BU08470909</t>
  </si>
  <si>
    <t>Verspreide huizen Lungendonk</t>
  </si>
  <si>
    <t>WK084709</t>
  </si>
  <si>
    <t>2021BU08470909</t>
  </si>
  <si>
    <t>buurten.326831c8-09b7-4e7b-b912-9a3e727c8707</t>
  </si>
  <si>
    <t>BU08480000</t>
  </si>
  <si>
    <t>Son</t>
  </si>
  <si>
    <t>WK084800</t>
  </si>
  <si>
    <t>2021BU08480000</t>
  </si>
  <si>
    <t>buurten.31a2883f-fa9c-4c89-ac21-397ccb0bde15</t>
  </si>
  <si>
    <t>PL0848010001</t>
  </si>
  <si>
    <t>t Zand</t>
  </si>
  <si>
    <t>2022-2023</t>
  </si>
  <si>
    <t>Nader te bepalen tijdens dialoog met de buurt</t>
  </si>
  <si>
    <t>BU08480001</t>
  </si>
  <si>
    <t>De Gentiaan</t>
  </si>
  <si>
    <t>2021BU08480001</t>
  </si>
  <si>
    <t>buurten.bbe7ce82-50d3-4c0e-9144-fb66115992a5</t>
  </si>
  <si>
    <t>PL0848010002</t>
  </si>
  <si>
    <t>De Gentiaan (deel van)</t>
  </si>
  <si>
    <t>t Harde Ven</t>
  </si>
  <si>
    <t>WUP opstellen, concrete buurtacties voor aardgasvrij-ready</t>
  </si>
  <si>
    <t>BU08480002</t>
  </si>
  <si>
    <t>2021BU08480002</t>
  </si>
  <si>
    <t>buurten.ed397f8b-132c-4d3e-bd16-d1720f75b3f4</t>
  </si>
  <si>
    <t>BU08480003</t>
  </si>
  <si>
    <t>2021BU08480003</t>
  </si>
  <si>
    <t>buurten.623f67a9-f5fb-4187-ba44-5b379c245897</t>
  </si>
  <si>
    <t>BU08480009</t>
  </si>
  <si>
    <t>Verspreide huizen Son</t>
  </si>
  <si>
    <t>2021BU08480009</t>
  </si>
  <si>
    <t>buurten.0b2112e0-6ce8-4691-a424-703d189fa3ac</t>
  </si>
  <si>
    <t>BU08480100</t>
  </si>
  <si>
    <t>Breugel</t>
  </si>
  <si>
    <t>WK084801</t>
  </si>
  <si>
    <t>2021BU08480100</t>
  </si>
  <si>
    <t>buurten.e22d0368-8f3e-4310-ac12-2bbc337df943</t>
  </si>
  <si>
    <t>BU08480101</t>
  </si>
  <si>
    <t>'t Eigen en Hoogstraat</t>
  </si>
  <si>
    <t>2021BU08480101</t>
  </si>
  <si>
    <t>buurten.bbbc5160-8b66-41f7-a779-baafb74caca8</t>
  </si>
  <si>
    <t>BU08480109</t>
  </si>
  <si>
    <t>Verspreide huizen Breugel</t>
  </si>
  <si>
    <t>2021BU08480109</t>
  </si>
  <si>
    <t>buurten.46eff44f-6714-4517-bf84-7a3eafe7f397</t>
  </si>
  <si>
    <t>BU08510000</t>
  </si>
  <si>
    <t>Steenbergen-Centrum</t>
  </si>
  <si>
    <t>WK085100</t>
  </si>
  <si>
    <t>2021BU08510000</t>
  </si>
  <si>
    <t>buurten.b284e4ab-2229-45f7-afb6-44663b52d859</t>
  </si>
  <si>
    <t>PL0851010001</t>
  </si>
  <si>
    <t>PL0851010019</t>
  </si>
  <si>
    <t>Vitale Vesting Noord</t>
  </si>
  <si>
    <t>In concept (verkennend). Voor deze gebieden zullen de ontwikkelingen rondom het project Osiris gevolgd worden. Daarnaast kan ook verkend worden welke alternatieve warmtebronnen er zijn voor een warmtenet. Afhankelijk van de voortgang van Osiris en de uit</t>
  </si>
  <si>
    <t>geen keuze gemaakt. Hier worden mogelijkheden voor een warmtenet verkend. Uitkomsten van deze verkenningen zullen meer duidelijkheid geven of hier collectieve of juist individuele oplossingen het meest voor de hand liggen.</t>
  </si>
  <si>
    <t>BU08510001</t>
  </si>
  <si>
    <t>Welberg</t>
  </si>
  <si>
    <t>2021BU08510001</t>
  </si>
  <si>
    <t>buurten.123882ba-62de-49d0-af59-c5a8146e5564</t>
  </si>
  <si>
    <t>PL0851010004</t>
  </si>
  <si>
    <t>In concept (orienterend). In deze buurten wordt uiterlijk vanaf 2035 gestart met gedetailleerd onderzoek en het opstellen van buurtuitvoeringsplannen. Uiterlijk 2050 zullen de laatste buurten van het aardgas gehaald worden</t>
  </si>
  <si>
    <t>geen keuze gemaakt. We wachten technologische ontwikkelingen en de ervaringen in de andere buurten af voordat we besluiten welke warmtevoorziening hier komt. Energie besparen en hybride warmtepomp zijn bijna altijd geschikte tussenoplossingen. Toekomstig</t>
  </si>
  <si>
    <t>BU08510002</t>
  </si>
  <si>
    <t>Steenbergen-Zuid</t>
  </si>
  <si>
    <t>2021BU08510002</t>
  </si>
  <si>
    <t>buurten.ddd180c1-228a-445e-955e-0c0e8979237a</t>
  </si>
  <si>
    <t>PL0851010018</t>
  </si>
  <si>
    <t>Vitale Vesting</t>
  </si>
  <si>
    <t>BU08510003</t>
  </si>
  <si>
    <t>Steenbergen-Noord</t>
  </si>
  <si>
    <t>2021BU08510003</t>
  </si>
  <si>
    <t>buurten.1920aea0-6e43-4ead-bd3a-1f8e35bfb557</t>
  </si>
  <si>
    <t>PL0851010007</t>
  </si>
  <si>
    <t>PL0851010017</t>
  </si>
  <si>
    <t>BU08510004</t>
  </si>
  <si>
    <t>Industrieterrein Reinierpolder</t>
  </si>
  <si>
    <t>2021BU08510004</t>
  </si>
  <si>
    <t>buurten.ee66e334-1db2-4f2e-b4f9-0e10f13b9d16</t>
  </si>
  <si>
    <t>BU08510007</t>
  </si>
  <si>
    <t>Graaf Hendrik- en Triangelpolder</t>
  </si>
  <si>
    <t>2021BU08510007</t>
  </si>
  <si>
    <t>buurten.67d6a7b8-edac-47c8-9f7c-2a02b43ba018</t>
  </si>
  <si>
    <t>BU08510008</t>
  </si>
  <si>
    <t>Westelijke polders</t>
  </si>
  <si>
    <t>2021BU08510008</t>
  </si>
  <si>
    <t>buurten.6431787b-c5e0-4782-a196-63fe1ea401b8</t>
  </si>
  <si>
    <t>BU08510009</t>
  </si>
  <si>
    <t>Het Oudland</t>
  </si>
  <si>
    <t>2021BU08510009</t>
  </si>
  <si>
    <t>buurten.b3916880-6cd9-4d3e-b980-ef48ddb0f2be</t>
  </si>
  <si>
    <t>BU08510100</t>
  </si>
  <si>
    <t>Kruisland</t>
  </si>
  <si>
    <t>WK085101</t>
  </si>
  <si>
    <t>2021BU08510100</t>
  </si>
  <si>
    <t>buurten.7d3e39d0-5775-421e-adf5-d94d3d7ba569</t>
  </si>
  <si>
    <t>PL0851010005</t>
  </si>
  <si>
    <t>Kruisland oud</t>
  </si>
  <si>
    <t>Aardgasvrij voor 2040</t>
  </si>
  <si>
    <t>BU08510109</t>
  </si>
  <si>
    <t>Kruislandse polders</t>
  </si>
  <si>
    <t>2021BU08510109</t>
  </si>
  <si>
    <t>buurten.a8ee8ddd-f404-493c-a511-daff6b9f50d8</t>
  </si>
  <si>
    <t>BU08510200</t>
  </si>
  <si>
    <t>De Heen</t>
  </si>
  <si>
    <t>WK085102</t>
  </si>
  <si>
    <t>2021BU08510200</t>
  </si>
  <si>
    <t>buurten.3cbe2dda-55a2-4d0d-9085-60664b238c4d</t>
  </si>
  <si>
    <t>PL0851010003</t>
  </si>
  <si>
    <t>De Heen Zuid</t>
  </si>
  <si>
    <t>BU08510209</t>
  </si>
  <si>
    <t>Heense polders</t>
  </si>
  <si>
    <t>2021BU08510209</t>
  </si>
  <si>
    <t>buurten.c285ab7e-f175-407e-992c-aeb759f4ad8c</t>
  </si>
  <si>
    <t>BU08510300</t>
  </si>
  <si>
    <t>Dinteloord</t>
  </si>
  <si>
    <t>WK085103</t>
  </si>
  <si>
    <t>2021BU08510300</t>
  </si>
  <si>
    <t>buurten.c2c3cb9f-0f9e-4ea9-9294-fba0e3272685</t>
  </si>
  <si>
    <t>PL0851010006</t>
  </si>
  <si>
    <t>Voorsorterend. Hier liggen kansen om op korte termijn de mogelijkheden voor een warmtenet te onderzoeken. In de komende jaren gaat de gemeente samen met de woningcorporatie aan de slag met de gebouwde omgeving: renovatie, herinrichting openbare ruimte, s</t>
  </si>
  <si>
    <t>BU08510301</t>
  </si>
  <si>
    <t>Boompjesdijk</t>
  </si>
  <si>
    <t>2021BU08510301</t>
  </si>
  <si>
    <t>buurten.f255c128-bf30-4cca-80fd-9cc174a32418</t>
  </si>
  <si>
    <t>BU08510308</t>
  </si>
  <si>
    <t>2021BU08510308</t>
  </si>
  <si>
    <t>buurten.b5689756-516a-4ecd-b682-dc4d6107d774</t>
  </si>
  <si>
    <t>Stampersgat</t>
  </si>
  <si>
    <t>Verkennen naar mogelijkheden voor aardgasvrij. Zowel collectief als individuele warmteoplossing wordt bekeken.</t>
  </si>
  <si>
    <t>BU08510309</t>
  </si>
  <si>
    <t>2021BU08510309</t>
  </si>
  <si>
    <t>buurten.4f5ac274-ad3a-4270-b231-7941f3af130c</t>
  </si>
  <si>
    <t>BU08510400</t>
  </si>
  <si>
    <t>Nieuw-Vossemeer</t>
  </si>
  <si>
    <t>WK085104</t>
  </si>
  <si>
    <t>2021BU08510400</t>
  </si>
  <si>
    <t>buurten.c57209a6-ff86-497e-bffb-6a8204596bdf</t>
  </si>
  <si>
    <t>PL0851010002</t>
  </si>
  <si>
    <t>NV centrum oud</t>
  </si>
  <si>
    <t>BU08510409</t>
  </si>
  <si>
    <t>Verspreide huizen waaronder Pelsendijk en Rolaf</t>
  </si>
  <si>
    <t>2021BU08510409</t>
  </si>
  <si>
    <t>buurten.9a93e465-6bb9-49e3-8aa5-d88156b880a0</t>
  </si>
  <si>
    <t>PL0851010008</t>
  </si>
  <si>
    <t>NV centrum</t>
  </si>
  <si>
    <t>BU08520000</t>
  </si>
  <si>
    <t>Monnickendam</t>
  </si>
  <si>
    <t>WK085200</t>
  </si>
  <si>
    <t>2021BU08520000</t>
  </si>
  <si>
    <t>buurten.0147923b-eccf-40b6-8ebb-2ece9272c4a6</t>
  </si>
  <si>
    <t>PL0852010001</t>
  </si>
  <si>
    <t>Optie met de laagste maatschappelijke kosten gebruiken, gebruik maken van plannen om riool te vervangen. Onderzoek naar oppervlaktewater voor nieuwbouw afwachten om te beoordelen of dit ook voor bestaande bouw gebruikt kan worden.</t>
  </si>
  <si>
    <t>BU08520001</t>
  </si>
  <si>
    <t>2021BU08520001</t>
  </si>
  <si>
    <t>buurten.d8f3f95b-91e6-4cf8-a1e3-e6a9ca05174d</t>
  </si>
  <si>
    <t>BU08520002</t>
  </si>
  <si>
    <t>Markgouw</t>
  </si>
  <si>
    <t>2021BU08520002</t>
  </si>
  <si>
    <t>buurten.76209d86-fcef-4812-a842-343f5fafb432</t>
  </si>
  <si>
    <t>BU08520003</t>
  </si>
  <si>
    <t>Ringshemmen</t>
  </si>
  <si>
    <t>2021BU08520003</t>
  </si>
  <si>
    <t>buurten.741f17ca-9ede-4d80-a676-5ddbde341296</t>
  </si>
  <si>
    <t>BU08520004</t>
  </si>
  <si>
    <t>Ooster Ee</t>
  </si>
  <si>
    <t>2021BU08520004</t>
  </si>
  <si>
    <t>buurten.73c18b39-9436-49b2-8f36-171b28b45798</t>
  </si>
  <si>
    <t>BU08520005</t>
  </si>
  <si>
    <t>'t Spil</t>
  </si>
  <si>
    <t>2021BU08520005</t>
  </si>
  <si>
    <t>buurten.87a2658c-5925-4d33-b9c1-782a8d42e085</t>
  </si>
  <si>
    <t>BU08520006</t>
  </si>
  <si>
    <t>Binnengouw</t>
  </si>
  <si>
    <t>2021BU08520006</t>
  </si>
  <si>
    <t>buurten.96570d28-a6fa-4361-9c8e-db81216fbc14</t>
  </si>
  <si>
    <t>BU08520007</t>
  </si>
  <si>
    <t>Buitengouw</t>
  </si>
  <si>
    <t>2021BU08520007</t>
  </si>
  <si>
    <t>buurten.ff8e384d-e2ff-4025-b819-9ce17eacd1fc</t>
  </si>
  <si>
    <t>BU08520009</t>
  </si>
  <si>
    <t>2021BU08520009</t>
  </si>
  <si>
    <t>buurten.a2865e8d-0d46-4858-b7c1-f06f0fbc99a5</t>
  </si>
  <si>
    <t>BU08520010</t>
  </si>
  <si>
    <t>De Purmer (gedeeltelijk)</t>
  </si>
  <si>
    <t>2021BU08520010</t>
  </si>
  <si>
    <t>buurten.87a87992-2add-4ac5-99bc-092de16c67bf</t>
  </si>
  <si>
    <t>BU08520100</t>
  </si>
  <si>
    <t>Katwoude</t>
  </si>
  <si>
    <t>WK085201</t>
  </si>
  <si>
    <t>2021BU08520100</t>
  </si>
  <si>
    <t>buurten.96ea726c-2ba2-4a92-9532-83ae96959531</t>
  </si>
  <si>
    <t>BU08520200</t>
  </si>
  <si>
    <t>Havenbuurt en Kerkbuurt</t>
  </si>
  <si>
    <t>WK085202</t>
  </si>
  <si>
    <t>2021BU08520200</t>
  </si>
  <si>
    <t>buurten.b5416e7b-f32d-46a7-962f-dc8a9c9d5736</t>
  </si>
  <si>
    <t>BU08520201</t>
  </si>
  <si>
    <t>Verspreide huizen Op de Werven ten zuiden van kanaal</t>
  </si>
  <si>
    <t>2021BU08520201</t>
  </si>
  <si>
    <t>buurten.ad6665d3-af32-4129-a677-ec9b13aa4401</t>
  </si>
  <si>
    <t>BU08520300</t>
  </si>
  <si>
    <t>Broek in Waterland</t>
  </si>
  <si>
    <t>WK085203</t>
  </si>
  <si>
    <t>2021BU08520300</t>
  </si>
  <si>
    <t>buurten.2ceea4ea-8fa4-4ebc-ae60-d7dacddecfd3</t>
  </si>
  <si>
    <t>Broek in Waterland, Wagengouw</t>
  </si>
  <si>
    <t>Collectieve aanpak all-electric</t>
  </si>
  <si>
    <t>BU08520301</t>
  </si>
  <si>
    <t>Zuiderwoude</t>
  </si>
  <si>
    <t>2021BU08520301</t>
  </si>
  <si>
    <t>buurten.3333dd7d-3b00-4b73-9dfb-0ad9a1600cb0</t>
  </si>
  <si>
    <t>BU08520302</t>
  </si>
  <si>
    <t>Uitdam</t>
  </si>
  <si>
    <t>2021BU08520302</t>
  </si>
  <si>
    <t>buurten.ac1b73a7-efd3-457c-b089-9bcfcfaa11ab</t>
  </si>
  <si>
    <t>PL0852010004</t>
  </si>
  <si>
    <t>BU08520400</t>
  </si>
  <si>
    <t>Ilpendam</t>
  </si>
  <si>
    <t>WK085204</t>
  </si>
  <si>
    <t>2021BU08520400</t>
  </si>
  <si>
    <t>buurten.9a1d925c-c86a-4629-a131-f7a91d50e65e</t>
  </si>
  <si>
    <t>BU08520401</t>
  </si>
  <si>
    <t>2021BU08520401</t>
  </si>
  <si>
    <t>buurten.6f91729d-3fc2-4a0a-9d77-af35443fcbe6</t>
  </si>
  <si>
    <t>BU08520500</t>
  </si>
  <si>
    <t>Watergang</t>
  </si>
  <si>
    <t>WK085205</t>
  </si>
  <si>
    <t>2021BU08520500</t>
  </si>
  <si>
    <t>buurten.66b75f14-38d5-4e84-bfc1-073213acb6f0</t>
  </si>
  <si>
    <t>BU08551001</t>
  </si>
  <si>
    <t>Binnenstad West</t>
  </si>
  <si>
    <t>WK085510</t>
  </si>
  <si>
    <t>2021BU08551001</t>
  </si>
  <si>
    <t>buurten.05f5cdae-0cb7-4b16-b216-4db0bf833fba</t>
  </si>
  <si>
    <t>PL0855010004</t>
  </si>
  <si>
    <t>Zone 3: Binnen de ringbanen</t>
  </si>
  <si>
    <t>BU08551002</t>
  </si>
  <si>
    <t>Binnenstad Oost</t>
  </si>
  <si>
    <t>2021BU08551002</t>
  </si>
  <si>
    <t>buurten.c9185492-5458-4cb9-a69c-52b72268bcb4</t>
  </si>
  <si>
    <t>BU08551003</t>
  </si>
  <si>
    <t>Koningsplein</t>
  </si>
  <si>
    <t>2021BU08551003</t>
  </si>
  <si>
    <t>buurten.0e56d2b8-4a5f-4359-a490-4122b60c0d09</t>
  </si>
  <si>
    <t>BU08551004</t>
  </si>
  <si>
    <t>Oude Dijk</t>
  </si>
  <si>
    <t>2021BU08551004</t>
  </si>
  <si>
    <t>buurten.1302eefb-563c-4ef6-bf7a-d967ef736603</t>
  </si>
  <si>
    <t>BU08551101</t>
  </si>
  <si>
    <t>WK085511</t>
  </si>
  <si>
    <t>2021BU08551101</t>
  </si>
  <si>
    <t>buurten.73c75ab2-c029-4163-bd2a-26a91238f9b3</t>
  </si>
  <si>
    <t>BU08551102</t>
  </si>
  <si>
    <t>2021BU08551102</t>
  </si>
  <si>
    <t>buurten.a697dcc1-27bc-47b1-b6b6-e8cc610b08bc</t>
  </si>
  <si>
    <t>BU08551103</t>
  </si>
  <si>
    <t>Hoogvenne Oost</t>
  </si>
  <si>
    <t>2021BU08551103</t>
  </si>
  <si>
    <t>buurten.e0a118e1-7e30-48fa-881d-f806a0a298d4</t>
  </si>
  <si>
    <t>BU08551104</t>
  </si>
  <si>
    <t>Hoogvenne West</t>
  </si>
  <si>
    <t>2021BU08551104</t>
  </si>
  <si>
    <t>buurten.13854ff8-bd86-476e-aa23-b706751cc16f</t>
  </si>
  <si>
    <t>BU08551105</t>
  </si>
  <si>
    <t>Piushaven</t>
  </si>
  <si>
    <t>2021BU08551105</t>
  </si>
  <si>
    <t>buurten.3d0f9f53-25e6-4474-8551-8db98f68df7a</t>
  </si>
  <si>
    <t>BU08551201</t>
  </si>
  <si>
    <t>Armhoef Noord-West</t>
  </si>
  <si>
    <t>WK085512</t>
  </si>
  <si>
    <t>2021BU08551201</t>
  </si>
  <si>
    <t>buurten.013213cb-f242-47c5-86cd-8dcb5b91dc7f</t>
  </si>
  <si>
    <t>BU08551202</t>
  </si>
  <si>
    <t>Armhoef Noord-Oost</t>
  </si>
  <si>
    <t>2021BU08551202</t>
  </si>
  <si>
    <t>buurten.68755ac8-316b-41d2-9bc9-7e5a2e6f3d46</t>
  </si>
  <si>
    <t>BU08551203</t>
  </si>
  <si>
    <t>Armhoef Zuid</t>
  </si>
  <si>
    <t>2021BU08551203</t>
  </si>
  <si>
    <t>buurten.c3636828-ecdc-4b4f-be38-ffc7de6666cf</t>
  </si>
  <si>
    <t>BU08551301</t>
  </si>
  <si>
    <t>Jeruzalem Noord</t>
  </si>
  <si>
    <t>WK085513</t>
  </si>
  <si>
    <t>2021BU08551301</t>
  </si>
  <si>
    <t>buurten.bdc1246b-4f38-4bab-bd11-2ef15374ffb4</t>
  </si>
  <si>
    <t>BU08551302</t>
  </si>
  <si>
    <t>Jeruzalem Zuid</t>
  </si>
  <si>
    <t>2021BU08551302</t>
  </si>
  <si>
    <t>buurten.2816dec4-7ac9-4d97-ad07-bab15cb9a359</t>
  </si>
  <si>
    <t>BU08551401</t>
  </si>
  <si>
    <t>Fatima West</t>
  </si>
  <si>
    <t>WK085514</t>
  </si>
  <si>
    <t>2021BU08551401</t>
  </si>
  <si>
    <t>buurten.7519e194-1a51-4ada-949b-cae6d973b210</t>
  </si>
  <si>
    <t>BU08551402</t>
  </si>
  <si>
    <t>Fatima Oost</t>
  </si>
  <si>
    <t>2021BU08551402</t>
  </si>
  <si>
    <t>buurten.400645fa-31d5-4db8-a8d6-f0388d08e402</t>
  </si>
  <si>
    <t>BU08551403</t>
  </si>
  <si>
    <t>Fatima Noord</t>
  </si>
  <si>
    <t>2021BU08551403</t>
  </si>
  <si>
    <t>buurten.710cdd32-362b-4024-94ae-563ee3e80788</t>
  </si>
  <si>
    <t>BU08551404</t>
  </si>
  <si>
    <t>Bedrijventerrein AaBe</t>
  </si>
  <si>
    <t>2021BU08551404</t>
  </si>
  <si>
    <t>buurten.e9749458-299f-4204-8ae0-f70e11fad960</t>
  </si>
  <si>
    <t>BU08551405</t>
  </si>
  <si>
    <t>Hoevenseweg</t>
  </si>
  <si>
    <t>2021BU08551405</t>
  </si>
  <si>
    <t>buurten.cf3e81b0-cc8a-4349-bc0b-12bfc92aa77b</t>
  </si>
  <si>
    <t>BU08551501</t>
  </si>
  <si>
    <t>Broekhoven I West</t>
  </si>
  <si>
    <t>WK085515</t>
  </si>
  <si>
    <t>2021BU08551501</t>
  </si>
  <si>
    <t>buurten.b54d3484-6469-4eb8-a2f1-ffc4d30bc507</t>
  </si>
  <si>
    <t>BU08551502</t>
  </si>
  <si>
    <t>Broekhoven I</t>
  </si>
  <si>
    <t>2021BU08551502</t>
  </si>
  <si>
    <t>buurten.ae2a1516-6d4f-479b-b833-a23436529798</t>
  </si>
  <si>
    <t>BU08551503</t>
  </si>
  <si>
    <t>Voltterrein</t>
  </si>
  <si>
    <t>2021BU08551503</t>
  </si>
  <si>
    <t>buurten.963c9039-4296-4bd9-83cc-1763c72118c8</t>
  </si>
  <si>
    <t>BU08551504</t>
  </si>
  <si>
    <t>Broekhoven II West</t>
  </si>
  <si>
    <t>2021BU08551504</t>
  </si>
  <si>
    <t>buurten.6f1939ce-cbef-43c8-9971-3a2a79cdff9d</t>
  </si>
  <si>
    <t>BU08551505</t>
  </si>
  <si>
    <t>Broekhoven II Oost</t>
  </si>
  <si>
    <t>2021BU08551505</t>
  </si>
  <si>
    <t>buurten.e40751e9-ac71-47df-b720-625623e86c4a</t>
  </si>
  <si>
    <t>BU08551601</t>
  </si>
  <si>
    <t>Afrikaanderbuurt West</t>
  </si>
  <si>
    <t>WK085516</t>
  </si>
  <si>
    <t>2021BU08551601</t>
  </si>
  <si>
    <t>buurten.a2e0c82b-54b1-4a43-903b-1339692eca6f</t>
  </si>
  <si>
    <t>BU08551602</t>
  </si>
  <si>
    <t>Afrikaanderbuurt Midden</t>
  </si>
  <si>
    <t>2021BU08551602</t>
  </si>
  <si>
    <t>buurten.ade52e4a-476f-41c4-89f7-faf4d74fbf39</t>
  </si>
  <si>
    <t>BU08551603</t>
  </si>
  <si>
    <t>Afrikaanderbuurt Oost</t>
  </si>
  <si>
    <t>2021BU08551603</t>
  </si>
  <si>
    <t>buurten.1e566fa5-7471-4c59-be7b-776fa86068f2</t>
  </si>
  <si>
    <t>BU08551604</t>
  </si>
  <si>
    <t>2021BU08551604</t>
  </si>
  <si>
    <t>buurten.c25bf895-49a1-4e5c-b8c4-6baa9f842ef9</t>
  </si>
  <si>
    <t>BU08551701</t>
  </si>
  <si>
    <t>Kromhoutpark</t>
  </si>
  <si>
    <t>WK085517</t>
  </si>
  <si>
    <t>2021BU08551701</t>
  </si>
  <si>
    <t>buurten.4e3f2fdc-0333-4c97-97b8-90809a343c87</t>
  </si>
  <si>
    <t>BU08551702</t>
  </si>
  <si>
    <t>Westend</t>
  </si>
  <si>
    <t>2021BU08551702</t>
  </si>
  <si>
    <t>buurten.49c67747-f439-4b87-9db5-27c30d76327a</t>
  </si>
  <si>
    <t>BU08551703</t>
  </si>
  <si>
    <t>Schildersbuurt Noord</t>
  </si>
  <si>
    <t>2021BU08551703</t>
  </si>
  <si>
    <t>buurten.f7fe7156-8f32-4945-b339-a36d6b8a0be2</t>
  </si>
  <si>
    <t>BU08551704</t>
  </si>
  <si>
    <t>Schildersbuurt Zuid</t>
  </si>
  <si>
    <t>2021BU08551704</t>
  </si>
  <si>
    <t>buurten.74b8c2eb-4d27-4eec-8388-d63b01353379</t>
  </si>
  <si>
    <t>BU08551705</t>
  </si>
  <si>
    <t>2021BU08551705</t>
  </si>
  <si>
    <t>buurten.7a240caf-16e1-458a-b8ee-c0eaa8a43aa7</t>
  </si>
  <si>
    <t>BU08551706</t>
  </si>
  <si>
    <t>Staatsliedenbuurt Oost</t>
  </si>
  <si>
    <t>2021BU08551706</t>
  </si>
  <si>
    <t>buurten.2b9f2539-1d0e-4bd2-8036-330d126093f0</t>
  </si>
  <si>
    <t>BU08551707</t>
  </si>
  <si>
    <t>Het Laar</t>
  </si>
  <si>
    <t>2021BU08551707</t>
  </si>
  <si>
    <t>buurten.70167d58-78cd-4116-b1c2-8f79c2ebfae3</t>
  </si>
  <si>
    <t>BU08551801</t>
  </si>
  <si>
    <t>Trouwlaan</t>
  </si>
  <si>
    <t>WK085518</t>
  </si>
  <si>
    <t>2021BU08551801</t>
  </si>
  <si>
    <t>buurten.fe1b70f3-9a60-4846-9197-c2de8e7ad7c0</t>
  </si>
  <si>
    <t>BU08551802</t>
  </si>
  <si>
    <t>2021BU08551802</t>
  </si>
  <si>
    <t>buurten.54a361c9-3192-43a5-b4f4-0af532f22dff</t>
  </si>
  <si>
    <t>BU08551901</t>
  </si>
  <si>
    <t>Sint Anna Noord</t>
  </si>
  <si>
    <t>WK085519</t>
  </si>
  <si>
    <t>2021BU08551901</t>
  </si>
  <si>
    <t>buurten.81430258-bd95-487d-be2d-4a34ced278ba</t>
  </si>
  <si>
    <t>BU08551902</t>
  </si>
  <si>
    <t>Sint Anna Zuid</t>
  </si>
  <si>
    <t>2021BU08551902</t>
  </si>
  <si>
    <t>buurten.68c3afd3-6f54-45e9-b42e-54b1d146280e</t>
  </si>
  <si>
    <t>BU08552001</t>
  </si>
  <si>
    <t>Bomenbuurt West</t>
  </si>
  <si>
    <t>WK085520</t>
  </si>
  <si>
    <t>2021BU08552001</t>
  </si>
  <si>
    <t>buurten.6ee176d8-447c-4124-ba70-620b7785258a</t>
  </si>
  <si>
    <t>BU08552002</t>
  </si>
  <si>
    <t>Bomenbuurt Midden</t>
  </si>
  <si>
    <t>2021BU08552002</t>
  </si>
  <si>
    <t>buurten.0d1cb8a2-194b-4891-b893-6398caa3f292</t>
  </si>
  <si>
    <t>BU08552003</t>
  </si>
  <si>
    <t>Bomenbuurt Oost</t>
  </si>
  <si>
    <t>2021BU08552003</t>
  </si>
  <si>
    <t>buurten.287c660d-715c-4a8c-bc0e-4a7856215d46</t>
  </si>
  <si>
    <t>BU08552101</t>
  </si>
  <si>
    <t>VGL-terrein</t>
  </si>
  <si>
    <t>WK085521</t>
  </si>
  <si>
    <t>2021BU08552101</t>
  </si>
  <si>
    <t>buurten.2bb5aae0-bf52-4991-a1d9-56b76eb1d796</t>
  </si>
  <si>
    <t>BU08552102</t>
  </si>
  <si>
    <t>Talentsquare</t>
  </si>
  <si>
    <t>2021BU08552102</t>
  </si>
  <si>
    <t>buurten.f5ad4f30-9480-41e9-aa65-b6bac1ed4290</t>
  </si>
  <si>
    <t>BU08552103</t>
  </si>
  <si>
    <t>Spoorlaan</t>
  </si>
  <si>
    <t>2021BU08552103</t>
  </si>
  <si>
    <t>buurten.9c4fd4c4-e8ba-4aa9-8c5a-99eb027d5015</t>
  </si>
  <si>
    <t>BU08552201</t>
  </si>
  <si>
    <t>Bouwmeestersbuurt Noord</t>
  </si>
  <si>
    <t>WK085522</t>
  </si>
  <si>
    <t>2021BU08552201</t>
  </si>
  <si>
    <t>buurten.436ee0b8-6f4f-4778-850e-39980c929a3c</t>
  </si>
  <si>
    <t>BU08552202</t>
  </si>
  <si>
    <t>Bouwmeestersbuurt Zuid</t>
  </si>
  <si>
    <t>2021BU08552202</t>
  </si>
  <si>
    <t>buurten.16ba6e6a-bd6e-4f9d-a93c-9af8edd43916</t>
  </si>
  <si>
    <t>BU08552301</t>
  </si>
  <si>
    <t>Textielbuurt West</t>
  </si>
  <si>
    <t>WK085523</t>
  </si>
  <si>
    <t>2021BU08552301</t>
  </si>
  <si>
    <t>buurten.f66d9fcb-b8c2-4f0b-85be-5da83950f7de</t>
  </si>
  <si>
    <t>BU08552302</t>
  </si>
  <si>
    <t>Textielbuurt Oost</t>
  </si>
  <si>
    <t>2021BU08552302</t>
  </si>
  <si>
    <t>buurten.2d0cf2f0-ff8b-48d2-830a-c2f342dfc4ae</t>
  </si>
  <si>
    <t>BU08552303</t>
  </si>
  <si>
    <t>2021BU08552303</t>
  </si>
  <si>
    <t>buurten.df8b00fd-017f-4551-aeeb-eac258499e89</t>
  </si>
  <si>
    <t>BU08552304</t>
  </si>
  <si>
    <t>Kasteel West</t>
  </si>
  <si>
    <t>2021BU08552304</t>
  </si>
  <si>
    <t>buurten.ba8aa06c-cb2d-430e-a25c-8a01a0ba90d9</t>
  </si>
  <si>
    <t>BU08552305</t>
  </si>
  <si>
    <t>Kasteel Oost</t>
  </si>
  <si>
    <t>2021BU08552305</t>
  </si>
  <si>
    <t>buurten.395ef2c5-8d42-4bda-84e2-ec30dd85e030</t>
  </si>
  <si>
    <t>BU08552401</t>
  </si>
  <si>
    <t>Goirke Noord</t>
  </si>
  <si>
    <t>WK085524</t>
  </si>
  <si>
    <t>2021BU08552401</t>
  </si>
  <si>
    <t>buurten.775bdee6-7200-440b-872f-0f0b9aa27dde</t>
  </si>
  <si>
    <t>BU08552402</t>
  </si>
  <si>
    <t>Pastorieklamp West</t>
  </si>
  <si>
    <t>2021BU08552402</t>
  </si>
  <si>
    <t>buurten.ec065208-9707-4d9d-8b02-31572430ab48</t>
  </si>
  <si>
    <t>BU08552403</t>
  </si>
  <si>
    <t>Pastorieklamp Oost</t>
  </si>
  <si>
    <t>2021BU08552403</t>
  </si>
  <si>
    <t>buurten.84764115-1a59-494e-9438-0880a3196922</t>
  </si>
  <si>
    <t>BU08552501</t>
  </si>
  <si>
    <t>Sint Pieterspark</t>
  </si>
  <si>
    <t>WK085525</t>
  </si>
  <si>
    <t>2021BU08552501</t>
  </si>
  <si>
    <t>buurten.d1ee9441-ae89-455a-a01f-65c67261c0fa</t>
  </si>
  <si>
    <t>BU08552502</t>
  </si>
  <si>
    <t>Hoefstraat Noord</t>
  </si>
  <si>
    <t>2021BU08552502</t>
  </si>
  <si>
    <t>buurten.3135802e-dbc8-471e-b851-9b0063942356</t>
  </si>
  <si>
    <t>BU08552503</t>
  </si>
  <si>
    <t>Padua</t>
  </si>
  <si>
    <t>2021BU08552503</t>
  </si>
  <si>
    <t>buurten.98b033d3-fe55-44b0-b5f0-9eefe713c4d0</t>
  </si>
  <si>
    <t>BU08552504</t>
  </si>
  <si>
    <t>Hoefstraat Zuid</t>
  </si>
  <si>
    <t>2021BU08552504</t>
  </si>
  <si>
    <t>buurten.26253b77-e2dc-4296-83b5-f2b18610340e</t>
  </si>
  <si>
    <t>BU08552601</t>
  </si>
  <si>
    <t>Besterd</t>
  </si>
  <si>
    <t>WK085526</t>
  </si>
  <si>
    <t>2021BU08552601</t>
  </si>
  <si>
    <t>buurten.fbca674c-fb0a-4761-8715-c36d1bd118c3</t>
  </si>
  <si>
    <t>BU08552602</t>
  </si>
  <si>
    <t>Rosmolen</t>
  </si>
  <si>
    <t>2021BU08552602</t>
  </si>
  <si>
    <t>buurten.200acc57-d031-4818-92c9-5f8a9c460a0d</t>
  </si>
  <si>
    <t>BU08552603</t>
  </si>
  <si>
    <t>Loven Noord</t>
  </si>
  <si>
    <t>2021BU08552603</t>
  </si>
  <si>
    <t>buurten.e658d57c-82ea-4ff0-a4d7-0d1555631604</t>
  </si>
  <si>
    <t>BU08552604</t>
  </si>
  <si>
    <t>Loven Zuid</t>
  </si>
  <si>
    <t>2021BU08552604</t>
  </si>
  <si>
    <t>buurten.dec3234d-be97-44b2-9eba-bea750244760</t>
  </si>
  <si>
    <t>BU08552605</t>
  </si>
  <si>
    <t>Loven Oost</t>
  </si>
  <si>
    <t>2021BU08552605</t>
  </si>
  <si>
    <t>buurten.64c8f620-80c1-48d4-9187-b71bd70d30f8</t>
  </si>
  <si>
    <t>BU08552701</t>
  </si>
  <si>
    <t>Theresia West</t>
  </si>
  <si>
    <t>WK085527</t>
  </si>
  <si>
    <t>2021BU08552701</t>
  </si>
  <si>
    <t>buurten.b0f19723-7755-4dbb-bad7-92323245883f</t>
  </si>
  <si>
    <t>BU08552702</t>
  </si>
  <si>
    <t>Theresia Midden</t>
  </si>
  <si>
    <t>2021BU08552702</t>
  </si>
  <si>
    <t>buurten.b197887f-712c-439f-89bb-8806185d7c5a</t>
  </si>
  <si>
    <t>BU08552703</t>
  </si>
  <si>
    <t>Theresia Oost</t>
  </si>
  <si>
    <t>2021BU08552703</t>
  </si>
  <si>
    <t>buurten.6eae8cb3-4944-473f-9782-4b574b25084a</t>
  </si>
  <si>
    <t>BU08552801</t>
  </si>
  <si>
    <t>Spoorzone Noord-West</t>
  </si>
  <si>
    <t>WK085528</t>
  </si>
  <si>
    <t>2021BU08552801</t>
  </si>
  <si>
    <t>buurten.b56a4197-b3a4-4ed9-9136-6129c9e10be9</t>
  </si>
  <si>
    <t>BU08552802</t>
  </si>
  <si>
    <t>Spoorzone Noord-Oost</t>
  </si>
  <si>
    <t>2021BU08552802</t>
  </si>
  <si>
    <t>buurten.282555e3-6026-4b52-a94a-18b051b93def</t>
  </si>
  <si>
    <t>BU08552901</t>
  </si>
  <si>
    <t>Smariusterrein</t>
  </si>
  <si>
    <t>WK085529</t>
  </si>
  <si>
    <t>2021BU08552901</t>
  </si>
  <si>
    <t>buurten.b3da906c-0840-4823-9fc8-4f6828c0db16</t>
  </si>
  <si>
    <t>BU08552902</t>
  </si>
  <si>
    <t>Ind.terrein Kanaalzone Noord</t>
  </si>
  <si>
    <t>2021BU08552902</t>
  </si>
  <si>
    <t>buurten.d06e0008-1d9d-4dea-915d-347ae3add364</t>
  </si>
  <si>
    <t>BU08552903</t>
  </si>
  <si>
    <t>Ind.terrein Kanaalzone Noord-Oost</t>
  </si>
  <si>
    <t>2021BU08552903</t>
  </si>
  <si>
    <t>buurten.b5151cab-2773-43dd-af62-f9061127930b</t>
  </si>
  <si>
    <t>BU08552904</t>
  </si>
  <si>
    <t>Melis Stokestraat</t>
  </si>
  <si>
    <t>2021BU08552904</t>
  </si>
  <si>
    <t>buurten.bcc240f4-e705-424f-aa89-4ca03dd9d188</t>
  </si>
  <si>
    <t>BU08552905</t>
  </si>
  <si>
    <t>Ind.terrein Kanaalzone Oost</t>
  </si>
  <si>
    <t>2021BU08552905</t>
  </si>
  <si>
    <t>buurten.e86a664f-3055-4e94-b518-2d98ef419d12</t>
  </si>
  <si>
    <t>BU08552906</t>
  </si>
  <si>
    <t>Ind.terrein Kanaalzone Zuid</t>
  </si>
  <si>
    <t>2021BU08552906</t>
  </si>
  <si>
    <t>buurten.02745366-a947-4784-a2ec-fddf5078a417</t>
  </si>
  <si>
    <t>BU08552907</t>
  </si>
  <si>
    <t>Kanaalzone Bosscheweg</t>
  </si>
  <si>
    <t>2021BU08552907</t>
  </si>
  <si>
    <t>buurten.35cae84e-2127-4aa0-aece-43668e3089df</t>
  </si>
  <si>
    <t>BU08553001</t>
  </si>
  <si>
    <t>Moerenburg</t>
  </si>
  <si>
    <t>WK085530</t>
  </si>
  <si>
    <t>2021BU08553001</t>
  </si>
  <si>
    <t>buurten.f5c6ff55-c734-4d6c-b4e2-441f95d74cdb</t>
  </si>
  <si>
    <t>BU08553101</t>
  </si>
  <si>
    <t>Leijpark</t>
  </si>
  <si>
    <t>WK085531</t>
  </si>
  <si>
    <t>2021BU08553101</t>
  </si>
  <si>
    <t>buurten.656a8e54-62a6-44d0-8f84-f87d1467ca3b</t>
  </si>
  <si>
    <t>BU08553102</t>
  </si>
  <si>
    <t>Koningshoeven</t>
  </si>
  <si>
    <t>2021BU08553102</t>
  </si>
  <si>
    <t>buurten.4eedaf8c-e0d2-4228-81cc-06f25951b51e</t>
  </si>
  <si>
    <t>BU08553103</t>
  </si>
  <si>
    <t>Elisabethziekenhuis</t>
  </si>
  <si>
    <t>2021BU08553103</t>
  </si>
  <si>
    <t>buurten.51cb4654-1e9d-4ce8-94b4-580c1cbbfdad</t>
  </si>
  <si>
    <t>BU08553104</t>
  </si>
  <si>
    <t>Leijhoeven</t>
  </si>
  <si>
    <t>2021BU08553104</t>
  </si>
  <si>
    <t>buurten.d2117ff4-05d4-417a-9afe-b41d4e8f4da7</t>
  </si>
  <si>
    <t>BU08553201</t>
  </si>
  <si>
    <t>Ezelvense Akkers</t>
  </si>
  <si>
    <t>WK085532</t>
  </si>
  <si>
    <t>2021BU08553201</t>
  </si>
  <si>
    <t>buurten.9a45e56b-007a-407d-a759-89870a39da38</t>
  </si>
  <si>
    <t>BU08553202</t>
  </si>
  <si>
    <t>Landbouwbuurt</t>
  </si>
  <si>
    <t>2021BU08553202</t>
  </si>
  <si>
    <t>buurten.1b743101-11e9-4571-b97c-cc2ce1e27bdb</t>
  </si>
  <si>
    <t>BU08553203</t>
  </si>
  <si>
    <t>Vogeltjesbuurt West</t>
  </si>
  <si>
    <t>2021BU08553203</t>
  </si>
  <si>
    <t>buurten.57b1af9e-1efc-4331-a26b-f52d7e624c8c</t>
  </si>
  <si>
    <t>BU08553204</t>
  </si>
  <si>
    <t>Vogeltjesbuurt Oost</t>
  </si>
  <si>
    <t>2021BU08553204</t>
  </si>
  <si>
    <t>buurten.df55b1e4-f6f1-49bd-9216-88c1d591bedb</t>
  </si>
  <si>
    <t>BU08553205</t>
  </si>
  <si>
    <t>2021BU08553205</t>
  </si>
  <si>
    <t>buurten.2ebb3faa-c572-401a-bbbe-81cf2be247af</t>
  </si>
  <si>
    <t>BU08553206</t>
  </si>
  <si>
    <t>Groenewoud Oost</t>
  </si>
  <si>
    <t>2021BU08553206</t>
  </si>
  <si>
    <t>buurten.e47de1b8-5f93-48e7-91aa-6f1df5c3b229</t>
  </si>
  <si>
    <t>BU08553207</t>
  </si>
  <si>
    <t>Groenewoud Midden</t>
  </si>
  <si>
    <t>2021BU08553207</t>
  </si>
  <si>
    <t>buurten.e6849992-564d-4c2b-9bef-ee3334839262</t>
  </si>
  <si>
    <t>BU08553208</t>
  </si>
  <si>
    <t>Groenewoud West</t>
  </si>
  <si>
    <t>2021BU08553208</t>
  </si>
  <si>
    <t>buurten.edd523fe-7d1e-4ee0-bdca-8e2352e848fb</t>
  </si>
  <si>
    <t>BU08553209</t>
  </si>
  <si>
    <t>Groenewoud Zuid</t>
  </si>
  <si>
    <t>2021BU08553209</t>
  </si>
  <si>
    <t>buurten.5e035f33-ebf5-4891-9700-b691f96cfdfe</t>
  </si>
  <si>
    <t>BU08553301</t>
  </si>
  <si>
    <t>Stappegoor Noord</t>
  </si>
  <si>
    <t>WK085533</t>
  </si>
  <si>
    <t>2021BU08553301</t>
  </si>
  <si>
    <t>buurten.0b228263-c32c-4ea5-9f82-8814a28e84cd</t>
  </si>
  <si>
    <t>BU08553302</t>
  </si>
  <si>
    <t>2021BU08553302</t>
  </si>
  <si>
    <t>buurten.1888bd6f-35f6-4be6-ba2c-79e1537e5fe8</t>
  </si>
  <si>
    <t>BU08553303</t>
  </si>
  <si>
    <t>Stappegoor Zuid</t>
  </si>
  <si>
    <t>2021BU08553303</t>
  </si>
  <si>
    <t>buurten.df297b69-8256-47dd-a9c3-5aa3b9766fb6</t>
  </si>
  <si>
    <t>BU08553401</t>
  </si>
  <si>
    <t>Bedrijventerrein Het Laar</t>
  </si>
  <si>
    <t>WK085534</t>
  </si>
  <si>
    <t>2021BU08553401</t>
  </si>
  <si>
    <t>buurten.09b043b3-8311-413b-b5b1-811668bc0486</t>
  </si>
  <si>
    <t>BU08553402</t>
  </si>
  <si>
    <t>Goirleseweg West</t>
  </si>
  <si>
    <t>2021BU08553402</t>
  </si>
  <si>
    <t>buurten.15a7c976-7edd-483a-8b3c-5a8e1768e936</t>
  </si>
  <si>
    <t>BU08553501</t>
  </si>
  <si>
    <t>De Blaak Noord-West</t>
  </si>
  <si>
    <t>WK085535</t>
  </si>
  <si>
    <t>2021BU08553501</t>
  </si>
  <si>
    <t>buurten.32e4f9a5-a885-4641-9ae3-85105c861d00</t>
  </si>
  <si>
    <t>BU08553502</t>
  </si>
  <si>
    <t>De Blaak Noord-Oost</t>
  </si>
  <si>
    <t>2021BU08553502</t>
  </si>
  <si>
    <t>buurten.d9d4abc2-21ec-4c69-ba93-38aa6de12a53</t>
  </si>
  <si>
    <t>BU08553503</t>
  </si>
  <si>
    <t>De Blaak Zuid-West</t>
  </si>
  <si>
    <t>2021BU08553503</t>
  </si>
  <si>
    <t>buurten.e574ad88-52fd-458d-b921-297346bb9667</t>
  </si>
  <si>
    <t>BU08553504</t>
  </si>
  <si>
    <t>De Blaak Zuid-Oost</t>
  </si>
  <si>
    <t>2021BU08553504</t>
  </si>
  <si>
    <t>buurten.62ba1d45-739b-49fd-8c9a-2b2422bcfae4</t>
  </si>
  <si>
    <t>BU08553601</t>
  </si>
  <si>
    <t>Friezenlaan</t>
  </si>
  <si>
    <t>WK085536</t>
  </si>
  <si>
    <t>2021BU08553601</t>
  </si>
  <si>
    <t>buurten.99426746-612f-4e69-8dd9-62376cdfacba</t>
  </si>
  <si>
    <t>BU08553602</t>
  </si>
  <si>
    <t>2021BU08553602</t>
  </si>
  <si>
    <t>buurten.7d155e27-f107-4b92-b0f7-cdc9185c8c9c</t>
  </si>
  <si>
    <t>BU08553603</t>
  </si>
  <si>
    <t>Staatsliedenbuurt West</t>
  </si>
  <si>
    <t>2021BU08553603</t>
  </si>
  <si>
    <t>buurten.7186eb51-72e8-45cf-9ab0-d1d8c7136808</t>
  </si>
  <si>
    <t>BU08553701</t>
  </si>
  <si>
    <t>Universiteit</t>
  </si>
  <si>
    <t>WK085537</t>
  </si>
  <si>
    <t>2021BU08553701</t>
  </si>
  <si>
    <t>buurten.582c64a0-ca46-4081-b10c-52db7c0f2bd1</t>
  </si>
  <si>
    <t>BU08553702</t>
  </si>
  <si>
    <t>Abdij- en Torenbuurt</t>
  </si>
  <si>
    <t>2021BU08553702</t>
  </si>
  <si>
    <t>buurten.b4cfc47e-66f3-4250-a79e-0360406b28bc</t>
  </si>
  <si>
    <t>BU08553703</t>
  </si>
  <si>
    <t>Universiteit Campus</t>
  </si>
  <si>
    <t>2021BU08553703</t>
  </si>
  <si>
    <t>buurten.b1b6b6d4-3460-4b32-b599-e958682b3426</t>
  </si>
  <si>
    <t>BU08553704</t>
  </si>
  <si>
    <t>Kastelenbuurt Noord</t>
  </si>
  <si>
    <t>2021BU08553704</t>
  </si>
  <si>
    <t>buurten.169d1613-ea05-49a4-a528-e7c4b2b00e51</t>
  </si>
  <si>
    <t>BU08553705</t>
  </si>
  <si>
    <t>Kastelenbuurt Zuid</t>
  </si>
  <si>
    <t>2021BU08553705</t>
  </si>
  <si>
    <t>buurten.c238adfc-122e-4537-9653-9d80ead7136c</t>
  </si>
  <si>
    <t>BU08553706</t>
  </si>
  <si>
    <t>Sportweg</t>
  </si>
  <si>
    <t>2021BU08553706</t>
  </si>
  <si>
    <t>buurten.258b3c6b-a1ce-4373-afb3-7412dc057786</t>
  </si>
  <si>
    <t>BU08553707</t>
  </si>
  <si>
    <t>Notre Dame</t>
  </si>
  <si>
    <t>2021BU08553707</t>
  </si>
  <si>
    <t>buurten.2be31bc4-5c4e-45eb-a34b-2cb4e7fbb8f0</t>
  </si>
  <si>
    <t>BU08553801</t>
  </si>
  <si>
    <t>Tweestedenziekenhuis</t>
  </si>
  <si>
    <t>WK085538</t>
  </si>
  <si>
    <t>2021BU08553801</t>
  </si>
  <si>
    <t>buurten.aab8ae1f-d842-444c-8861-d4f882c7df3a</t>
  </si>
  <si>
    <t>BU08553802</t>
  </si>
  <si>
    <t>Het Zand Noord-West</t>
  </si>
  <si>
    <t>2021BU08553802</t>
  </si>
  <si>
    <t>buurten.90a94322-d355-4ddc-a542-9526cfa76d40</t>
  </si>
  <si>
    <t>BU08553803</t>
  </si>
  <si>
    <t>Het Zand Noord-Oost</t>
  </si>
  <si>
    <t>2021BU08553803</t>
  </si>
  <si>
    <t>buurten.f539773b-4662-46eb-9eeb-5a34b1a4e195</t>
  </si>
  <si>
    <t>BU08553804</t>
  </si>
  <si>
    <t>Jagersbuurt West</t>
  </si>
  <si>
    <t>2021BU08553804</t>
  </si>
  <si>
    <t>buurten.20500560-6ae9-492e-ada1-c4958f5e4869</t>
  </si>
  <si>
    <t>BU08553805</t>
  </si>
  <si>
    <t>Jagersbuurt Oost</t>
  </si>
  <si>
    <t>2021BU08553805</t>
  </si>
  <si>
    <t>buurten.6a59a2b3-4ac5-46b3-b1c8-e6b7f6469d6a</t>
  </si>
  <si>
    <t>BU08553806</t>
  </si>
  <si>
    <t>Luchthavenbuurt West</t>
  </si>
  <si>
    <t>2021BU08553806</t>
  </si>
  <si>
    <t>buurten.40be846e-c932-4f26-b5e2-bd0ee5378a31</t>
  </si>
  <si>
    <t>BU08553807</t>
  </si>
  <si>
    <t>Luchthavenbuurt Oost</t>
  </si>
  <si>
    <t>2021BU08553807</t>
  </si>
  <si>
    <t>buurten.ee72a14c-7eef-414a-abc8-55d8bbdd3a9d</t>
  </si>
  <si>
    <t>BU08553808</t>
  </si>
  <si>
    <t>Westermarkt</t>
  </si>
  <si>
    <t>2021BU08553808</t>
  </si>
  <si>
    <t>buurten.c8901498-3c41-494d-b7fe-e9183f0f5cd8</t>
  </si>
  <si>
    <t>BU08553809</t>
  </si>
  <si>
    <t>Tiendschuur</t>
  </si>
  <si>
    <t>2021BU08553809</t>
  </si>
  <si>
    <t>buurten.e6ddc7e6-b17c-485e-b428-617f99d9c747</t>
  </si>
  <si>
    <t>BU08553810</t>
  </si>
  <si>
    <t>Vijverlaan</t>
  </si>
  <si>
    <t>2021BU08553810</t>
  </si>
  <si>
    <t>buurten.6047bc29-f65d-465d-8121-547cc6db59c4</t>
  </si>
  <si>
    <t>BU08553811</t>
  </si>
  <si>
    <t>Station Universiteit</t>
  </si>
  <si>
    <t>2021BU08553811</t>
  </si>
  <si>
    <t>buurten.1f941447-c5b5-4601-8d8d-ea78d70d536f</t>
  </si>
  <si>
    <t>BU08553812</t>
  </si>
  <si>
    <t>Bokhamer West</t>
  </si>
  <si>
    <t>2021BU08553812</t>
  </si>
  <si>
    <t>buurten.41f36ef3-9a0e-4af8-96d9-aa4a0ed520cc</t>
  </si>
  <si>
    <t>BU08553813</t>
  </si>
  <si>
    <t>Bokhamer</t>
  </si>
  <si>
    <t>2021BU08553813</t>
  </si>
  <si>
    <t>buurten.0694b174-d497-48d4-8f3b-a23c44a82764</t>
  </si>
  <si>
    <t>BU08553814</t>
  </si>
  <si>
    <t>Rooi Pannen</t>
  </si>
  <si>
    <t>2021BU08553814</t>
  </si>
  <si>
    <t>buurten.395ee94c-b114-4daa-a225-d3944ab736c9</t>
  </si>
  <si>
    <t>BU08553901</t>
  </si>
  <si>
    <t>Wandelbos Noord-West</t>
  </si>
  <si>
    <t>WK085539</t>
  </si>
  <si>
    <t>2021BU08553901</t>
  </si>
  <si>
    <t>buurten.d1fb5a93-132e-46f2-b2d7-d6071e951a6b</t>
  </si>
  <si>
    <t>BU08553902</t>
  </si>
  <si>
    <t>Kruidenbuurt West</t>
  </si>
  <si>
    <t>2021BU08553902</t>
  </si>
  <si>
    <t>buurten.c9d39790-4ea7-40f5-9ac2-ef9a49c78af5</t>
  </si>
  <si>
    <t>BU08553903</t>
  </si>
  <si>
    <t>Kruidenbuurt Oost</t>
  </si>
  <si>
    <t>2021BU08553903</t>
  </si>
  <si>
    <t>buurten.c2811147-0b66-49de-a2fe-b43e14293edc</t>
  </si>
  <si>
    <t>BU08553904</t>
  </si>
  <si>
    <t>Kruidenbuurt Zuid</t>
  </si>
  <si>
    <t>2021BU08553904</t>
  </si>
  <si>
    <t>buurten.1b634599-0346-4f87-9a09-f877804a44d1</t>
  </si>
  <si>
    <t>BU08553905</t>
  </si>
  <si>
    <t>Kleurenbuurt Noord</t>
  </si>
  <si>
    <t>2021BU08553905</t>
  </si>
  <si>
    <t>buurten.f95cd755-b8c1-4d7f-9343-3a26c24c1fcd</t>
  </si>
  <si>
    <t>BU08554001</t>
  </si>
  <si>
    <t>Het Wandelbos / Drijflanen</t>
  </si>
  <si>
    <t>WK085540</t>
  </si>
  <si>
    <t>2021BU08554001</t>
  </si>
  <si>
    <t>buurten.13a27470-5318-40d5-a174-756548c2e64e</t>
  </si>
  <si>
    <t>BU08554002</t>
  </si>
  <si>
    <t>2021BU08554002</t>
  </si>
  <si>
    <t>buurten.56020162-c151-4a2c-bc98-419af1507596</t>
  </si>
  <si>
    <t>BU08554003</t>
  </si>
  <si>
    <t>Kleurenbuurt Zuid</t>
  </si>
  <si>
    <t>2021BU08554003</t>
  </si>
  <si>
    <t>buurten.d572752d-29e3-48d3-a5e6-e9dbb6a732ae</t>
  </si>
  <si>
    <t>BU08554101</t>
  </si>
  <si>
    <t>De Oude Warande</t>
  </si>
  <si>
    <t>WK085541</t>
  </si>
  <si>
    <t>2021BU08554101</t>
  </si>
  <si>
    <t>buurten.2637646c-3da2-4eef-86e7-0171bc5dc018</t>
  </si>
  <si>
    <t>BU08554201</t>
  </si>
  <si>
    <t>Stokhasselt Noord-West</t>
  </si>
  <si>
    <t>WK085542</t>
  </si>
  <si>
    <t>2021BU08554201</t>
  </si>
  <si>
    <t>buurten.1481ca33-c3ee-46d7-895b-001771948f73</t>
  </si>
  <si>
    <t>BU08554202</t>
  </si>
  <si>
    <t>Stokhasselt Noord-Oost</t>
  </si>
  <si>
    <t>2021BU08554202</t>
  </si>
  <si>
    <t>buurten.11e23c55-5d22-4f4d-8945-5866d37fd39a</t>
  </si>
  <si>
    <t>BU08554203</t>
  </si>
  <si>
    <t>Stokhasselt West</t>
  </si>
  <si>
    <t>2021BU08554203</t>
  </si>
  <si>
    <t>buurten.b4744f2a-1fc7-4b59-86f5-5cd5e9a33c1f</t>
  </si>
  <si>
    <t>BU08554204</t>
  </si>
  <si>
    <t>Stokhasselt Oost</t>
  </si>
  <si>
    <t>2021BU08554204</t>
  </si>
  <si>
    <t>buurten.e594f0f7-a541-4716-84d7-25946ae51b00</t>
  </si>
  <si>
    <t>BU08554205</t>
  </si>
  <si>
    <t>Stokhasselt Zuid-West</t>
  </si>
  <si>
    <t>2021BU08554205</t>
  </si>
  <si>
    <t>buurten.5a13f73c-6ca2-4518-83d7-aaeee27879ac</t>
  </si>
  <si>
    <t>BU08554206</t>
  </si>
  <si>
    <t>Stokhasselt Zuid-Oost</t>
  </si>
  <si>
    <t>2021BU08554206</t>
  </si>
  <si>
    <t>buurten.685a1901-c93c-4d90-9b6b-92bef7ed356f</t>
  </si>
  <si>
    <t>BU08554207</t>
  </si>
  <si>
    <t>Stokhasselt Zuid</t>
  </si>
  <si>
    <t>2021BU08554207</t>
  </si>
  <si>
    <t>buurten.bf901de7-540e-46b9-9fd9-bf58493a9249</t>
  </si>
  <si>
    <t>BU08554301</t>
  </si>
  <si>
    <t>Heikant Noord-West</t>
  </si>
  <si>
    <t>WK085543</t>
  </si>
  <si>
    <t>2021BU08554301</t>
  </si>
  <si>
    <t>buurten.57291e2a-161d-49ae-96cf-3337daa35f06</t>
  </si>
  <si>
    <t>BU08554302</t>
  </si>
  <si>
    <t>Heikant Noord-Oost</t>
  </si>
  <si>
    <t>2021BU08554302</t>
  </si>
  <si>
    <t>buurten.eb758a15-546f-4a6b-b587-7ea5de900afc</t>
  </si>
  <si>
    <t>BU08554303</t>
  </si>
  <si>
    <t>Heikant West</t>
  </si>
  <si>
    <t>2021BU08554303</t>
  </si>
  <si>
    <t>buurten.2a217091-ef6a-4770-af7d-542926c38f0e</t>
  </si>
  <si>
    <t>BU08554304</t>
  </si>
  <si>
    <t>Heikant Oost</t>
  </si>
  <si>
    <t>2021BU08554304</t>
  </si>
  <si>
    <t>buurten.d622c12a-53f9-43e8-9bc2-954e174853bf</t>
  </si>
  <si>
    <t>BU08554305</t>
  </si>
  <si>
    <t>Heikant Zuid-West</t>
  </si>
  <si>
    <t>2021BU08554305</t>
  </si>
  <si>
    <t>buurten.e6e5245d-95e4-48a6-9bb0-feda27ffa52a</t>
  </si>
  <si>
    <t>BU08554306</t>
  </si>
  <si>
    <t>Heikant Zuid-Oost</t>
  </si>
  <si>
    <t>2021BU08554306</t>
  </si>
  <si>
    <t>buurten.efec1292-e1fd-4f9c-9843-87679bf46724</t>
  </si>
  <si>
    <t>BU08554307</t>
  </si>
  <si>
    <t>Lijnse Hoek West</t>
  </si>
  <si>
    <t>2021BU08554307</t>
  </si>
  <si>
    <t>buurten.8f507680-cfa3-452b-89ba-46e37aded37e</t>
  </si>
  <si>
    <t>BU08554308</t>
  </si>
  <si>
    <t>Lijnse Hoek Oost</t>
  </si>
  <si>
    <t>2021BU08554308</t>
  </si>
  <si>
    <t>buurten.6f9d70e0-fd7f-4199-8814-4cb800ffd5e9</t>
  </si>
  <si>
    <t>BU08554401</t>
  </si>
  <si>
    <t>Quirijnstok Noord-West</t>
  </si>
  <si>
    <t>WK085544</t>
  </si>
  <si>
    <t>2021BU08554401</t>
  </si>
  <si>
    <t>buurten.13e5ba93-1ac8-4deb-9161-22995c06a800</t>
  </si>
  <si>
    <t>BU08554402</t>
  </si>
  <si>
    <t>Quirijnstok Noord-Oost</t>
  </si>
  <si>
    <t>2021BU08554402</t>
  </si>
  <si>
    <t>buurten.6fed9eb6-8a57-4fea-9ea6-7c92342ff493</t>
  </si>
  <si>
    <t>BU08554403</t>
  </si>
  <si>
    <t>Quirijnstok West</t>
  </si>
  <si>
    <t>2021BU08554403</t>
  </si>
  <si>
    <t>buurten.f59d087b-7f74-4f98-ba23-17bfcbdfe97b</t>
  </si>
  <si>
    <t>BU08554404</t>
  </si>
  <si>
    <t>Quirijnstok Zuid-West</t>
  </si>
  <si>
    <t>2021BU08554404</t>
  </si>
  <si>
    <t>buurten.7273221a-293b-41a3-9a43-2e6283423346</t>
  </si>
  <si>
    <t>BU08554405</t>
  </si>
  <si>
    <t>Quirijnstok Zuid-Oost</t>
  </si>
  <si>
    <t>2021BU08554405</t>
  </si>
  <si>
    <t>buurten.f25d3433-764c-44d7-aba3-c6e9009b3c1c</t>
  </si>
  <si>
    <t>BU08554406</t>
  </si>
  <si>
    <t>Quirijnstokpark</t>
  </si>
  <si>
    <t>2021BU08554406</t>
  </si>
  <si>
    <t>buurten.4a914295-cdcf-454c-b2e3-c2581f1ceff4</t>
  </si>
  <si>
    <t>BU08554501</t>
  </si>
  <si>
    <t>Ind.terrein Loven Noord</t>
  </si>
  <si>
    <t>WK085545</t>
  </si>
  <si>
    <t>2021BU08554501</t>
  </si>
  <si>
    <t>buurten.68976cfe-d878-4b08-8eef-6fa808f76720</t>
  </si>
  <si>
    <t>BU08554502</t>
  </si>
  <si>
    <t>Ind.terrein Loven Zuid</t>
  </si>
  <si>
    <t>2021BU08554502</t>
  </si>
  <si>
    <t>buurten.3371c2c7-d85a-4c09-a61a-bc80c6d2654d</t>
  </si>
  <si>
    <t>BU08554601</t>
  </si>
  <si>
    <t>Bosscheweg</t>
  </si>
  <si>
    <t>WK085546</t>
  </si>
  <si>
    <t>2021BU08554601</t>
  </si>
  <si>
    <t>buurten.43c6c2ae-dee6-4094-b25f-609c8fd32eb3</t>
  </si>
  <si>
    <t>BU08554701</t>
  </si>
  <si>
    <t>Moerse Dreef</t>
  </si>
  <si>
    <t>WK085547</t>
  </si>
  <si>
    <t>2021BU08554701</t>
  </si>
  <si>
    <t>buurten.0c939d11-f36e-4c59-93a1-70774f5f4c8a</t>
  </si>
  <si>
    <t>BU08554702</t>
  </si>
  <si>
    <t>Gesworen Hoek West</t>
  </si>
  <si>
    <t>2021BU08554702</t>
  </si>
  <si>
    <t>buurten.761c8b49-d1c8-4223-baa1-053fadb6cfd6</t>
  </si>
  <si>
    <t>BU08554703</t>
  </si>
  <si>
    <t>Gesworen Hoek Zuid</t>
  </si>
  <si>
    <t>2021BU08554703</t>
  </si>
  <si>
    <t>buurten.b4b7238d-b6ca-41f4-8aa2-4615a9902afa</t>
  </si>
  <si>
    <t>BU08554704</t>
  </si>
  <si>
    <t>Gesworen Hoek Oost</t>
  </si>
  <si>
    <t>2021BU08554704</t>
  </si>
  <si>
    <t>buurten.901b6a02-6dea-45b1-a55d-6ba889a67b0a</t>
  </si>
  <si>
    <t>BU08554801</t>
  </si>
  <si>
    <t>Huibeven West</t>
  </si>
  <si>
    <t>WK085548</t>
  </si>
  <si>
    <t>2021BU08554801</t>
  </si>
  <si>
    <t>buurten.66085925-513a-42c3-90b7-a11b38ed474f</t>
  </si>
  <si>
    <t>BU08554802</t>
  </si>
  <si>
    <t>Huibeven Midden</t>
  </si>
  <si>
    <t>2021BU08554802</t>
  </si>
  <si>
    <t>buurten.37c637c5-5c94-4fa0-9222-0d3d9da6fec3</t>
  </si>
  <si>
    <t>BU08554803</t>
  </si>
  <si>
    <t>Huibeven Oost</t>
  </si>
  <si>
    <t>2021BU08554803</t>
  </si>
  <si>
    <t>buurten.eeb1b930-6d57-46ed-af31-797a78206bcc</t>
  </si>
  <si>
    <t>BU08554804</t>
  </si>
  <si>
    <t>Huibeven Zuid</t>
  </si>
  <si>
    <t>2021BU08554804</t>
  </si>
  <si>
    <t>buurten.b3463a77-f43b-428e-aaa3-5e8461f112bf</t>
  </si>
  <si>
    <t>BU08554901</t>
  </si>
  <si>
    <t>Campenhoef West</t>
  </si>
  <si>
    <t>WK085549</t>
  </si>
  <si>
    <t>2021BU08554901</t>
  </si>
  <si>
    <t>buurten.1b9117ac-90b0-4c3c-8e56-aa42939e99b5</t>
  </si>
  <si>
    <t>BU08554902</t>
  </si>
  <si>
    <t>Campenhoef Midden</t>
  </si>
  <si>
    <t>2021BU08554902</t>
  </si>
  <si>
    <t>buurten.7aed9b30-91d8-490b-86b0-e1c059ba00e6</t>
  </si>
  <si>
    <t>BU08554903</t>
  </si>
  <si>
    <t>Campenhoef Oost</t>
  </si>
  <si>
    <t>2021BU08554903</t>
  </si>
  <si>
    <t>buurten.dcb67c99-8316-4d4e-9a59-447999f57e58</t>
  </si>
  <si>
    <t>BU08555001</t>
  </si>
  <si>
    <t>Heyhoef</t>
  </si>
  <si>
    <t>WK085550</t>
  </si>
  <si>
    <t>2021BU08555001</t>
  </si>
  <si>
    <t>buurten.e33784a4-0f05-44bd-8b02-9fa2a9f1bc75</t>
  </si>
  <si>
    <t>BU08555101</t>
  </si>
  <si>
    <t>Heerevelden West</t>
  </si>
  <si>
    <t>WK085551</t>
  </si>
  <si>
    <t>2021BU08555101</t>
  </si>
  <si>
    <t>buurten.2e7205b9-51e6-4d93-b4f3-13fff894abcb</t>
  </si>
  <si>
    <t>BU08555102</t>
  </si>
  <si>
    <t>Heerevelden Oost</t>
  </si>
  <si>
    <t>2021BU08555102</t>
  </si>
  <si>
    <t>buurten.2cfd5e19-10f9-48bf-8802-dff2290a2ca7</t>
  </si>
  <si>
    <t>BU08555201</t>
  </si>
  <si>
    <t>Dongewijk Noord</t>
  </si>
  <si>
    <t>WK085552</t>
  </si>
  <si>
    <t>2021BU08555201</t>
  </si>
  <si>
    <t>buurten.8d3ba15d-6926-4dce-b8a7-f15723ae1b78</t>
  </si>
  <si>
    <t>BU08555202</t>
  </si>
  <si>
    <t>Dongewijk Zuid</t>
  </si>
  <si>
    <t>2021BU08555202</t>
  </si>
  <si>
    <t>buurten.5beab1af-59db-437b-ae3c-ad1e0f3f85cf</t>
  </si>
  <si>
    <t>BU08555301</t>
  </si>
  <si>
    <t>De Kievit Noord-West</t>
  </si>
  <si>
    <t>WK085553</t>
  </si>
  <si>
    <t>2021BU08555301</t>
  </si>
  <si>
    <t>buurten.0038054f-a1fa-4768-b054-92e9cf6a0db3</t>
  </si>
  <si>
    <t>BU08555302</t>
  </si>
  <si>
    <t>De Kievit Noord-Oost</t>
  </si>
  <si>
    <t>2021BU08555302</t>
  </si>
  <si>
    <t>buurten.a45d04fa-ecad-44c4-98aa-c6f8eaf86d8d</t>
  </si>
  <si>
    <t>BU08555303</t>
  </si>
  <si>
    <t>De Kievit Zuid-West</t>
  </si>
  <si>
    <t>2021BU08555303</t>
  </si>
  <si>
    <t>buurten.02509e26-fb60-496a-b8b7-1beb13d6f0cc</t>
  </si>
  <si>
    <t>BU08555304</t>
  </si>
  <si>
    <t>De Kievit Zuid-Oost</t>
  </si>
  <si>
    <t>2021BU08555304</t>
  </si>
  <si>
    <t>buurten.2e66e62b-dc50-4e92-aa7d-f19cff300ca4</t>
  </si>
  <si>
    <t>BU08555401</t>
  </si>
  <si>
    <t>Lange Rekken</t>
  </si>
  <si>
    <t>WK085554</t>
  </si>
  <si>
    <t>2021BU08555401</t>
  </si>
  <si>
    <t>buurten.72204a76-c1c1-437b-9589-1ae32048b8e5</t>
  </si>
  <si>
    <t>BU08555402</t>
  </si>
  <si>
    <t>Reeshofweide</t>
  </si>
  <si>
    <t>2021BU08555402</t>
  </si>
  <si>
    <t>buurten.f40d4c85-4603-45a5-bef1-599e201c4a91</t>
  </si>
  <si>
    <t>BU08555403</t>
  </si>
  <si>
    <t>Dalemweide</t>
  </si>
  <si>
    <t>2021BU08555403</t>
  </si>
  <si>
    <t>buurten.be33dea5-605f-442b-baa9-ee7d33194dd7</t>
  </si>
  <si>
    <t>BU08555404</t>
  </si>
  <si>
    <t>Leeuwerik West</t>
  </si>
  <si>
    <t>2021BU08555404</t>
  </si>
  <si>
    <t>buurten.d68347d3-b357-4297-88d2-216cd4324acc</t>
  </si>
  <si>
    <t>BU08555405</t>
  </si>
  <si>
    <t>Leeuwerik Midden</t>
  </si>
  <si>
    <t>2021BU08555405</t>
  </si>
  <si>
    <t>buurten.13298f1c-8c1c-4088-af8c-f533e2bd7710</t>
  </si>
  <si>
    <t>BU08555406</t>
  </si>
  <si>
    <t>Leeuwerik Oost</t>
  </si>
  <si>
    <t>2021BU08555406</t>
  </si>
  <si>
    <t>buurten.d0566d2e-6e8b-4a02-9035-6f7950c46473</t>
  </si>
  <si>
    <t>BU08555407</t>
  </si>
  <si>
    <t>Leeuwerik Zuid</t>
  </si>
  <si>
    <t>2021BU08555407</t>
  </si>
  <si>
    <t>buurten.49bd4e03-4352-4651-ac71-eb97c242c6d8</t>
  </si>
  <si>
    <t>BU08555501</t>
  </si>
  <si>
    <t>Dalem Noord I</t>
  </si>
  <si>
    <t>WK085555</t>
  </si>
  <si>
    <t>2021BU08555501</t>
  </si>
  <si>
    <t>buurten.7b55d59e-2e83-4584-8377-1ed1b667e1a2</t>
  </si>
  <si>
    <t>BU08555502</t>
  </si>
  <si>
    <t>Dalem Noord II</t>
  </si>
  <si>
    <t>2021BU08555502</t>
  </si>
  <si>
    <t>buurten.dd29e599-402e-40ba-be48-907f476b29f9</t>
  </si>
  <si>
    <t>BU08555503</t>
  </si>
  <si>
    <t>Stadsrand Dalem Noord</t>
  </si>
  <si>
    <t>2021BU08555503</t>
  </si>
  <si>
    <t>buurten.b771a1c1-133a-4006-b127-a5bb820d7b9e</t>
  </si>
  <si>
    <t>BU08555601</t>
  </si>
  <si>
    <t>Dalem Zuid I</t>
  </si>
  <si>
    <t>WK085556</t>
  </si>
  <si>
    <t>2021BU08555601</t>
  </si>
  <si>
    <t>buurten.1babcfb5-26e7-421e-95da-7e50112c759b</t>
  </si>
  <si>
    <t>BU08555602</t>
  </si>
  <si>
    <t>Dalem Zuid II</t>
  </si>
  <si>
    <t>2021BU08555602</t>
  </si>
  <si>
    <t>buurten.e0899d66-e3a5-4610-9bae-4a3a34a087c1</t>
  </si>
  <si>
    <t>BU08555603</t>
  </si>
  <si>
    <t>Stadsrand Dalem Zuid</t>
  </si>
  <si>
    <t>2021BU08555603</t>
  </si>
  <si>
    <t>buurten.4dfc3f71-6f5a-4a17-bff0-ba9c63cc69e8</t>
  </si>
  <si>
    <t>BU08555701</t>
  </si>
  <si>
    <t>Koolhoven Noord</t>
  </si>
  <si>
    <t>WK085557</t>
  </si>
  <si>
    <t>2021BU08555701</t>
  </si>
  <si>
    <t>buurten.f72e9e7c-b78e-42ce-bf2a-64f4f6c4ac77</t>
  </si>
  <si>
    <t>BU08555702</t>
  </si>
  <si>
    <t>Koolhoven Zuid</t>
  </si>
  <si>
    <t>2021BU08555702</t>
  </si>
  <si>
    <t>buurten.fde6e025-d71a-46aa-9977-6c12e3b59a26</t>
  </si>
  <si>
    <t>BU08555703</t>
  </si>
  <si>
    <t>Koolhoven Buiten</t>
  </si>
  <si>
    <t>2021BU08555703</t>
  </si>
  <si>
    <t>buurten.5da45c66-de90-489e-8de2-c17949439a64</t>
  </si>
  <si>
    <t>BU08555704</t>
  </si>
  <si>
    <t>Buitengebied Koolhoven</t>
  </si>
  <si>
    <t>2021BU08555704</t>
  </si>
  <si>
    <t>buurten.8b789d21-61cf-4809-b2b1-963cdf1709df</t>
  </si>
  <si>
    <t>BU08555705</t>
  </si>
  <si>
    <t>Koolhoven Oost</t>
  </si>
  <si>
    <t>2021BU08555705</t>
  </si>
  <si>
    <t>buurten.039943c9-d6e9-4e9f-86d4-9c3f6bc4afdc</t>
  </si>
  <si>
    <t>BU08555801</t>
  </si>
  <si>
    <t>Witbrant West</t>
  </si>
  <si>
    <t>WK085558</t>
  </si>
  <si>
    <t>2021BU08555801</t>
  </si>
  <si>
    <t>buurten.801014ac-2eea-4de9-9520-32b6a9d1a5cf</t>
  </si>
  <si>
    <t>BU08555802</t>
  </si>
  <si>
    <t>Witbrant Oost</t>
  </si>
  <si>
    <t>2021BU08555802</t>
  </si>
  <si>
    <t>buurten.569eac49-d5e7-4b2d-888d-8faed77a7515</t>
  </si>
  <si>
    <t>BU08555803</t>
  </si>
  <si>
    <t>Buitengebied Witbrant</t>
  </si>
  <si>
    <t>2021BU08555803</t>
  </si>
  <si>
    <t>buurten.b6371eef-b7d9-455a-984d-c23486b22b6b</t>
  </si>
  <si>
    <t>BU08555901</t>
  </si>
  <si>
    <t>Buitengebied Kraaiven West</t>
  </si>
  <si>
    <t>WK085559</t>
  </si>
  <si>
    <t>2021BU08555901</t>
  </si>
  <si>
    <t>buurten.fde9df04-ab2a-4a94-98b6-403db4c06599</t>
  </si>
  <si>
    <t>BU08555902</t>
  </si>
  <si>
    <t>Buitengebied Kraaiven Oost</t>
  </si>
  <si>
    <t>2021BU08555902</t>
  </si>
  <si>
    <t>buurten.cba52e24-c8a7-41b7-9be5-f3619f902282</t>
  </si>
  <si>
    <t>BU08555903</t>
  </si>
  <si>
    <t>Bedrijventerrein Kraaiven West</t>
  </si>
  <si>
    <t>2021BU08555903</t>
  </si>
  <si>
    <t>buurten.2c47f5e4-c929-4b12-9151-91b369630f40</t>
  </si>
  <si>
    <t>BU08555904</t>
  </si>
  <si>
    <t>Bedrijventerrein Kraaiven</t>
  </si>
  <si>
    <t>2021BU08555904</t>
  </si>
  <si>
    <t>buurten.2941fc70-59ee-482c-bfb8-0bd3f4d367de</t>
  </si>
  <si>
    <t>BU08555905</t>
  </si>
  <si>
    <t>Bedrijventerrein Kraaiven PDV</t>
  </si>
  <si>
    <t>2021BU08555905</t>
  </si>
  <si>
    <t>buurten.d9f2ca12-205c-4da1-b043-0477c11bd24c</t>
  </si>
  <si>
    <t>BU08556001</t>
  </si>
  <si>
    <t>Bedrijventerrein Vossenberg West II</t>
  </si>
  <si>
    <t>WK085560</t>
  </si>
  <si>
    <t>2021BU08556001</t>
  </si>
  <si>
    <t>buurten.6443ede3-5583-4f9d-aafc-98e6cd5dfb2f</t>
  </si>
  <si>
    <t>BU08556002</t>
  </si>
  <si>
    <t>Bedrijventerrein Vossenberg West I</t>
  </si>
  <si>
    <t>2021BU08556002</t>
  </si>
  <si>
    <t>buurten.84a8433c-8be7-44ea-9a51-809be978b08d</t>
  </si>
  <si>
    <t>BU08556003</t>
  </si>
  <si>
    <t>Bedrijventerrein Vossenberg Scheg</t>
  </si>
  <si>
    <t>2021BU08556003</t>
  </si>
  <si>
    <t>buurten.c63c23ad-9177-435e-a4e7-fde9689f7450</t>
  </si>
  <si>
    <t>BU08556004</t>
  </si>
  <si>
    <t>Bedrijventerrein Vossenberg</t>
  </si>
  <si>
    <t>2021BU08556004</t>
  </si>
  <si>
    <t>buurten.a077d1ec-47e3-497d-a7a7-ceb419a6f282</t>
  </si>
  <si>
    <t>BU08556005</t>
  </si>
  <si>
    <t>Bedrijventerrein Vossenberg Scheg Oost</t>
  </si>
  <si>
    <t>2021BU08556005</t>
  </si>
  <si>
    <t>buurten.6378b8af-22d3-456c-81b2-220d0db3330d</t>
  </si>
  <si>
    <t>BU08556006</t>
  </si>
  <si>
    <t>Bedrijventerrein Vossenberg PDV</t>
  </si>
  <si>
    <t>2021BU08556006</t>
  </si>
  <si>
    <t>buurten.0aae4d66-e99b-41ae-973a-ebb6b28ed8c7</t>
  </si>
  <si>
    <t>BU08556007</t>
  </si>
  <si>
    <t>Bedrijventerrein Albion</t>
  </si>
  <si>
    <t>2021BU08556007</t>
  </si>
  <si>
    <t>buurten.2982273e-1073-435e-bf0e-effe62020dfa</t>
  </si>
  <si>
    <t>BU08556101</t>
  </si>
  <si>
    <t>De Katsbogten</t>
  </si>
  <si>
    <t>WK085561</t>
  </si>
  <si>
    <t>2021BU08556101</t>
  </si>
  <si>
    <t>buurten.eba30891-b086-49f4-bf5e-5deedd7ad00e</t>
  </si>
  <si>
    <t>BU08556102</t>
  </si>
  <si>
    <t>Tradepark 58 Noord</t>
  </si>
  <si>
    <t>2021BU08556102</t>
  </si>
  <si>
    <t>buurten.f75bbd81-eb3f-42a0-8174-79e682ad60b0</t>
  </si>
  <si>
    <t>BU08556103</t>
  </si>
  <si>
    <t>Tradepark 58 Zuid</t>
  </si>
  <si>
    <t>2021BU08556103</t>
  </si>
  <si>
    <t>buurten.ea67f672-c377-47fc-9792-da23ef6124fc</t>
  </si>
  <si>
    <t>BU08556202</t>
  </si>
  <si>
    <t>Buitengebied Zuid-Oost</t>
  </si>
  <si>
    <t>WK085562</t>
  </si>
  <si>
    <t>2021BU08556202</t>
  </si>
  <si>
    <t>buurten.33c0021f-1602-4031-a59c-0fc7fe127a49</t>
  </si>
  <si>
    <t>BU08556301</t>
  </si>
  <si>
    <t>Wijkevoort</t>
  </si>
  <si>
    <t>WK085563</t>
  </si>
  <si>
    <t>2021BU08556301</t>
  </si>
  <si>
    <t>buurten.8fc3ee2a-9e8c-4096-b947-6d4cbcb10960</t>
  </si>
  <si>
    <t>BU08556302</t>
  </si>
  <si>
    <t>Buitengebied Gilzerbaan West</t>
  </si>
  <si>
    <t>2021BU08556302</t>
  </si>
  <si>
    <t>buurten.03179cd1-fdd6-42ea-94f7-be4f2ff5c251</t>
  </si>
  <si>
    <t>BU08556303</t>
  </si>
  <si>
    <t>Buitengebied Gilzerbaan Oost</t>
  </si>
  <si>
    <t>2021BU08556303</t>
  </si>
  <si>
    <t>buurten.cdc2d0a5-8195-40f2-a747-974609467e4e</t>
  </si>
  <si>
    <t>BU08556304</t>
  </si>
  <si>
    <t>Amarant Piusoord</t>
  </si>
  <si>
    <t>2021BU08556304</t>
  </si>
  <si>
    <t>buurten.ca7d532d-7ef4-45d1-a4e7-56e56fc8cfa6</t>
  </si>
  <si>
    <t>BU08556401</t>
  </si>
  <si>
    <t>Buitengebied Noord-Oost</t>
  </si>
  <si>
    <t>WK085564</t>
  </si>
  <si>
    <t>2021BU08556401</t>
  </si>
  <si>
    <t>buurten.e95a62c9-6697-407b-9b27-0e7df4706ddb</t>
  </si>
  <si>
    <t>BU08556402</t>
  </si>
  <si>
    <t>Rugdijk-Hazennest</t>
  </si>
  <si>
    <t>2021BU08556402</t>
  </si>
  <si>
    <t>buurten.43825409-70ef-4d9a-80cc-5557bdc6bf58</t>
  </si>
  <si>
    <t>BU08556403</t>
  </si>
  <si>
    <t>Oostkamer West</t>
  </si>
  <si>
    <t>2021BU08556403</t>
  </si>
  <si>
    <t>buurten.f0ba6aa4-3071-469e-9bd4-5f40cc9c143d</t>
  </si>
  <si>
    <t>BU08556501</t>
  </si>
  <si>
    <t>Buitengebied Noord-West</t>
  </si>
  <si>
    <t>WK085565</t>
  </si>
  <si>
    <t>2021BU08556501</t>
  </si>
  <si>
    <t>buurten.285e7731-b530-4750-8d28-8530e788455a</t>
  </si>
  <si>
    <t>BU08556601</t>
  </si>
  <si>
    <t>Bedrijventerrein Schepersven</t>
  </si>
  <si>
    <t>WK085566</t>
  </si>
  <si>
    <t>2021BU08556601</t>
  </si>
  <si>
    <t>buurten.601d37c4-6250-4e5c-8cbe-1e340f0a2845</t>
  </si>
  <si>
    <t>BU08556602</t>
  </si>
  <si>
    <t>Oostkamer Oost</t>
  </si>
  <si>
    <t>2021BU08556602</t>
  </si>
  <si>
    <t>buurten.c9c5b4e1-a181-420f-be57-0d9d62bc31b3</t>
  </si>
  <si>
    <t>BU08556603</t>
  </si>
  <si>
    <t>Buitengebied B-E Noord-West</t>
  </si>
  <si>
    <t>2021BU08556603</t>
  </si>
  <si>
    <t>buurten.cae3c8ca-be13-47a9-b9d4-9105ddb727e5</t>
  </si>
  <si>
    <t>BU08556604</t>
  </si>
  <si>
    <t>Buitengebied B-E Noord-Oost</t>
  </si>
  <si>
    <t>2021BU08556604</t>
  </si>
  <si>
    <t>buurten.ffa9502f-39db-4d37-8148-69c3fda666e1</t>
  </si>
  <si>
    <t>BU08556605</t>
  </si>
  <si>
    <t>Bedrijventerrein Rhijnkant</t>
  </si>
  <si>
    <t>2021BU08556605</t>
  </si>
  <si>
    <t>buurten.985c6fff-63e2-4a88-b537-23a30286fd19</t>
  </si>
  <si>
    <t>BU08556606</t>
  </si>
  <si>
    <t>Berkel Noord</t>
  </si>
  <si>
    <t>2021BU08556606</t>
  </si>
  <si>
    <t>buurten.272ab454-47dc-4a03-a43b-ad0f1805ec41</t>
  </si>
  <si>
    <t>BU08556607</t>
  </si>
  <si>
    <t>Berkelse Akkers</t>
  </si>
  <si>
    <t>2021BU08556607</t>
  </si>
  <si>
    <t>buurten.a912d7a3-38e9-4109-83e4-e56f59ccd0bd</t>
  </si>
  <si>
    <t>BU08556608</t>
  </si>
  <si>
    <t>Ruiven</t>
  </si>
  <si>
    <t>2021BU08556608</t>
  </si>
  <si>
    <t>buurten.56173c06-79b1-40df-829f-9a5677ca2d8b</t>
  </si>
  <si>
    <t>BU08556609</t>
  </si>
  <si>
    <t>Eikenbosch</t>
  </si>
  <si>
    <t>2021BU08556609</t>
  </si>
  <si>
    <t>buurten.9580b993-ae29-4cbb-b470-6e5e3788877d</t>
  </si>
  <si>
    <t>BU08556610</t>
  </si>
  <si>
    <t>Koningsoord</t>
  </si>
  <si>
    <t>2021BU08556610</t>
  </si>
  <si>
    <t>buurten.5791fd0b-1b9e-4ed6-980a-e04e52b28a0b</t>
  </si>
  <si>
    <t>BU08556611</t>
  </si>
  <si>
    <t>Rauwbraken</t>
  </si>
  <si>
    <t>2021BU08556611</t>
  </si>
  <si>
    <t>buurten.5e5710bf-6b7b-422a-9057-b59e7f1dd220</t>
  </si>
  <si>
    <t>BU08556612</t>
  </si>
  <si>
    <t>Enschot Oost</t>
  </si>
  <si>
    <t>2021BU08556612</t>
  </si>
  <si>
    <t>buurten.9b4ede5b-459f-44be-ab41-1241d409dfa8</t>
  </si>
  <si>
    <t>BU08556613</t>
  </si>
  <si>
    <t>Enschot Midden</t>
  </si>
  <si>
    <t>2021BU08556613</t>
  </si>
  <si>
    <t>buurten.baa1b1d5-197f-4978-bc16-bfde08d928db</t>
  </si>
  <si>
    <t>BU08556614</t>
  </si>
  <si>
    <t>Enschotse Akkers</t>
  </si>
  <si>
    <t>2021BU08556614</t>
  </si>
  <si>
    <t>buurten.330607ba-26dc-45fb-883e-4379b07b6435</t>
  </si>
  <si>
    <t>BU08556615</t>
  </si>
  <si>
    <t>Bedrijventerrein Enschot</t>
  </si>
  <si>
    <t>2021BU08556615</t>
  </si>
  <si>
    <t>buurten.22f8db09-5787-4dc5-8ff8-e290487d3f64</t>
  </si>
  <si>
    <t>BU08556616</t>
  </si>
  <si>
    <t>Enschot West</t>
  </si>
  <si>
    <t>2021BU08556616</t>
  </si>
  <si>
    <t>buurten.a03a4947-d828-4c94-9667-0bc5eda185da</t>
  </si>
  <si>
    <t>BU08556617</t>
  </si>
  <si>
    <t>Enschot Zuid</t>
  </si>
  <si>
    <t>2021BU08556617</t>
  </si>
  <si>
    <t>buurten.7d20c880-0152-4602-90ae-77ceefbf174b</t>
  </si>
  <si>
    <t>BU08556618</t>
  </si>
  <si>
    <t>Buitengebied B-E Zuid-West</t>
  </si>
  <si>
    <t>2021BU08556618</t>
  </si>
  <si>
    <t>buurten.44a6b297-142a-4e37-aaa8-4d30bbdd616d</t>
  </si>
  <si>
    <t>BU08556619</t>
  </si>
  <si>
    <t>Buitengebied B-E Zuid-Oost</t>
  </si>
  <si>
    <t>2021BU08556619</t>
  </si>
  <si>
    <t>buurten.b775c5ca-03ae-4dc7-a301-395919e046e5</t>
  </si>
  <si>
    <t>BU08556620</t>
  </si>
  <si>
    <t>Buitengebied B-E Zuid</t>
  </si>
  <si>
    <t>2021BU08556620</t>
  </si>
  <si>
    <t>buurten.ddc83f23-df54-4a42-b55c-ca3e4c3ea7a1</t>
  </si>
  <si>
    <t>BU08556701</t>
  </si>
  <si>
    <t>Groenstraat</t>
  </si>
  <si>
    <t>WK085567</t>
  </si>
  <si>
    <t>2021BU08556701</t>
  </si>
  <si>
    <t>buurten.f8699755-1bba-4536-a385-97c0b52558ef</t>
  </si>
  <si>
    <t>BU08556702</t>
  </si>
  <si>
    <t>Achthoeven</t>
  </si>
  <si>
    <t>2021BU08556702</t>
  </si>
  <si>
    <t>buurten.02742615-d706-445c-8227-fcc3c26f2f56</t>
  </si>
  <si>
    <t>BU08556703</t>
  </si>
  <si>
    <t>Den Bogerd</t>
  </si>
  <si>
    <t>2021BU08556703</t>
  </si>
  <si>
    <t>buurten.0518a3ab-eff1-4524-841f-841202e0feb4</t>
  </si>
  <si>
    <t>BU08556704</t>
  </si>
  <si>
    <t>De Mortel</t>
  </si>
  <si>
    <t>2021BU08556704</t>
  </si>
  <si>
    <t>buurten.863c66d1-b8a4-4545-a1f8-33acc7693c42</t>
  </si>
  <si>
    <t>BU08556705</t>
  </si>
  <si>
    <t>De Kuil</t>
  </si>
  <si>
    <t>2021BU08556705</t>
  </si>
  <si>
    <t>buurten.6a7525ad-8fed-4787-af6b-e8751365705a</t>
  </si>
  <si>
    <t>BU08556706</t>
  </si>
  <si>
    <t>Zeshoeven</t>
  </si>
  <si>
    <t>2021BU08556706</t>
  </si>
  <si>
    <t>buurten.0137c74c-3c5b-4e8d-85c9-18cceba077e8</t>
  </si>
  <si>
    <t>BU08556707</t>
  </si>
  <si>
    <t>Bedrijventerrein Kreitenmolen</t>
  </si>
  <si>
    <t>2021BU08556707</t>
  </si>
  <si>
    <t>buurten.967440fd-8568-4db7-a503-a5dcee7a4c3c</t>
  </si>
  <si>
    <t>BU08556708</t>
  </si>
  <si>
    <t>Buitengebied Udenhout Zuid-Oost</t>
  </si>
  <si>
    <t>2021BU08556708</t>
  </si>
  <si>
    <t>buurten.00e89998-6b61-4b99-966e-2bc2f71fab65</t>
  </si>
  <si>
    <t>BU08556709</t>
  </si>
  <si>
    <t>Buitengebied Udenhout Zuid-West</t>
  </si>
  <si>
    <t>2021BU08556709</t>
  </si>
  <si>
    <t>buurten.e14ed1df-e2d5-4d30-a149-1feca2595067</t>
  </si>
  <si>
    <t>BU08556710</t>
  </si>
  <si>
    <t>Buitengebied Udenhout Noord</t>
  </si>
  <si>
    <t>2021BU08556710</t>
  </si>
  <si>
    <t>buurten.a8ce5f56-8765-4f3a-9ffa-473596c4172b</t>
  </si>
  <si>
    <t>BU08556801</t>
  </si>
  <si>
    <t>Kern Biezenmortel</t>
  </si>
  <si>
    <t>WK085568</t>
  </si>
  <si>
    <t>2021BU08556801</t>
  </si>
  <si>
    <t>buurten.b64d8ce4-ca6a-4bfa-8c3f-2d0c22a160c3</t>
  </si>
  <si>
    <t>BU08556802</t>
  </si>
  <si>
    <t>Huize Assisië</t>
  </si>
  <si>
    <t>2021BU08556802</t>
  </si>
  <si>
    <t>buurten.3170519d-0101-4ac9-b5ca-429f1f98b29c</t>
  </si>
  <si>
    <t>BU08556803</t>
  </si>
  <si>
    <t>Buitengebied Biezenmortel</t>
  </si>
  <si>
    <t>2021BU08556803</t>
  </si>
  <si>
    <t>buurten.afed0ec1-bdd5-48bf-afdb-866bf2d5034e</t>
  </si>
  <si>
    <t>BU08560101</t>
  </si>
  <si>
    <t>WK085601</t>
  </si>
  <si>
    <t>GM0856</t>
  </si>
  <si>
    <t>Uden</t>
  </si>
  <si>
    <t>2021BU08560101</t>
  </si>
  <si>
    <t>buurten.159b257e-118c-4823-b297-22526590292a</t>
  </si>
  <si>
    <t>DC085601</t>
  </si>
  <si>
    <t>PL0856010001</t>
  </si>
  <si>
    <t>Uden-West</t>
  </si>
  <si>
    <t>WUP opstellen; Onderzoeken kansen warmtenet</t>
  </si>
  <si>
    <t>TEO uit de Leijgraaf, koppeling met asfaltthermie A50 en/of  restwarmte C&amp;T Technics en supermarkten)</t>
  </si>
  <si>
    <t>aquathermie (TEO) en/of restwarmte (industrie) en/of asfaltthermie</t>
  </si>
  <si>
    <t>aquathermie, restwarmte, asfalt</t>
  </si>
  <si>
    <t>BU08560102</t>
  </si>
  <si>
    <t>Bogerd-Vijfhuis</t>
  </si>
  <si>
    <t>2021BU08560102</t>
  </si>
  <si>
    <t>buurten.e3aafc8b-1384-4222-847a-0cbca6db5fa6</t>
  </si>
  <si>
    <t>BU08560103</t>
  </si>
  <si>
    <t>Moleneind-Groenewoud</t>
  </si>
  <si>
    <t>2021BU08560103</t>
  </si>
  <si>
    <t>buurten.c69159a5-033a-4b05-8215-9d18fa63b355</t>
  </si>
  <si>
    <t>BU08560104</t>
  </si>
  <si>
    <t>Flatwijk</t>
  </si>
  <si>
    <t>2021BU08560104</t>
  </si>
  <si>
    <t>buurten.85e33b35-b07a-417f-8aec-06b43efbdd8b</t>
  </si>
  <si>
    <t>BU08560105</t>
  </si>
  <si>
    <t>Bitswijk</t>
  </si>
  <si>
    <t>2021BU08560105</t>
  </si>
  <si>
    <t>buurten.428241b6-0fea-439c-9464-4041ef5b32a6</t>
  </si>
  <si>
    <t>BU08560106</t>
  </si>
  <si>
    <t>Hoevenseveld</t>
  </si>
  <si>
    <t>2021BU08560106</t>
  </si>
  <si>
    <t>buurten.c758d72f-c70b-4868-a2b9-5a9c313b9726</t>
  </si>
  <si>
    <t>BU08560107</t>
  </si>
  <si>
    <t>Schutveld</t>
  </si>
  <si>
    <t>2021BU08560107</t>
  </si>
  <si>
    <t>buurten.c66141a0-fbfe-4754-b20d-5d22f8d2ee85</t>
  </si>
  <si>
    <t>BU08560108</t>
  </si>
  <si>
    <t>Buurtschap Hoeven</t>
  </si>
  <si>
    <t>2021BU08560108</t>
  </si>
  <si>
    <t>buurten.e5c3b5e9-d085-4fd2-80da-43d3c2661f97</t>
  </si>
  <si>
    <t>BU08560109</t>
  </si>
  <si>
    <t>2021BU08560109</t>
  </si>
  <si>
    <t>buurten.f48ff16e-29b4-439e-95e5-a9e50c53d9a8</t>
  </si>
  <si>
    <t>BU08560110</t>
  </si>
  <si>
    <t>Melle</t>
  </si>
  <si>
    <t>2021BU08560110</t>
  </si>
  <si>
    <t>buurten.fbb16639-b71c-4231-ab4d-6450468ecdd3</t>
  </si>
  <si>
    <t>BU08560111</t>
  </si>
  <si>
    <t>Raam</t>
  </si>
  <si>
    <t>2021BU08560111</t>
  </si>
  <si>
    <t>buurten.1edf8063-3e1b-4099-8f4c-2a7ff0eb44cb</t>
  </si>
  <si>
    <t>BU08560112</t>
  </si>
  <si>
    <t>Sportpark Volkelseweg</t>
  </si>
  <si>
    <t>2021BU08560112</t>
  </si>
  <si>
    <t>buurten.db1d18ff-bd85-43aa-bd8a-75e04c57b113</t>
  </si>
  <si>
    <t>BU08560113</t>
  </si>
  <si>
    <t>Zoggel</t>
  </si>
  <si>
    <t>2021BU08560113</t>
  </si>
  <si>
    <t>buurten.834b5243-2d38-45b4-97fe-34c42edf86c3</t>
  </si>
  <si>
    <t>BU08560114</t>
  </si>
  <si>
    <t>Vluchtoord</t>
  </si>
  <si>
    <t>2021BU08560114</t>
  </si>
  <si>
    <t>buurten.eeda7b10-01c3-4c48-8843-b6c5a6eafc6c</t>
  </si>
  <si>
    <t>BU08560115</t>
  </si>
  <si>
    <t>Loopkant-Liessent-Goorkens</t>
  </si>
  <si>
    <t>2021BU08560115</t>
  </si>
  <si>
    <t>buurten.7d0c3b8e-8a2c-4e29-991a-0650361543e3</t>
  </si>
  <si>
    <t>PL0856010002</t>
  </si>
  <si>
    <t>Kom Volkel</t>
  </si>
  <si>
    <t>BU08560116</t>
  </si>
  <si>
    <t>Hoenderbos-Velmolen</t>
  </si>
  <si>
    <t>2021BU08560116</t>
  </si>
  <si>
    <t>buurten.91d150a4-5997-4b7e-9e53-2abd8f39aa9e</t>
  </si>
  <si>
    <t>BU08560117</t>
  </si>
  <si>
    <t>Eikenheuvel</t>
  </si>
  <si>
    <t>2021BU08560117</t>
  </si>
  <si>
    <t>buurten.69017823-1e6c-4bab-b996-f64ad5d25c7f</t>
  </si>
  <si>
    <t>BU08560196</t>
  </si>
  <si>
    <t>Buitengebied Uden-Oost</t>
  </si>
  <si>
    <t>2021BU08560196</t>
  </si>
  <si>
    <t>buurten.80cef609-1fd9-44da-ab66-c0c638c0d78a</t>
  </si>
  <si>
    <t>BU08560197</t>
  </si>
  <si>
    <t>Buitengebied Uden-Zuid</t>
  </si>
  <si>
    <t>2021BU08560197</t>
  </si>
  <si>
    <t>buurten.b9edbd18-8645-4ed3-8cb9-a3e421ae8da1</t>
  </si>
  <si>
    <t>BU08560198</t>
  </si>
  <si>
    <t>Buitengebied Uden-West</t>
  </si>
  <si>
    <t>2021BU08560198</t>
  </si>
  <si>
    <t>buurten.23c54047-e34d-4611-8283-7af16ef8bc10</t>
  </si>
  <si>
    <t>BU08560199</t>
  </si>
  <si>
    <t>Buitengebied Maashorst</t>
  </si>
  <si>
    <t>2021BU08560199</t>
  </si>
  <si>
    <t>buurten.6e2b8904-6aa5-4abc-88f5-f78c666ee2cb</t>
  </si>
  <si>
    <t>BU08560201</t>
  </si>
  <si>
    <t>WK085602</t>
  </si>
  <si>
    <t>2021BU08560201</t>
  </si>
  <si>
    <t>buurten.b4912c1e-5df1-42d6-aa87-20d35ef1f343</t>
  </si>
  <si>
    <t>BU08560298</t>
  </si>
  <si>
    <t>Vliegbasis Volkel</t>
  </si>
  <si>
    <t>2021BU08560298</t>
  </si>
  <si>
    <t>buurten.33119251-b5ca-47e8-986f-663321404804</t>
  </si>
  <si>
    <t>BU08560299</t>
  </si>
  <si>
    <t>Buitengebied-Volkel</t>
  </si>
  <si>
    <t>2021BU08560299</t>
  </si>
  <si>
    <t>buurten.49521693-2d9e-4605-93f8-016e6204df94</t>
  </si>
  <si>
    <t>BU08560301</t>
  </si>
  <si>
    <t>Odiliapeel</t>
  </si>
  <si>
    <t>WK085603</t>
  </si>
  <si>
    <t>2021BU08560301</t>
  </si>
  <si>
    <t>buurten.99b23d42-8c24-4fe1-aaf8-fd37276b5e9f</t>
  </si>
  <si>
    <t>BU08560399</t>
  </si>
  <si>
    <t>Buitengebied-Odiliapeel</t>
  </si>
  <si>
    <t>2021BU08560399</t>
  </si>
  <si>
    <t>buurten.d95489f0-fd54-486d-997d-004e9f828484</t>
  </si>
  <si>
    <t>BU08580000</t>
  </si>
  <si>
    <t>WK085800</t>
  </si>
  <si>
    <t>GM0858</t>
  </si>
  <si>
    <t>Valkenswaard</t>
  </si>
  <si>
    <t>2021BU08580000</t>
  </si>
  <si>
    <t>buurten.db98a882-70f3-435b-90ae-a096ee9a6bff</t>
  </si>
  <si>
    <t>DC085801</t>
  </si>
  <si>
    <t>Transitievisie Warmte Valkenswaard</t>
  </si>
  <si>
    <t>2021-10-21</t>
  </si>
  <si>
    <t>Als Valkenswaard streven we ernaar om voor 2030 voor ongeveer 20% van alle woningen te starten met een verdere verkenning van aardgasvrije mogelijkheden.</t>
  </si>
  <si>
    <t>Voor alle woningen in Valkenswaard verwachten we dat de warmtevraag in de toekomst ongeveer 22% lager is dan de huidige warmtevraag.</t>
  </si>
  <si>
    <t>https://www.valkenswaard.nlransitievisie-warmte</t>
  </si>
  <si>
    <t>PL0858010016</t>
  </si>
  <si>
    <t>PL0858010050</t>
  </si>
  <si>
    <t>Brandweer Valkenswaard</t>
  </si>
  <si>
    <t>Valkenierstraat</t>
  </si>
  <si>
    <t>In concept (afwachtend). De gemeente kiest hier voor een natuurlijk tempo. We pakken niet de hele buurt tegelijk aan, maar kiezen juist voor maximale vrijheid om het gebouw op een logisch moment anders te gaan verwarmen.</t>
  </si>
  <si>
    <t>In concept (orienterend). In deze buurten zien we kansen voor een buurtenergiesysteem. Of het is een buurt waar kansen liggen om gezamenlijk aan individuele oplossingen te werken en wijken als geheel aardgasvrij te maken. Op dit moment ontbreken echter d</t>
  </si>
  <si>
    <t>voorsorterend. Individuele oplossingen per gebouw</t>
  </si>
  <si>
    <t>BU08580001</t>
  </si>
  <si>
    <t>Geenhoven</t>
  </si>
  <si>
    <t>2021BU08580001</t>
  </si>
  <si>
    <t>buurten.28fa3c4f-63e1-4345-a4ac-c4407040d121</t>
  </si>
  <si>
    <t>PL0858010013</t>
  </si>
  <si>
    <t>Buitengebied Het Gegraaf</t>
  </si>
  <si>
    <t>BU08580002</t>
  </si>
  <si>
    <t>Turfberg-Noord</t>
  </si>
  <si>
    <t>2021BU08580002</t>
  </si>
  <si>
    <t>buurten.57f19c21-0b4c-41df-997f-937ab8b4cc46</t>
  </si>
  <si>
    <t>PL0858010001</t>
  </si>
  <si>
    <t>Verspreide huizen Turfbergse Heide Nederheide</t>
  </si>
  <si>
    <t>BU08580003</t>
  </si>
  <si>
    <t>Turfberg-Zuid</t>
  </si>
  <si>
    <t>2021BU08580003</t>
  </si>
  <si>
    <t>buurten.b43f0fbf-b30d-4ce0-8852-b7c44eca4e1c</t>
  </si>
  <si>
    <t>PL0858010010</t>
  </si>
  <si>
    <t>PL0858010045</t>
  </si>
  <si>
    <t>Buitengebied Industrieterrein Schaapsloop</t>
  </si>
  <si>
    <t>Van de Venstraat</t>
  </si>
  <si>
    <t>BU08580004</t>
  </si>
  <si>
    <t>Hoge Akkers</t>
  </si>
  <si>
    <t>2021BU08580004</t>
  </si>
  <si>
    <t>buurten.8712d917-0047-4d8e-bd90-2135daa31d1e</t>
  </si>
  <si>
    <t>Vinkenslag</t>
  </si>
  <si>
    <t>BU08580005</t>
  </si>
  <si>
    <t>Kerkakkers</t>
  </si>
  <si>
    <t>2021BU08580005</t>
  </si>
  <si>
    <t>buurten.7fc7cdf5-692d-436b-a665-e830f3f38c24</t>
  </si>
  <si>
    <t>PL0858010020</t>
  </si>
  <si>
    <t>Agnetendal</t>
  </si>
  <si>
    <t>Rosheuvel</t>
  </si>
  <si>
    <t>BU08580006</t>
  </si>
  <si>
    <t>Het Gegraaf</t>
  </si>
  <si>
    <t>2021BU08580006</t>
  </si>
  <si>
    <t>buurten.30a9a878-abe1-4a9b-97e4-4322368fac83</t>
  </si>
  <si>
    <t>BU08580007</t>
  </si>
  <si>
    <t>Industrieterrein Schaapsloop</t>
  </si>
  <si>
    <t>2021BU08580007</t>
  </si>
  <si>
    <t>buurten.4af1bd9c-aebf-450c-b2f1-5aebab837ea3</t>
  </si>
  <si>
    <t>BU08580009</t>
  </si>
  <si>
    <t>2021BU08580009</t>
  </si>
  <si>
    <t>buurten.797a5803-930e-4b23-af46-a8fac285a8f5</t>
  </si>
  <si>
    <t>Buitengebied Hoge Akkers</t>
  </si>
  <si>
    <t>uitstoot reduceren voor 2030</t>
  </si>
  <si>
    <t>BU08580100</t>
  </si>
  <si>
    <t>De Belleman</t>
  </si>
  <si>
    <t>WK085801</t>
  </si>
  <si>
    <t>2021BU08580100</t>
  </si>
  <si>
    <t>buurten.5ca5712d-4025-48c2-a24a-f217d33a58f7</t>
  </si>
  <si>
    <t>PL0858010028</t>
  </si>
  <si>
    <t>PL0858010030</t>
  </si>
  <si>
    <t>Schepelweijen</t>
  </si>
  <si>
    <t>In concept (onderzoekend). Dit zijn buurten waar het mogelijk lijkt om op kortere termijn aardgasvrij te worden. Voor deze buurten starten we in de periode vanaf 2022 met de verkenning om te komen tot een buurtuitvoeringsplan.</t>
  </si>
  <si>
    <t>BU08580101</t>
  </si>
  <si>
    <t>2021BU08580101</t>
  </si>
  <si>
    <t>buurten.9867c873-3b69-4985-ba7a-d4d3c12e18f7</t>
  </si>
  <si>
    <t>PL0858010014</t>
  </si>
  <si>
    <t>BU08580102</t>
  </si>
  <si>
    <t>2021BU08580102</t>
  </si>
  <si>
    <t>buurten.ed5163d5-2d94-4043-bfb9-aba231d1ae0f</t>
  </si>
  <si>
    <t>PL0858010002</t>
  </si>
  <si>
    <t>Brouwershof</t>
  </si>
  <si>
    <t>BU08580103</t>
  </si>
  <si>
    <t>2021BU08580103</t>
  </si>
  <si>
    <t>buurten.0c77c1cf-bdb4-4602-9ed4-016137ec787e</t>
  </si>
  <si>
    <t>BU08580104</t>
  </si>
  <si>
    <t>Keersop</t>
  </si>
  <si>
    <t>2021BU08580104</t>
  </si>
  <si>
    <t>buurten.f1c224e8-7181-4318-9e42-279b8a3eafc9</t>
  </si>
  <si>
    <t>BU08580105</t>
  </si>
  <si>
    <t>Keersopperbeemden</t>
  </si>
  <si>
    <t>2021BU08580105</t>
  </si>
  <si>
    <t>buurten.96951b90-67ee-4271-a116-71d382351d9c</t>
  </si>
  <si>
    <t>BU08580106</t>
  </si>
  <si>
    <t>Dommelen</t>
  </si>
  <si>
    <t>2021BU08580106</t>
  </si>
  <si>
    <t>buurten.e98f938a-00d3-45fb-81c0-992122668581</t>
  </si>
  <si>
    <t>Voorkeursoptie. Groen gas</t>
  </si>
  <si>
    <t>BU08580200</t>
  </si>
  <si>
    <t>Borkel</t>
  </si>
  <si>
    <t>WK085802</t>
  </si>
  <si>
    <t>2021BU08580200</t>
  </si>
  <si>
    <t>buurten.b6deb553-6a30-4096-8379-86ce660c5cdd</t>
  </si>
  <si>
    <t>PL0858010004</t>
  </si>
  <si>
    <t>Verspreide huizen Malpiebergse- en Opperheide</t>
  </si>
  <si>
    <t>BU08580201</t>
  </si>
  <si>
    <t>Schaft</t>
  </si>
  <si>
    <t>2021BU08580201</t>
  </si>
  <si>
    <t>buurten.31d9a0ef-01b8-4752-86bc-32ca2738354b</t>
  </si>
  <si>
    <t>PL0858010008</t>
  </si>
  <si>
    <t>BU08580208</t>
  </si>
  <si>
    <t>Verspreide huizen Klein Borkel en Achterste Brug</t>
  </si>
  <si>
    <t>2021BU08580208</t>
  </si>
  <si>
    <t>buurten.5d5947d1-c3ac-4d59-a06b-3eca3a1ca0cf</t>
  </si>
  <si>
    <t>PL0858010006</t>
  </si>
  <si>
    <t>Buitengebied Borkel</t>
  </si>
  <si>
    <t>BU08580209</t>
  </si>
  <si>
    <t>2021BU08580209</t>
  </si>
  <si>
    <t>buurten.6578da29-d5fe-45b8-b10a-754b5a04b45c</t>
  </si>
  <si>
    <t>BU08610000</t>
  </si>
  <si>
    <t>Veldhoven</t>
  </si>
  <si>
    <t>WK086100</t>
  </si>
  <si>
    <t>GM0861</t>
  </si>
  <si>
    <t>2021BU08610000</t>
  </si>
  <si>
    <t>buurten.54faf160-ba22-4a60-95f6-2003209cec81</t>
  </si>
  <si>
    <t>BU08610001</t>
  </si>
  <si>
    <t>Meerveldhoven</t>
  </si>
  <si>
    <t>2021BU08610001</t>
  </si>
  <si>
    <t>buurten.4bd416e7-863f-4dc7-9e28-d2ad10e03755</t>
  </si>
  <si>
    <t>BU08610002</t>
  </si>
  <si>
    <t>Zeelst</t>
  </si>
  <si>
    <t>2021BU08610002</t>
  </si>
  <si>
    <t>buurten.1349ab1a-d94e-4cd9-8a8b-c14359aa4e9c</t>
  </si>
  <si>
    <t>BU08610003</t>
  </si>
  <si>
    <t>D'Ekker</t>
  </si>
  <si>
    <t>2021BU08610003</t>
  </si>
  <si>
    <t>buurten.aec34500-8c29-4418-8248-93ca20931784</t>
  </si>
  <si>
    <t>BU08610004</t>
  </si>
  <si>
    <t>Zonderwijk</t>
  </si>
  <si>
    <t>2021BU08610004</t>
  </si>
  <si>
    <t>buurten.320e81bd-43a7-4e8d-b53c-2dbfcbd0886d</t>
  </si>
  <si>
    <t>BU08610005</t>
  </si>
  <si>
    <t>'t Look</t>
  </si>
  <si>
    <t>2021BU08610005</t>
  </si>
  <si>
    <t>buurten.0f97f919-3597-4f2f-bb55-30db7456f929</t>
  </si>
  <si>
    <t>BU08610006</t>
  </si>
  <si>
    <t>Cobbeek en Centrum</t>
  </si>
  <si>
    <t>2021BU08610006</t>
  </si>
  <si>
    <t>buurten.f38a05ad-926a-4e58-947c-a3a39857096a</t>
  </si>
  <si>
    <t>BU08610009</t>
  </si>
  <si>
    <t>Verspreide huizen ten zuiden van de E3-weg</t>
  </si>
  <si>
    <t>2021BU08610009</t>
  </si>
  <si>
    <t>buurten.6fa6136d-4e74-4e23-8d8d-dc607c134769</t>
  </si>
  <si>
    <t>BU08610100</t>
  </si>
  <si>
    <t>Heikant-West</t>
  </si>
  <si>
    <t>WK086101</t>
  </si>
  <si>
    <t>2021BU08610100</t>
  </si>
  <si>
    <t>buurten.51d7042e-0249-4ff3-96f3-3f3f34e1d59a</t>
  </si>
  <si>
    <t>BU08610101</t>
  </si>
  <si>
    <t>Heikant-Oost</t>
  </si>
  <si>
    <t>2021BU08610101</t>
  </si>
  <si>
    <t>buurten.0747c581-c3f7-4f90-81a5-a2d4f0091bb0</t>
  </si>
  <si>
    <t>BU08610102</t>
  </si>
  <si>
    <t>De Kelen</t>
  </si>
  <si>
    <t>2021BU08610102</t>
  </si>
  <si>
    <t>buurten.b407a436-9fdc-4f28-bcda-23f688533913</t>
  </si>
  <si>
    <t>BU08610103</t>
  </si>
  <si>
    <t>De Polders</t>
  </si>
  <si>
    <t>2021BU08610103</t>
  </si>
  <si>
    <t>buurten.7c804731-896c-467d-96b6-10b6d2513cfc</t>
  </si>
  <si>
    <t>BU08610200</t>
  </si>
  <si>
    <t>Oerle</t>
  </si>
  <si>
    <t>WK086102</t>
  </si>
  <si>
    <t>2021BU08610200</t>
  </si>
  <si>
    <t>buurten.daf43e9a-287d-4e66-978d-4adbcdf86cb4</t>
  </si>
  <si>
    <t>BU08610201</t>
  </si>
  <si>
    <t>Zandoerle</t>
  </si>
  <si>
    <t>2021BU08610201</t>
  </si>
  <si>
    <t>buurten.974f41ed-c7a2-4c18-9b28-dc4cb979b505</t>
  </si>
  <si>
    <t>BU08610207</t>
  </si>
  <si>
    <t>Verspreide huizen Zittard</t>
  </si>
  <si>
    <t>2021BU08610207</t>
  </si>
  <si>
    <t>buurten.cccac382-9ae9-4ecb-b3ed-14ac009ad28c</t>
  </si>
  <si>
    <t>BU08610208</t>
  </si>
  <si>
    <t>Verspreide huizen Groote Aard en Vliet</t>
  </si>
  <si>
    <t>2021BU08610208</t>
  </si>
  <si>
    <t>buurten.2032c4f4-6bbe-4231-a958-0d5ea14c8b63</t>
  </si>
  <si>
    <t>BU08610209</t>
  </si>
  <si>
    <t>Verspreide huizen Scherpenering en Landsaard</t>
  </si>
  <si>
    <t>2021BU08610209</t>
  </si>
  <si>
    <t>buurten.b2b46a4a-59d8-4a16-8f10-89dd77c63e4f</t>
  </si>
  <si>
    <t>BU08650000</t>
  </si>
  <si>
    <t>WK086500</t>
  </si>
  <si>
    <t>2021BU08650000</t>
  </si>
  <si>
    <t>buurten.5db950e1-56f2-4e05-8e36-fc998ccdc68b</t>
  </si>
  <si>
    <t>PL0865010005</t>
  </si>
  <si>
    <t>Centrumgebied Vught (deel)</t>
  </si>
  <si>
    <t>Voorburg e.o.</t>
  </si>
  <si>
    <t>potentiele startkansen waarbij eerst moet worden verkend of samenwerking tussen stakeholders mogelijk is. De ondertunneling van het spoor is extra aanleiding om een gebiedsgerichte aanpak voor deze locatie te overwegen. Ook de mogelijke benutting van res</t>
  </si>
  <si>
    <t>Besparen en transitiegereed maken van gebouwen. Zo veel mogelijk overstappen op natuurlijke momenten (geplande renovaties van woningen, verbouwingen, verhuizingen). Gebiedsgerichte aanpak met individuele en kleinschalig collectieve warmteopties voor bedr</t>
  </si>
  <si>
    <t>In het gebied rondom het spoor, de Industrieweg en de Ouwerkerk is sprake van bedrijvigheid. Het gaat om zowel industrie als untiliteitsgebouwen. In het gebied zijn er verschillende eigenaar-gebruikers, maar ook enkele grotere eigenaren van bedrijfspande</t>
  </si>
  <si>
    <t>Restwarmte zwembad en/of bakker (mogelijk)</t>
  </si>
  <si>
    <t>BU08650001</t>
  </si>
  <si>
    <t>Taalstraat en omgeving</t>
  </si>
  <si>
    <t>2021BU08650001</t>
  </si>
  <si>
    <t>buurten.306234f1-14c0-4159-884f-a5062ab249c2</t>
  </si>
  <si>
    <t>BU08650002</t>
  </si>
  <si>
    <t>Loyolaan en omgeving</t>
  </si>
  <si>
    <t>2021BU08650002</t>
  </si>
  <si>
    <t>buurten.962b195f-c3e8-43d9-acb3-390e942d46e1</t>
  </si>
  <si>
    <t>All-electric cluster wijk Loonselaan</t>
  </si>
  <si>
    <t>Voor deze wijk is het transitiepad Vooralsnog hybride warmteoplossing en duurzaam gas van toepassing. Echter, ook in de wijk Loonsebaan is in de transitiekaart een cluster voor all electric aangemerkt gelet op het huidig isolatieniveau. Het gaat om een c</t>
  </si>
  <si>
    <t>BU08650003</t>
  </si>
  <si>
    <t>Loonsebaan</t>
  </si>
  <si>
    <t>2021BU08650003</t>
  </si>
  <si>
    <t>buurten.209a6ceb-6890-408c-87c1-25ae1e946c68</t>
  </si>
  <si>
    <t>PL0865010003</t>
  </si>
  <si>
    <t>BU08650004</t>
  </si>
  <si>
    <t>2021BU08650004</t>
  </si>
  <si>
    <t>buurten.019c753b-05fb-4332-8228-131e3f6df7a4</t>
  </si>
  <si>
    <t>BU08650005</t>
  </si>
  <si>
    <t>Schoonveld</t>
  </si>
  <si>
    <t>2021BU08650005</t>
  </si>
  <si>
    <t>buurten.41e46932-bc34-4f94-851c-3708267c23d8</t>
  </si>
  <si>
    <t>PL0865010006</t>
  </si>
  <si>
    <t>BU08650008</t>
  </si>
  <si>
    <t>Vughtse Heide en Lunetten</t>
  </si>
  <si>
    <t>2021BU08650008</t>
  </si>
  <si>
    <t>buurten.a554b71e-1838-40e9-861d-e4d86ac04d7a</t>
  </si>
  <si>
    <t>BU08650009</t>
  </si>
  <si>
    <t>Gement</t>
  </si>
  <si>
    <t>2021BU08650009</t>
  </si>
  <si>
    <t>buurten.88ee2028-b637-4996-93da-f89b59083340</t>
  </si>
  <si>
    <t>BU08650100</t>
  </si>
  <si>
    <t>Voorburg en omgeving</t>
  </si>
  <si>
    <t>WK086501</t>
  </si>
  <si>
    <t>2021BU08650100</t>
  </si>
  <si>
    <t>buurten.b36fc9a2-fe48-4379-b11f-59ad89ffd302</t>
  </si>
  <si>
    <t>PL0865010007</t>
  </si>
  <si>
    <t>BU08650101</t>
  </si>
  <si>
    <t>Molenstraat en omgeving</t>
  </si>
  <si>
    <t>2021BU08650101</t>
  </si>
  <si>
    <t>buurten.7788f3e8-3b95-424d-b5f6-1b90407aaabf</t>
  </si>
  <si>
    <t>Industrieweg e.o.</t>
  </si>
  <si>
    <t>BU08650102</t>
  </si>
  <si>
    <t>De Baarzen</t>
  </si>
  <si>
    <t>2021BU08650102</t>
  </si>
  <si>
    <t>buurten.5ee80e49-1288-4120-a46f-fb232ea9d6f3</t>
  </si>
  <si>
    <t>PL0865010004</t>
  </si>
  <si>
    <t>BU08650103</t>
  </si>
  <si>
    <t>Vijverhof</t>
  </si>
  <si>
    <t>2021BU08650103</t>
  </si>
  <si>
    <t>buurten.ea84929e-0ed1-4526-9c15-3c2f4e1a6ed7</t>
  </si>
  <si>
    <t>BU08650104</t>
  </si>
  <si>
    <t>De Vughtse Hoeven</t>
  </si>
  <si>
    <t>2021BU08650104</t>
  </si>
  <si>
    <t>buurten.27344d4d-bba8-4035-bf01-91be06f3f0b3</t>
  </si>
  <si>
    <t>BU08650108</t>
  </si>
  <si>
    <t>Bleijendijk</t>
  </si>
  <si>
    <t>2021BU08650108</t>
  </si>
  <si>
    <t>buurten.95e36fa1-52cc-41cb-b157-251ab54e6011</t>
  </si>
  <si>
    <t>BU08650109</t>
  </si>
  <si>
    <t>Bergenshuizen</t>
  </si>
  <si>
    <t>2021BU08650109</t>
  </si>
  <si>
    <t>buurten.99a0c004-24cb-4732-bd33-fd920a87db22</t>
  </si>
  <si>
    <t>BU08650110</t>
  </si>
  <si>
    <t>Verspr huizen Schorvert en omgeving</t>
  </si>
  <si>
    <t>2021BU08650110</t>
  </si>
  <si>
    <t>buurten.5ce21ea4-40d5-48dd-a02c-4359b2cbd681</t>
  </si>
  <si>
    <t>BU08650200</t>
  </si>
  <si>
    <t>Cromvoirt</t>
  </si>
  <si>
    <t>WK086502</t>
  </si>
  <si>
    <t>2021BU08650200</t>
  </si>
  <si>
    <t>buurten.afebdf46-54b8-4f41-baf4-cc4cc9f530ca</t>
  </si>
  <si>
    <t>BU08650209</t>
  </si>
  <si>
    <t>Verspreide huizen Cromvoirt</t>
  </si>
  <si>
    <t>2021BU08650209</t>
  </si>
  <si>
    <t>buurten.02605ae6-609c-40e1-a9e6-df3a06e8b5ca</t>
  </si>
  <si>
    <t>BU08650300</t>
  </si>
  <si>
    <t>Helvoirt</t>
  </si>
  <si>
    <t>WK086503</t>
  </si>
  <si>
    <t>2021BU08650300</t>
  </si>
  <si>
    <t>buurten.0cb11771-b716-4eb2-87db-046a1c10e9c6</t>
  </si>
  <si>
    <t>PL0865010001</t>
  </si>
  <si>
    <t>Het is maatwerk, energiecooperatie HOT stelt voor om per woning een individuele roadmap (naar aardgasvrij) op te stellen. De realisatie van de roadmap kan in enkele jaren worden afgelegd, maar kan ook meer betaalbaar en verspreid over de komende decennia</t>
  </si>
  <si>
    <t>In de kern Helvoirt is energiecooperatie HOT reeds actief met een aanpak voor verduurzaming van particuliere woningen: Verduurzaming eigen woning volgens de Haarense Aanpak. Deze aanpak is hoofdzakelijk gericht op energiebesparing middels isolatiemaatreg</t>
  </si>
  <si>
    <t>BU08650301</t>
  </si>
  <si>
    <t>Distelberg</t>
  </si>
  <si>
    <t>2021BU08650301</t>
  </si>
  <si>
    <t>buurten.ebaf6a7b-027f-4ff2-8876-502f5ac219fc</t>
  </si>
  <si>
    <t>BU08650307</t>
  </si>
  <si>
    <t>Verspr huizen Helvoirtse Heide</t>
  </si>
  <si>
    <t>2021BU08650307</t>
  </si>
  <si>
    <t>buurten.3e6866ab-2e9d-46d9-b1fe-eb548464b35a</t>
  </si>
  <si>
    <t>BU08650308</t>
  </si>
  <si>
    <t>Verspr huizen Brokkenbroek en Laar</t>
  </si>
  <si>
    <t>2021BU08650308</t>
  </si>
  <si>
    <t>buurten.82394f75-5df5-4313-a1c2-e598a35d762b</t>
  </si>
  <si>
    <t>BU08650309</t>
  </si>
  <si>
    <t>Verspr huizen Gijzel Raam en Molenstr</t>
  </si>
  <si>
    <t>2021BU08650309</t>
  </si>
  <si>
    <t>buurten.341ae5d1-48a9-4d69-8a2e-0f94ceaabcd1</t>
  </si>
  <si>
    <t>BU08660000</t>
  </si>
  <si>
    <t>WK086600</t>
  </si>
  <si>
    <t>2021BU08660000</t>
  </si>
  <si>
    <t>buurten.e4592a2d-6758-4e03-8df0-ce10b0fe3780</t>
  </si>
  <si>
    <t>PL0866010001</t>
  </si>
  <si>
    <t>Oplossingen voor Waalre</t>
  </si>
  <si>
    <t>BU08660001</t>
  </si>
  <si>
    <t>2021BU08660001</t>
  </si>
  <si>
    <t>buurten.92e7b713-c9c9-42fe-9a64-c0286aebd900</t>
  </si>
  <si>
    <t>BU08660002</t>
  </si>
  <si>
    <t>Voldijn</t>
  </si>
  <si>
    <t>2021BU08660002</t>
  </si>
  <si>
    <t>buurten.e1aea00a-895f-44b1-bd1e-46cfb7aa1c22</t>
  </si>
  <si>
    <t>BU08660003</t>
  </si>
  <si>
    <t>Ekenrooi</t>
  </si>
  <si>
    <t>2021BU08660003</t>
  </si>
  <si>
    <t>buurten.4ca94d2e-db1b-4d0a-8b46-09752871faa4</t>
  </si>
  <si>
    <t>BU08660009</t>
  </si>
  <si>
    <t>2021BU08660009</t>
  </si>
  <si>
    <t>buurten.820d721c-6b73-40cc-a3be-91a0c3d515f8</t>
  </si>
  <si>
    <t>BU08670000</t>
  </si>
  <si>
    <t>WK086700</t>
  </si>
  <si>
    <t>2021BU08670000</t>
  </si>
  <si>
    <t>buurten.818fc6d5-028a-4019-a8a4-72d95da2d5bc</t>
  </si>
  <si>
    <t>BU08670001</t>
  </si>
  <si>
    <t>Besoijen</t>
  </si>
  <si>
    <t>2021BU08670001</t>
  </si>
  <si>
    <t>buurten.4813b7d1-100a-44d6-8a32-6f187a2afa9a</t>
  </si>
  <si>
    <t>BU08670002</t>
  </si>
  <si>
    <t>Baardwijk</t>
  </si>
  <si>
    <t>2021BU08670002</t>
  </si>
  <si>
    <t>buurten.c6f3d618-7a08-4477-afc9-49e807f7048d</t>
  </si>
  <si>
    <t>BU08670003</t>
  </si>
  <si>
    <t>Laageinde</t>
  </si>
  <si>
    <t>2021BU08670003</t>
  </si>
  <si>
    <t>buurten.f41ecacc-c39b-4f85-b792-98c35068bd86</t>
  </si>
  <si>
    <t>BU08670004</t>
  </si>
  <si>
    <t>Antoniusparochie</t>
  </si>
  <si>
    <t>2021BU08670004</t>
  </si>
  <si>
    <t>buurten.f77ff847-a18d-4549-bb5e-8ede4e79e38f</t>
  </si>
  <si>
    <t>BU08670005</t>
  </si>
  <si>
    <t>Bloemenoord</t>
  </si>
  <si>
    <t>2021BU08670005</t>
  </si>
  <si>
    <t>buurten.b10b117a-7932-4d4f-a050-417f4092088e</t>
  </si>
  <si>
    <t>BU08670006</t>
  </si>
  <si>
    <t>Zanddonk</t>
  </si>
  <si>
    <t>2021BU08670006</t>
  </si>
  <si>
    <t>buurten.9b5f31be-c5b8-46a8-aa06-82efe3fef818</t>
  </si>
  <si>
    <t>BU08670007</t>
  </si>
  <si>
    <t>2021BU08670007</t>
  </si>
  <si>
    <t>buurten.b0b2f411-0a67-4b7c-974c-8d732d7e2edc</t>
  </si>
  <si>
    <t>BU08670008</t>
  </si>
  <si>
    <t>2021BU08670008</t>
  </si>
  <si>
    <t>buurten.3802cceb-abe2-48e3-ae5e-59daa18ba983</t>
  </si>
  <si>
    <t>BU08670009</t>
  </si>
  <si>
    <t>Industrieterrein Zanddonk</t>
  </si>
  <si>
    <t>2021BU08670009</t>
  </si>
  <si>
    <t>buurten.6d1064bb-65f3-4738-b1a6-179184dd3553</t>
  </si>
  <si>
    <t>Aardgasvrij Driessen</t>
  </si>
  <si>
    <t>niveau van na 2008</t>
  </si>
  <si>
    <t>BU08670010</t>
  </si>
  <si>
    <t>2021BU08670010</t>
  </si>
  <si>
    <t>buurten.83edefac-a737-43e0-851e-f615b497477d</t>
  </si>
  <si>
    <t>BU08670011</t>
  </si>
  <si>
    <t>Buitengebied Waalwijk Noord</t>
  </si>
  <si>
    <t>2021BU08670011</t>
  </si>
  <si>
    <t>buurten.2cf4c7cd-cec4-4162-963c-7370882070b2</t>
  </si>
  <si>
    <t>BU08670012</t>
  </si>
  <si>
    <t>Eikendonk</t>
  </si>
  <si>
    <t>2021BU08670012</t>
  </si>
  <si>
    <t>buurten.f2bf946f-3d8e-42e8-859c-04930b187d18</t>
  </si>
  <si>
    <t>BU08670013</t>
  </si>
  <si>
    <t>Recreatieoord</t>
  </si>
  <si>
    <t>2021BU08670013</t>
  </si>
  <si>
    <t>buurten.d99ca99c-911e-47b6-a4a6-1253bbf5725f</t>
  </si>
  <si>
    <t>BU08670100</t>
  </si>
  <si>
    <t>Sprang</t>
  </si>
  <si>
    <t>WK086701</t>
  </si>
  <si>
    <t>2021BU08670100</t>
  </si>
  <si>
    <t>buurten.5eb09691-aae3-4cee-88e3-84a518fc9514</t>
  </si>
  <si>
    <t>BU08670101</t>
  </si>
  <si>
    <t>Vrijhoeve</t>
  </si>
  <si>
    <t>2021BU08670101</t>
  </si>
  <si>
    <t>buurten.e8f1fd71-5f7f-4a21-96db-6c60b1ef67ef</t>
  </si>
  <si>
    <t>BU08670102</t>
  </si>
  <si>
    <t>Capelle / Nieuwe Vaart</t>
  </si>
  <si>
    <t>2021BU08670102</t>
  </si>
  <si>
    <t>buurten.f1240331-cbd2-4019-abc4-a105dea90eae</t>
  </si>
  <si>
    <t>BU08670103</t>
  </si>
  <si>
    <t>Buitengebied Capelle</t>
  </si>
  <si>
    <t>2021BU08670103</t>
  </si>
  <si>
    <t>buurten.8596c7c6-11ff-4a2d-9ab6-ae4881b00ee0</t>
  </si>
  <si>
    <t>BU08670104</t>
  </si>
  <si>
    <t>Landgoed Driessen</t>
  </si>
  <si>
    <t>2021BU08670104</t>
  </si>
  <si>
    <t>buurten.7e2906a8-b61b-4125-9e79-5e6c6e41e47e</t>
  </si>
  <si>
    <t>BU08670200</t>
  </si>
  <si>
    <t>Waspik Beneden</t>
  </si>
  <si>
    <t>WK086702</t>
  </si>
  <si>
    <t>2021BU08670200</t>
  </si>
  <si>
    <t>buurten.eecfdc03-1f69-4c95-aab3-cf243f4d7049</t>
  </si>
  <si>
    <t>BU08670201</t>
  </si>
  <si>
    <t>Waspik Boven</t>
  </si>
  <si>
    <t>2021BU08670201</t>
  </si>
  <si>
    <t>buurten.70607ba9-1cf4-439a-b3a9-4dafcde652dd</t>
  </si>
  <si>
    <t>BU08670202</t>
  </si>
  <si>
    <t>Industrieterrein Waspik</t>
  </si>
  <si>
    <t>2021BU08670202</t>
  </si>
  <si>
    <t>buurten.ad71bab9-98bd-47ac-a4d5-f1f1b1ee0760</t>
  </si>
  <si>
    <t>BU08670203</t>
  </si>
  <si>
    <t>Buitengebied Waspik</t>
  </si>
  <si>
    <t>2021BU08670203</t>
  </si>
  <si>
    <t>buurten.952720b8-5a40-4012-a3f6-4d4679316d34</t>
  </si>
  <si>
    <t>BU08730000</t>
  </si>
  <si>
    <t>Hoogerheide</t>
  </si>
  <si>
    <t>WK087300</t>
  </si>
  <si>
    <t>2021BU08730000</t>
  </si>
  <si>
    <t>buurten.a818ebfa-145f-4114-98e7-526410e886f5</t>
  </si>
  <si>
    <t>PL0873010001</t>
  </si>
  <si>
    <t>Woensdrecht Noord en Zuid, Hoogerheide Heiakkers</t>
  </si>
  <si>
    <t>2022-2035</t>
  </si>
  <si>
    <t>BU08730001</t>
  </si>
  <si>
    <t>2021BU08730001</t>
  </si>
  <si>
    <t>buurten.5590bd6f-6099-4fdc-b1d5-069d1a5eb25b</t>
  </si>
  <si>
    <t>BU08730002</t>
  </si>
  <si>
    <t>Hoogerheide-Noord</t>
  </si>
  <si>
    <t>2021BU08730002</t>
  </si>
  <si>
    <t>buurten.cc46d7bf-99cd-41be-8328-ed3aa3215f3f</t>
  </si>
  <si>
    <t>BU08730003</t>
  </si>
  <si>
    <t>Industrieterrein De Kooy</t>
  </si>
  <si>
    <t>2021BU08730003</t>
  </si>
  <si>
    <t>buurten.dd64710b-9c8b-4e24-b384-fbba955f55c1</t>
  </si>
  <si>
    <t>BU08730008</t>
  </si>
  <si>
    <t>Verspreide huizen Woensdrecht</t>
  </si>
  <si>
    <t>2021BU08730008</t>
  </si>
  <si>
    <t>buurten.d8448a2a-6da5-4eff-bd70-a0826eaf8417</t>
  </si>
  <si>
    <t>BU08730009</t>
  </si>
  <si>
    <t>Verspreide huizen Hoogerheide</t>
  </si>
  <si>
    <t>2021BU08730009</t>
  </si>
  <si>
    <t>buurten.5d421289-1602-4136-89f1-8fb4c0324da6</t>
  </si>
  <si>
    <t>BU08730100</t>
  </si>
  <si>
    <t>Huijbergen</t>
  </si>
  <si>
    <t>WK087301</t>
  </si>
  <si>
    <t>2021BU08730100</t>
  </si>
  <si>
    <t>buurten.60942560-bc94-4142-94bf-11e582270d69</t>
  </si>
  <si>
    <t>PL0873010002</t>
  </si>
  <si>
    <t>Huijbergen Zuid</t>
  </si>
  <si>
    <t>BU08730101</t>
  </si>
  <si>
    <t>Eiland</t>
  </si>
  <si>
    <t>2021BU08730101</t>
  </si>
  <si>
    <t>buurten.ea72220e-c871-4459-8b6b-5c61972c8b2c</t>
  </si>
  <si>
    <t>BU08730108</t>
  </si>
  <si>
    <t>Verspreide huizen ten zuiden van Huijbergen</t>
  </si>
  <si>
    <t>2021BU08730108</t>
  </si>
  <si>
    <t>buurten.aca5d9b7-bed8-4c38-a9b1-f9a6ea391028</t>
  </si>
  <si>
    <t>BU08730109</t>
  </si>
  <si>
    <t>Verspreide huizen ten noorden van Huijbergen</t>
  </si>
  <si>
    <t>2021BU08730109</t>
  </si>
  <si>
    <t>buurten.5d39dc73-12dd-469b-ba13-29dfd2640c48</t>
  </si>
  <si>
    <t>BU08730200</t>
  </si>
  <si>
    <t>Ossendrecht</t>
  </si>
  <si>
    <t>WK087302</t>
  </si>
  <si>
    <t>2021BU08730200</t>
  </si>
  <si>
    <t>buurten.89ca0ea5-2a46-4e58-9598-c217b7ae0009</t>
  </si>
  <si>
    <t>BU08730201</t>
  </si>
  <si>
    <t>Calfven</t>
  </si>
  <si>
    <t>2021BU08730201</t>
  </si>
  <si>
    <t>buurten.3d0bcf9c-4d86-414b-97e7-209cf680b9e5</t>
  </si>
  <si>
    <t>BU08730208</t>
  </si>
  <si>
    <t>Verspreide huizen ten westen van Ossendrecht</t>
  </si>
  <si>
    <t>2021BU08730208</t>
  </si>
  <si>
    <t>buurten.87dc932d-3755-4ed2-9d8c-582133434e05</t>
  </si>
  <si>
    <t>BU08730209</t>
  </si>
  <si>
    <t>Verspreide huizen ten oosten van Ossendrecht</t>
  </si>
  <si>
    <t>2021BU08730209</t>
  </si>
  <si>
    <t>buurten.a7355ebc-f19f-44e9-bdb0-3b6cdc20c44a</t>
  </si>
  <si>
    <t>BU08730300</t>
  </si>
  <si>
    <t>Putte</t>
  </si>
  <si>
    <t>WK087303</t>
  </si>
  <si>
    <t>2021BU08730300</t>
  </si>
  <si>
    <t>buurten.14d408ae-c516-407a-818a-d9442913fd8e</t>
  </si>
  <si>
    <t>BU08730309</t>
  </si>
  <si>
    <t>Verspreide huizen Putte</t>
  </si>
  <si>
    <t>2021BU08730309</t>
  </si>
  <si>
    <t>buurten.aecdf61c-a218-484c-a96e-4594a9c13378</t>
  </si>
  <si>
    <t>BU08790000</t>
  </si>
  <si>
    <t>WK087900</t>
  </si>
  <si>
    <t>2021BU08790000</t>
  </si>
  <si>
    <t>buurten.ff084fdb-b1a3-4a60-9337-81f5d90f0ac1</t>
  </si>
  <si>
    <t>BU08790009</t>
  </si>
  <si>
    <t>Verspreide huizen Zundert</t>
  </si>
  <si>
    <t>2021BU08790009</t>
  </si>
  <si>
    <t>buurten.08b9071f-2fb0-4a2f-9dd6-ce99ccccb850</t>
  </si>
  <si>
    <t>BU08790100</t>
  </si>
  <si>
    <t>Klein-Zundert</t>
  </si>
  <si>
    <t>WK087901</t>
  </si>
  <si>
    <t>2021BU08790100</t>
  </si>
  <si>
    <t>buurten.54498a03-d055-437b-8fd8-039be1de5471</t>
  </si>
  <si>
    <t>BU08790109</t>
  </si>
  <si>
    <t>Verspreide huizen Klein-Zundert</t>
  </si>
  <si>
    <t>2021BU08790109</t>
  </si>
  <si>
    <t>buurten.875b86dd-016b-4ac5-bc7a-f41fc622db4c</t>
  </si>
  <si>
    <t>BU08790200</t>
  </si>
  <si>
    <t>Wernhout</t>
  </si>
  <si>
    <t>WK087902</t>
  </si>
  <si>
    <t>2021BU08790200</t>
  </si>
  <si>
    <t>buurten.c72e5f2e-4387-4322-9193-ad0ecb992707</t>
  </si>
  <si>
    <t>BU08790209</t>
  </si>
  <si>
    <t>Verspreide huizen Wernhout</t>
  </si>
  <si>
    <t>2021BU08790209</t>
  </si>
  <si>
    <t>buurten.637280db-cd7b-44de-b5b1-381c45f04bf5</t>
  </si>
  <si>
    <t>BU08790300</t>
  </si>
  <si>
    <t>Achtmaal</t>
  </si>
  <si>
    <t>WK087903</t>
  </si>
  <si>
    <t>2021BU08790300</t>
  </si>
  <si>
    <t>buurten.6c4c97ac-a675-4379-90e1-10111e4d4df9</t>
  </si>
  <si>
    <t>BU08790309</t>
  </si>
  <si>
    <t>Verspreide huizen Achtmaal</t>
  </si>
  <si>
    <t>2021BU08790309</t>
  </si>
  <si>
    <t>buurten.89538567-6e0f-4adf-a4ca-d071ef67ce4e</t>
  </si>
  <si>
    <t>BU08790400</t>
  </si>
  <si>
    <t>WK087904</t>
  </si>
  <si>
    <t>2021BU08790400</t>
  </si>
  <si>
    <t>buurten.293a79f8-c2e8-4d94-aba7-febb60f678ed</t>
  </si>
  <si>
    <t>BU08790408</t>
  </si>
  <si>
    <t>2021BU08790408</t>
  </si>
  <si>
    <t>buurten.f1363ab6-74b1-46af-a7ba-7fc8ba2f1b83</t>
  </si>
  <si>
    <t>BU08790409</t>
  </si>
  <si>
    <t>2021BU08790409</t>
  </si>
  <si>
    <t>buurten.529fee30-2ad3-4837-a4e7-25a9a9855ccb</t>
  </si>
  <si>
    <t>BU08800000</t>
  </si>
  <si>
    <t>WK088000</t>
  </si>
  <si>
    <t>GM0880</t>
  </si>
  <si>
    <t>Wormerland</t>
  </si>
  <si>
    <t>2021BU08800000</t>
  </si>
  <si>
    <t>buurten.7eeaaa3a-adbc-46a8-b673-074192f030a9</t>
  </si>
  <si>
    <t>DC088001</t>
  </si>
  <si>
    <t>Wonen in Wormerland zonder aardgas</t>
  </si>
  <si>
    <t>2020-05-18</t>
  </si>
  <si>
    <t>Een duurzaam Wormerland moet haalbaar, schaalbaar en betaalbaar gebeuren. Doormiddel van een adaptieve en gebied overstijgende organisatie. Elk type woning vraagt om een eigen aanpak en zeker de oudere bebouwing vraagt om maatwerk oplossingen. Ondernemer</t>
  </si>
  <si>
    <t>Flexibiliteit in de uitvoering is belangrijk. De Transitievisie warmte geeft focus en richting maar is geen eindpunt en dient op basis van ontwikkelingen herijkt te worden. De Transitievisie warmte zal in principe eens in de 5 jaar geactualiseerd worden.</t>
  </si>
  <si>
    <t>De gemeente wil in 2050 klimaatneutraal zijn, maar heeft de ambitie om in 2030 al concrete resultaten te hebben geboekt op het gebied van isoleren en het gebruik van zonnecollectoren en aardgasvrije collectieve en individuele warmte.</t>
  </si>
  <si>
    <t>https://storage.mozardsaas.nl/overp/docblob/4e/f8/47/5x8w-a5m51jui205e543rf3iwz90aqif4zp3qvqglki19dep6bqc05poub3f0o2a08x8xrl?X-Amz-Algorithm=AWS4-HMAC-SHA256&amp;X-Amz-Expires=30&amp;X-Amz-Date=20220822T101514Z&amp;X-Amz-SignedHeaders=host&amp;X-Amz-Credential=AKIA36WJF</t>
  </si>
  <si>
    <t>PL0880010005</t>
  </si>
  <si>
    <t>PL0880010009</t>
  </si>
  <si>
    <t>Jisp</t>
  </si>
  <si>
    <t>Aanwezig draagvlak in de buurt, maatschappelijke kosten moeten op een accectabel niveau liggen, streven naar woonlasten- en kostenneutrale oplossingen. Benutten van koppelkansen.</t>
  </si>
  <si>
    <t>Klimaatneutraal in 2050</t>
  </si>
  <si>
    <t>BU08800001</t>
  </si>
  <si>
    <t>2021BU08800001</t>
  </si>
  <si>
    <t>buurten.4a18fde3-0f1d-4117-8380-948cbd5fc485</t>
  </si>
  <si>
    <t>PL0880010006</t>
  </si>
  <si>
    <t>Molenbuurt-zuid</t>
  </si>
  <si>
    <t>Circa 1300 woningen verwarmen met een all-electric warmteoptie</t>
  </si>
  <si>
    <t>restwarmte en/of bodemenergie en/of omgevingswarmte</t>
  </si>
  <si>
    <t>BU08800002</t>
  </si>
  <si>
    <t>Oost-Knollendam</t>
  </si>
  <si>
    <t>2021BU08800002</t>
  </si>
  <si>
    <t>buurten.0917faa3-076a-45b8-b845-3dd606a4ccc5</t>
  </si>
  <si>
    <t>BU08800003</t>
  </si>
  <si>
    <t>2021BU08800003</t>
  </si>
  <si>
    <t>buurten.39e6ddc6-a0ec-4abd-a586-0b146b131a55</t>
  </si>
  <si>
    <t>PL0880010001</t>
  </si>
  <si>
    <t>PL0880010008</t>
  </si>
  <si>
    <t>Middentil</t>
  </si>
  <si>
    <t>Er is voldoende schaal van naoorlogse meergezinswoningen en utiliteitsbouw, er is industriele restwarmte aanwezig. Woningcorporatie WormerWonen creeert draagvlak. Woningcorporatie WormerWonen voert herstructurering uit in 2020, 2022 en 2024 van 6 nieuwbo</t>
  </si>
  <si>
    <t>Restwarmte, warmte uit lucht en of bodem.</t>
  </si>
  <si>
    <t>BU08800004</t>
  </si>
  <si>
    <t>Plaszoom</t>
  </si>
  <si>
    <t>2021BU08800004</t>
  </si>
  <si>
    <t>buurten.b16ddd6a-05b7-4c85-9447-21733a9a63d3</t>
  </si>
  <si>
    <t>Zaandriehoek en Wormervelden</t>
  </si>
  <si>
    <t>Collectief verwarmen met een warmtenet onderzoeken voor de buurt</t>
  </si>
  <si>
    <t>Tot 2024 komen er 570 nieuwbouw woningen bij, verder onderzoek voor een collectieve verwarmingsoptie.</t>
  </si>
  <si>
    <t>Oppervlaktewater, in combinatie met WKO en een buurtwarmtepomp</t>
  </si>
  <si>
    <t>aquathermie en WKO en collectieve warmtepomp en/of restwarmte (industrie)</t>
  </si>
  <si>
    <t>BU08800005</t>
  </si>
  <si>
    <t>2021BU08800005</t>
  </si>
  <si>
    <t>buurten.7dc06851-d200-4716-aca7-32128f939514</t>
  </si>
  <si>
    <t>Oost-einde</t>
  </si>
  <si>
    <t>BU08800009</t>
  </si>
  <si>
    <t>Verspreide huizen in de polder Engewormer</t>
  </si>
  <si>
    <t>2021BU08800009</t>
  </si>
  <si>
    <t>buurten.dc486ff2-f7e9-409c-8c02-7d2fb62a31b7</t>
  </si>
  <si>
    <t>BU08800100</t>
  </si>
  <si>
    <t>Neck (gedeeltelijk)</t>
  </si>
  <si>
    <t>WK088001</t>
  </si>
  <si>
    <t>2021BU08800100</t>
  </si>
  <si>
    <t>buurten.c4c2944a-be35-44dd-936b-fb3e55c0d4d1</t>
  </si>
  <si>
    <t>PL0880010004</t>
  </si>
  <si>
    <t>Neck</t>
  </si>
  <si>
    <t>Drie verschillende bouwperiodes; naoorlogs, tussen 1975 en 1990 en tussen 1990 en 2005. Koppelkansen via 63 nieuwbouw woningen. Warmtebronnen beschikbaar in de vorm van Stadsverwarming Purmerend.</t>
  </si>
  <si>
    <t>63 nieuwbouwwoningen aansluiten op warmtenet, warmtenet kan uitgebreid worden naar de rest van de buurt.</t>
  </si>
  <si>
    <t>Basisniveau (conform Standaard), en/of vergaande maatregelen</t>
  </si>
  <si>
    <t>Stadsverwarming Purmerend</t>
  </si>
  <si>
    <t>BU08800108</t>
  </si>
  <si>
    <t>Verspreide huizen ten zuiden van De Middentocht</t>
  </si>
  <si>
    <t>2021BU08800108</t>
  </si>
  <si>
    <t>buurten.90edfc42-b8d0-46be-bcf6-5e6935e61b83</t>
  </si>
  <si>
    <t>BU08800109</t>
  </si>
  <si>
    <t>Verspreide huizen ten noorden van De Middentocht</t>
  </si>
  <si>
    <t>2021BU08800109</t>
  </si>
  <si>
    <t>buurten.0cee01cf-c1db-4979-952c-656e6d141d1b</t>
  </si>
  <si>
    <t>BU08800200</t>
  </si>
  <si>
    <t>WK088002</t>
  </si>
  <si>
    <t>2021BU08800200</t>
  </si>
  <si>
    <t>buurten.674468f1-001e-46c9-808d-536ce3e555d3</t>
  </si>
  <si>
    <t>PL0880010010</t>
  </si>
  <si>
    <t>Uitbreiding-Jisp</t>
  </si>
  <si>
    <t>BU08800201</t>
  </si>
  <si>
    <t>2021BU08800201</t>
  </si>
  <si>
    <t>buurten.ebcacb3d-cfe8-4f3a-b507-a18eeb66c13e</t>
  </si>
  <si>
    <t>BU08800208</t>
  </si>
  <si>
    <t>Spijkerboor</t>
  </si>
  <si>
    <t>2021BU08800208</t>
  </si>
  <si>
    <t>buurten.2ac26f15-99b6-4cef-9776-3ed093e4d1d1</t>
  </si>
  <si>
    <t>BU08800209</t>
  </si>
  <si>
    <t>Verspreide huizen Kanaal- en Oudelandsdijk</t>
  </si>
  <si>
    <t>2021BU08800209</t>
  </si>
  <si>
    <t>buurten.d03b4bf5-cd46-4755-b359-5796bc162184</t>
  </si>
  <si>
    <t>BU08820001</t>
  </si>
  <si>
    <t>Kakert</t>
  </si>
  <si>
    <t>WK088200</t>
  </si>
  <si>
    <t>GM0882</t>
  </si>
  <si>
    <t>Landgraaf</t>
  </si>
  <si>
    <t>2021BU08820001</t>
  </si>
  <si>
    <t>buurten.2ae035b0-5dcf-4c0f-a2f1-f680eb563444</t>
  </si>
  <si>
    <t>GM0917</t>
  </si>
  <si>
    <t>Heerlen</t>
  </si>
  <si>
    <t>DC088201</t>
  </si>
  <si>
    <t>DC091701</t>
  </si>
  <si>
    <t>Transitievisie Warmte (TVW) 1.0 gemeente Landgraaf Naar een duurzame manier van verwarmen</t>
  </si>
  <si>
    <t>Transitievisie Warmte 1.0 Heerlen</t>
  </si>
  <si>
    <t>2021-10-15</t>
  </si>
  <si>
    <t>2021-12-07</t>
  </si>
  <si>
    <t>[1] de gemeente moet de warmtetransitie betaalbaar houden; [2] de gemeente moet een betrouwbaar, realistisch en zo duurzaam mogelijk warmtealternatief inzetten om de warmtetransitie te bewerkstelligen, en; [3] de gemeente moet de koppelkansen waar mogeli</t>
  </si>
  <si>
    <t>De relevante stakeholders worden geconsulteerd en op basis van hun weging worden de selectiecriteria gewogen richting de TVW 2.0. Met hen worden ook werksessies georganiseerd. Daarnaast worden er ook contouren geschetst voor een isolatie- en verduurzamin</t>
  </si>
  <si>
    <t>Voor 2030 is het streven in ieder geval 20% CO2-uitstootreductie in gemeentelijk uitstoot door een combinatie van het aardgasvrij maken van woningen d.m.v. de inzet van warmte-alternatieven en door het inzetten op isolatie en energiebesparing.</t>
  </si>
  <si>
    <t>https://heerlen.bestuurlijkeinformatie.nl/Agenda/Document/0cce9522-bb3b-4c4f-9dfa-e01f3c1da16b?documentId=ef2724ac-2da7-417c-a233-79386de9a509&amp;agendaItemId=0f0feb09-7cbc-419a-aa25-1c25b87833a5</t>
  </si>
  <si>
    <t>https://landgraaf.bestuurlijkeinformatie.nl/Agenda/Index/eca3d461-d5cc-4c3f-98ae-3ed2bea785e5#35b1305a-a5d5-4fcb-9592-874649c298d7</t>
  </si>
  <si>
    <t>PL0882010001</t>
  </si>
  <si>
    <t>PL0917010001</t>
  </si>
  <si>
    <t>Identificeren van definitieve buurten en/of wijken om de warmtetransitie te beginnen in de gemeente Heerlen tot 2030</t>
  </si>
  <si>
    <t>Identificeren van definitieve buurten en/of wijken om de warmtetransitie te beginnen in de gemeente Landgraaf tot 2030</t>
  </si>
  <si>
    <t>Het onderzoek wijst een geschikt definitief warmtealternatief aan die voldoet aan de randvoorwaarden gepresenteerd in de TVW waarna begonnen kan worden met de wijkuitvoeringsplannen (WUP)</t>
  </si>
  <si>
    <t>Het concreet initieren van de warmtetransitie in de gemeente Kerkrade</t>
  </si>
  <si>
    <t>Het concreet initieren van de warmtetransitie in de gemeente Landgraaf</t>
  </si>
  <si>
    <t>BU08820002</t>
  </si>
  <si>
    <t>Lichtenberg</t>
  </si>
  <si>
    <t>2021BU08820002</t>
  </si>
  <si>
    <t>buurten.6535d40e-22e4-457b-867e-9fb394c74558</t>
  </si>
  <si>
    <t>BU08820003</t>
  </si>
  <si>
    <t>De Dormig</t>
  </si>
  <si>
    <t>2021BU08820003</t>
  </si>
  <si>
    <t>buurten.14d375d1-1b9e-4ed5-a41e-df2eb6102b4f</t>
  </si>
  <si>
    <t>BU08820004</t>
  </si>
  <si>
    <t>De Streep</t>
  </si>
  <si>
    <t>2021BU08820004</t>
  </si>
  <si>
    <t>buurten.87148ce1-d8a5-4e04-9ebd-a2edf4ca2a5a</t>
  </si>
  <si>
    <t>BU08820005</t>
  </si>
  <si>
    <t>Klinkerkwartier</t>
  </si>
  <si>
    <t>2021BU08820005</t>
  </si>
  <si>
    <t>buurten.3ade30fb-1571-4014-86cb-a4e3ff84b833</t>
  </si>
  <si>
    <t>BU08820006</t>
  </si>
  <si>
    <t>Achter de Haesen</t>
  </si>
  <si>
    <t>2021BU08820006</t>
  </si>
  <si>
    <t>buurten.7c08381e-1851-44a9-b7ff-03cdc8bde1ca</t>
  </si>
  <si>
    <t>BU08820007</t>
  </si>
  <si>
    <t>Leenhof</t>
  </si>
  <si>
    <t>2021BU08820007</t>
  </si>
  <si>
    <t>buurten.49fb3b1c-2e28-4b88-b68c-798da2551fe9</t>
  </si>
  <si>
    <t>BU08820008</t>
  </si>
  <si>
    <t>Schaesberg Centrum</t>
  </si>
  <si>
    <t>2021BU08820008</t>
  </si>
  <si>
    <t>buurten.ff7ea81a-f094-4307-8e0e-f55e4ff9841a</t>
  </si>
  <si>
    <t>BU08820009</t>
  </si>
  <si>
    <t>Achter den Winkel</t>
  </si>
  <si>
    <t>2021BU08820009</t>
  </si>
  <si>
    <t>buurten.847b03f7-9a93-4283-9eb8-459d5459feb8</t>
  </si>
  <si>
    <t>BU08820010</t>
  </si>
  <si>
    <t>Mijnbuurt</t>
  </si>
  <si>
    <t>2021BU08820010</t>
  </si>
  <si>
    <t>buurten.505c9b64-c174-4a0d-98b0-cf6b33961cf8</t>
  </si>
  <si>
    <t>BU08820011</t>
  </si>
  <si>
    <t>Eiske</t>
  </si>
  <si>
    <t>2021BU08820011</t>
  </si>
  <si>
    <t>buurten.6a43c652-1c54-498f-840c-2fe3cd15e79e</t>
  </si>
  <si>
    <t>BU08820012</t>
  </si>
  <si>
    <t>Heistraat</t>
  </si>
  <si>
    <t>2021BU08820012</t>
  </si>
  <si>
    <t>buurten.31fc0ba0-1233-42df-8fc0-90db5cc94503</t>
  </si>
  <si>
    <t>BU08820020</t>
  </si>
  <si>
    <t>Gravenrode</t>
  </si>
  <si>
    <t>2021BU08820020</t>
  </si>
  <si>
    <t>buurten.ed2672c2-3261-4275-8c78-a3c4d4dfbce8</t>
  </si>
  <si>
    <t>GM0928</t>
  </si>
  <si>
    <t>Kerkrade</t>
  </si>
  <si>
    <t>DC092801</t>
  </si>
  <si>
    <t>Kerkrade aardgasvrij We doen het samen! Transitievisie Warmte 1.0</t>
  </si>
  <si>
    <t>https://ris2.ibabs.eu/Agenda/Details/Kerkrade/a2e1d545-be6f-4414-a42c-d228c3ef768c</t>
  </si>
  <si>
    <t>PL0928010001</t>
  </si>
  <si>
    <t>Identificeren van definitieve buurten en/of wijken om de warmtetransitie te beginnen in de gemeente Kerkrade tot 2030</t>
  </si>
  <si>
    <t>BU08820101</t>
  </si>
  <si>
    <t>Nieuwenhagerheide</t>
  </si>
  <si>
    <t>WK088201</t>
  </si>
  <si>
    <t>2021BU08820101</t>
  </si>
  <si>
    <t>buurten.7e8cfd92-60b5-419d-8f65-05546577d3e4</t>
  </si>
  <si>
    <t>BU08820102</t>
  </si>
  <si>
    <t>Oud Nieuwenhagen</t>
  </si>
  <si>
    <t>2021BU08820102</t>
  </si>
  <si>
    <t>buurten.e94ff5e0-5cbf-424b-a5d4-487b33c0b327</t>
  </si>
  <si>
    <t>BU08820103</t>
  </si>
  <si>
    <t>Hoefveld</t>
  </si>
  <si>
    <t>2021BU08820103</t>
  </si>
  <si>
    <t>buurten.011fd838-1a08-4ff9-8c8b-806d2479b582</t>
  </si>
  <si>
    <t>BU08820104</t>
  </si>
  <si>
    <t>Op de Kamp</t>
  </si>
  <si>
    <t>2021BU08820104</t>
  </si>
  <si>
    <t>buurten.9aba976e-4ced-410e-b9ba-905685efe01c</t>
  </si>
  <si>
    <t>BU08820105</t>
  </si>
  <si>
    <t>Exdel</t>
  </si>
  <si>
    <t>2021BU08820105</t>
  </si>
  <si>
    <t>buurten.effb4fc0-8735-4138-8941-78a9799f9e9f</t>
  </si>
  <si>
    <t>BU08820120</t>
  </si>
  <si>
    <t>Buitengebied Brunssumerheide (2)</t>
  </si>
  <si>
    <t>2021BU08820120</t>
  </si>
  <si>
    <t>buurten.05e8be3e-8951-4deb-a3bb-709da2824161</t>
  </si>
  <si>
    <t>Brunssum</t>
  </si>
  <si>
    <t>[1] de energietransitie moet zich voltrekken middels een inclusief traject; [2] er moet worden ingezet op energiebesparing 'aardgasvrij-ready'  middels een gemeente-brede inzet op goede isolatie en ventilatie naast de inzet op aardgasvrij waar mogelijk,</t>
  </si>
  <si>
    <t>De gemeente Brunssum wil een isolatie/verduurzamingsprogramma in het leven roepen voor de periode tot 2030, met de mogelijkheid voor een verlenging tot 2050. Dit programma richt zich op het verbeteren van het isolatieniveau en het verduurzamen van partic</t>
  </si>
  <si>
    <t>https://brunssum.bestuurlijkeinformatie.nl/Agenda/Document/07536621-91f0-4b0a-a6f1-6adef7dae2f4?documentId=d9ff9433-934f-4f15-a495-d6063d9902dd&amp;agendaItemId=069f2adf-338c-48ba-a635-6e00c62f705e</t>
  </si>
  <si>
    <t>Identificeren van definitieve buurten en/of wijken om de warmtetransitie te beginnen in de gemeente Brunssum tot 2030</t>
  </si>
  <si>
    <t>Het concreet initieren van de warmtetransitie in de gemeente Brunssum</t>
  </si>
  <si>
    <t>BU08820201</t>
  </si>
  <si>
    <t>Abdissenbosch</t>
  </si>
  <si>
    <t>WK088202</t>
  </si>
  <si>
    <t>2021BU08820201</t>
  </si>
  <si>
    <t>buurten.135c41e0-cc8a-43c7-a2f9-ebb9e968a9d4</t>
  </si>
  <si>
    <t>BU08820202</t>
  </si>
  <si>
    <t>Parkheide</t>
  </si>
  <si>
    <t>2021BU08820202</t>
  </si>
  <si>
    <t>buurten.6c6f2daf-95d0-4544-b2b0-16ddc5962799</t>
  </si>
  <si>
    <t>BU08820203</t>
  </si>
  <si>
    <t>Namiddagsche Driessen</t>
  </si>
  <si>
    <t>2021BU08820203</t>
  </si>
  <si>
    <t>buurten.52598718-632e-4ce4-87a7-1a8974712cbf</t>
  </si>
  <si>
    <t>BU08820204</t>
  </si>
  <si>
    <t>Lauradorp</t>
  </si>
  <si>
    <t>2021BU08820204</t>
  </si>
  <si>
    <t>buurten.31a1ec15-ead0-4df3-bed0-0a581394fa6b</t>
  </si>
  <si>
    <t>BU08820205</t>
  </si>
  <si>
    <t>Waubach</t>
  </si>
  <si>
    <t>2021BU08820205</t>
  </si>
  <si>
    <t>buurten.39f59bf5-b34d-42be-a933-41a2b2b833d3</t>
  </si>
  <si>
    <t>BU08820206</t>
  </si>
  <si>
    <t>2021BU08820206</t>
  </si>
  <si>
    <t>buurten.775a0521-b311-48c4-83dc-86b7e36189ed</t>
  </si>
  <si>
    <t>BU08820207</t>
  </si>
  <si>
    <t>Rimburg</t>
  </si>
  <si>
    <t>2021BU08820207</t>
  </si>
  <si>
    <t>buurten.ef4274ed-ac2d-4b55-9d6a-c3294a7bad9c</t>
  </si>
  <si>
    <t>BU08820220</t>
  </si>
  <si>
    <t>Brunssumerheide (1)</t>
  </si>
  <si>
    <t>2021BU08820220</t>
  </si>
  <si>
    <t>buurten.9c0c3ac2-24af-4f1a-99ca-4bc57ea6cef1</t>
  </si>
  <si>
    <t>GM0899</t>
  </si>
  <si>
    <t>DC089901</t>
  </si>
  <si>
    <t>Transitievisie Warmte 1.0 Gemeente Brunssum</t>
  </si>
  <si>
    <t>PL0899010001</t>
  </si>
  <si>
    <t>BU08880000</t>
  </si>
  <si>
    <t>Beek</t>
  </si>
  <si>
    <t>WK088800</t>
  </si>
  <si>
    <t>GM0888</t>
  </si>
  <si>
    <t>2021BU08880000</t>
  </si>
  <si>
    <t>buurten.9cda321c-9692-491d-9ff6-6ed6efa6a78d</t>
  </si>
  <si>
    <t>GM0971</t>
  </si>
  <si>
    <t>Stein</t>
  </si>
  <si>
    <t>DC088801</t>
  </si>
  <si>
    <t>DC097101</t>
  </si>
  <si>
    <t>Transitievisie Warmte Gemeente Beek 2021-2030</t>
  </si>
  <si>
    <t>Transitievisie Warmte Gemeente Stein 2021-2030</t>
  </si>
  <si>
    <t>2021-09-09</t>
  </si>
  <si>
    <t>[1] Het uitbreiden van de capaciteit van het lokale elektriciteitsnet indien nodig bij keuze voor all-electricoplossing; [2] het bepalen van geschiktheid voor het uitbreiden van Het Groene Net (MT/HT-warmtenet); [3] de uitrol van duurzame gassen in de vo</t>
  </si>
  <si>
    <t>[1] de gemeente wil actief communiceren en informeren om de warmtetransitie te laten gaan 'leven'; [2] de gemeente wil de minima ontzien om de stijging van de relatieve energiekosten te voorkomen (lagere infrastructuur door isolatie &amp; minder aardgas); [3</t>
  </si>
  <si>
    <t>Bevorderen communicatie- en participatieproces stakeholders en invullen regierol gemeente in de aanloop naar de TVW 2.0.</t>
  </si>
  <si>
    <t>Er wordt perspectief geboden voor het implementeren van koppelkansen en natuurlijke momenten waar deze zich voordoen om de doelen richting 2050 te halen. Hiervoor moet er periodiek onderzoek door de gemeente Beek plaatsvinden. Dit vergt de invoer van gem</t>
  </si>
  <si>
    <t>Voor 2030 is het streven in ieder geval 20% CO2-uitstootreductie in gemeentelijk uitstoot door een combinatie van het aardgasvrij maken van woningen d.m.v. de inzet van warmtealternatieven en door het inzetten op isolatie en energiebesparing. In Beek bet</t>
  </si>
  <si>
    <t>https://ris2.ibabs.eu/Agenda/Details/Beek/e575cc12-6356-4b21-87a9-a0089d65459d</t>
  </si>
  <si>
    <t>https://ris2.ibabs.eu/Agenda/Details/Stein/7bf53514-4d8d-4556-8aea-842f852d1b5a</t>
  </si>
  <si>
    <t>PL0888010001</t>
  </si>
  <si>
    <t>PL0971010002</t>
  </si>
  <si>
    <t>Aansluiting gemeente Beek op Het Groene Net bij uitbreiding richting kernen (van toepassing op kern Beek en Neerbeek)</t>
  </si>
  <si>
    <t>Uitrol individuele oplossing in de gemeente Stein (overige buurten)</t>
  </si>
  <si>
    <t>De benodigde investering voor aansluiting wordt rendabel bevonden en de onduidelijkheid m.b.t. het vollooprisico zijn de grootste uitdaging voor de businesscase.</t>
  </si>
  <si>
    <t>De benodigde investering voor de isolatie wordt rendabel bevonden.</t>
  </si>
  <si>
    <t>Een concreet aantal woningen wordt niet gedefinieerd. All-electric en hybride warmtepompen hebben een gezamelijke potentie van 26% voor 2030.</t>
  </si>
  <si>
    <t>[...] een deel van de gebouwen compleet aardgasvrij maken. Een concreet aantal woningen wordt niet gedefinieerd. Wel resulteert dit in een afname van de huidige warmtevraag van 23%.</t>
  </si>
  <si>
    <t>Afhankelijk van temperatuur warmteoplossing, bij warmtepomp minimaal schillabel B, hybride warmtepomp minimaal B/D</t>
  </si>
  <si>
    <t>Label D</t>
  </si>
  <si>
    <t>HT warmte. Uitbreiding van Het Groene Net vanuit Sittard-Geleen. Industriecomplex Chemelot in Sittard-Geleen [restwarmte] + Biomassa Energiecentrale Sittard (BES) in Sittard-Geleen</t>
  </si>
  <si>
    <t>HT warmte: restwarmte (industrie) en/of biomassa</t>
  </si>
  <si>
    <t>restwarmte, biomassa</t>
  </si>
  <si>
    <t>43</t>
  </si>
  <si>
    <t>BU08880001</t>
  </si>
  <si>
    <t>Neerbeek</t>
  </si>
  <si>
    <t>2021BU08880001</t>
  </si>
  <si>
    <t>buurten.2f47bc2a-4492-4ef1-97f9-b0cf0c48d418</t>
  </si>
  <si>
    <t>GM1883</t>
  </si>
  <si>
    <t>Sittard-Geleen</t>
  </si>
  <si>
    <t>DC188301</t>
  </si>
  <si>
    <t>Transitievisie Warmte (TVW) Gemeente Sittard-Geleen</t>
  </si>
  <si>
    <t>De gemeente wil naar de technische traject ook graag de sociaal-maatschappelijke transitie in het proces meenemen</t>
  </si>
  <si>
    <t>De gemeente gaat gratis warmtescans, energieboxen, collectieve inkoopacties en gesprekken met energiecoaches aanbieden. Daarnaast stelt de gemeente de komende jaren forse subsidies beschikbaar om minimaal 250 woningen in de wijken 'Geleen-Zuid' en 'Kluis</t>
  </si>
  <si>
    <t>https://ris2.ibabs.eu/Agenda/Details/SittardGeleen/9595bf3b-425f-4f40-84dd-76cf9f7bec26</t>
  </si>
  <si>
    <t>PL1883010003</t>
  </si>
  <si>
    <t>uitwerking gericht op isolatie en warmtenet (HGN-Zuid) in Geleen-Centrum</t>
  </si>
  <si>
    <t>voorbereidend (Uitvoering nabij)</t>
  </si>
  <si>
    <t>Een concreet aantal woningen wordt niet gedefinieerd. Wel resulteert dit in een afname van de huidige warmtevraag van 27% (all-electric 8%, hybride 19%).</t>
  </si>
  <si>
    <t>Het Groene Net (Zuid) : Restwarmte Chemelot - Geleen</t>
  </si>
  <si>
    <t>BU08880002</t>
  </si>
  <si>
    <t>Spaubeek</t>
  </si>
  <si>
    <t>2021BU08880002</t>
  </si>
  <si>
    <t>buurten.80959177-3549-4ae4-a348-39c56925250f</t>
  </si>
  <si>
    <t>GM1954</t>
  </si>
  <si>
    <t>DC195401</t>
  </si>
  <si>
    <t>Bevorderen communicatie- en participatieproces stakeholders en invullen regierol gemeente in de aanloop naar de TVW 2.0. Daarnaast zal met door de gemeente gestelde criteria op korte termijn van startwijk(en) en hun warmtealternatieven geidentificeerd wo</t>
  </si>
  <si>
    <t>https://beekdaelen.bestuurlijkeinformatie.nl/Agenda/Document/45e3d1c0-84ac-43ab-a4cb-6175b437ddda?documentId=cbc7b9cb-a766-4ed6-b50a-2ef6a2faae11</t>
  </si>
  <si>
    <t>PL1954010001</t>
  </si>
  <si>
    <t>Uitwerking gericht op isolatie en warmtenet (HGN-Zuid) in Geleen-Zuid/Kluis</t>
  </si>
  <si>
    <t>BU08880100</t>
  </si>
  <si>
    <t>Geverik</t>
  </si>
  <si>
    <t>WK088801</t>
  </si>
  <si>
    <t>2021BU08880100</t>
  </si>
  <si>
    <t>buurten.ae29bcb1-155f-4ff0-87ec-3720fcccf7c6</t>
  </si>
  <si>
    <t>PL0888010002</t>
  </si>
  <si>
    <t>Uitrol individuele oplossing in de gemeente Beek (overige buurten)</t>
  </si>
  <si>
    <t>BU08880101</t>
  </si>
  <si>
    <t>Grootgenhout</t>
  </si>
  <si>
    <t>2021BU08880101</t>
  </si>
  <si>
    <t>buurten.480c37bc-51c9-47c0-aab4-61ac81e570fe</t>
  </si>
  <si>
    <t>BU08880102</t>
  </si>
  <si>
    <t>Kleingenhout</t>
  </si>
  <si>
    <t>2021BU08880102</t>
  </si>
  <si>
    <t>buurten.19348be4-6787-486c-b82a-6c94d44d6f66</t>
  </si>
  <si>
    <t>BU08880103</t>
  </si>
  <si>
    <t>Kelmond</t>
  </si>
  <si>
    <t>2021BU08880103</t>
  </si>
  <si>
    <t>buurten.8f69096d-aee3-4007-8099-c5b81e8934b8</t>
  </si>
  <si>
    <t>BU08880109</t>
  </si>
  <si>
    <t>Verspreide huizen Vliegbasis Zuid-Limburg</t>
  </si>
  <si>
    <t>2021BU08880109</t>
  </si>
  <si>
    <t>buurten.50644e20-f88a-40ad-89fd-d64a43e2495e</t>
  </si>
  <si>
    <t>Transitievisie Warmte 1.0 Beekdaelen</t>
  </si>
  <si>
    <t>[1] Alle stakeholders moeten meegenomen worden in het proces; [2] een gemeente-brede inzet op goede isolatie en ventilatie en energiebesparing moet gerealiseerd worden, en; [3] het voorgesteld alternatief voor aardgas moet daadwerkelijk betrouwbaar en re</t>
  </si>
  <si>
    <t>BU08890000</t>
  </si>
  <si>
    <t>Reuver</t>
  </si>
  <si>
    <t>WK088900</t>
  </si>
  <si>
    <t>GM0889</t>
  </si>
  <si>
    <t>Beesel</t>
  </si>
  <si>
    <t>2021BU08890000</t>
  </si>
  <si>
    <t>buurten.fbae353a-2f6c-4a95-aa2a-767d1ffba0d5</t>
  </si>
  <si>
    <t>GM0983</t>
  </si>
  <si>
    <t>Venlo</t>
  </si>
  <si>
    <t>95% CO2-reductie in 2050</t>
  </si>
  <si>
    <t>DC088901</t>
  </si>
  <si>
    <t>DC098301</t>
  </si>
  <si>
    <t>Transitievisie Warmte deel A visie</t>
  </si>
  <si>
    <t>Transititevisie gebouwde omgeving Venlo 2021</t>
  </si>
  <si>
    <t>Uitgangspunten:1. We staan voor onze ambitie2. We blijven realistisch en maken een haalbare visie3. We hebben oog voor betaalbaarheid4. We doen het met draagvlak van bewonersExterne randvoorwaarden voor succesvolle uitvoering:1. Passende financiering voo</t>
  </si>
  <si>
    <t>maatschappelijk draagvlak, financieel economische haalbaarheid, integrale omgevingskwaliteit</t>
  </si>
  <si>
    <t>Deze Transitievisie Warmte beschrijft hoe we de overgang, de transitie, naar duurzaam verwarmen in grote lijnenvoor ons zien. In deze Transitievisie Warmte beschrijven we welke stappen we voor 2030 en later in de bestaande gebouwde omgeving willen zetten</t>
  </si>
  <si>
    <t>duurzame en circulaire hoofdstad</t>
  </si>
  <si>
    <t>Met focus, lef en draakkracht is het onze ambitie om in 2050 een aardgasvrije gemeente te zijn.</t>
  </si>
  <si>
    <t>https://beesel.bestuurlijkeinformatie.nl/Agenda/Document/30994471-26d4-4cbd-a475-d7f13a8e80d7?documentId=f3c5553d-dc13-4ae7-80ec-6708c3a858a2&amp;agendaItemId=d1f81cc2-78d7-4d94-b2b3-3056c529e605</t>
  </si>
  <si>
    <t>https://venlo.bestuurlijkeinformatie.nl/Agenda/Document/28ed4901-06c3-42b1-a062-8beaaf5b7fdb?documentId=b81011a9-c950-445d-be0b-efee6048b0bf</t>
  </si>
  <si>
    <t>PL0889010001</t>
  </si>
  <si>
    <t>PL0983010007</t>
  </si>
  <si>
    <t>Altijd isoleren</t>
  </si>
  <si>
    <t>warmtenetten onbekende bron na 2030</t>
  </si>
  <si>
    <t>definitief, no-regretmaatregelen per gebouwtype</t>
  </si>
  <si>
    <t>haalbaarheid, betaalbaarheid en draagvlak</t>
  </si>
  <si>
    <t>technische haalbaarheid, betaalbaarheid, bij positieve uitkomst haalbaarheid onderzoeken we demogelijkheden voor minimaal 50% lokaal eigendom.</t>
  </si>
  <si>
    <t>Aanpassen afgiftesysteem en na-isoleren indien nodig. Vervolgens overstap naar warmtepomp bij CV-ketel vervanging</t>
  </si>
  <si>
    <t>verkenning en realisatie van een duurzaam warmtenet</t>
  </si>
  <si>
    <t>warmtenet op basis van aquathermie/restwarmte</t>
  </si>
  <si>
    <t>BU08890001</t>
  </si>
  <si>
    <t>Offenbeek</t>
  </si>
  <si>
    <t>2021BU08890001</t>
  </si>
  <si>
    <t>buurten.800e21a2-5ac2-4fb7-9313-7d08f4ef205d</t>
  </si>
  <si>
    <t>DC088902</t>
  </si>
  <si>
    <t>Transitievisie Warmte deel B uitvoeringsagenda</t>
  </si>
  <si>
    <t>Drie sporen strategie uitgewerkt in een uitvoeringsagenda voor de komende 2 jaar (2022 en 2023): Met het actieplan kan waar nodig en/of wenselijk snel ingespeeldworden op de actualiteit. Het college stelt dit uitvoeringsplan vast en stuurt zonodig bij ti</t>
  </si>
  <si>
    <t>Voor de drie sporen zijn concrete acties uitgewerkt in de uitvoeringsagenda. Ook is toegelicht welke partners een rol hebben en wat de beoogde resultaten zijn.</t>
  </si>
  <si>
    <t>PL0889010010</t>
  </si>
  <si>
    <t>Sociale huurwoningen</t>
  </si>
  <si>
    <t>per direct of op natuurlijk moment</t>
  </si>
  <si>
    <t>BU08890008</t>
  </si>
  <si>
    <t>Verspreide huizen ten oosten en zuiden van de spoorlijn</t>
  </si>
  <si>
    <t>2021BU08890008</t>
  </si>
  <si>
    <t>buurten.773579e7-b418-4ab1-8595-53247951263a</t>
  </si>
  <si>
    <t>BU08890009</t>
  </si>
  <si>
    <t>2021BU08890009</t>
  </si>
  <si>
    <t>buurten.3993b352-81a9-4b5d-86d7-abf330e5ce0d</t>
  </si>
  <si>
    <t>BU08890100</t>
  </si>
  <si>
    <t>WK088901</t>
  </si>
  <si>
    <t>2021BU08890100</t>
  </si>
  <si>
    <t>buurten.6c213878-1c7c-4a0b-925d-3dcbc05ec11c</t>
  </si>
  <si>
    <t>BU08890101</t>
  </si>
  <si>
    <t>Bussereind</t>
  </si>
  <si>
    <t>2021BU08890101</t>
  </si>
  <si>
    <t>buurten.f2536e61-fac9-4edd-ae89-012929afb018</t>
  </si>
  <si>
    <t>BU08890102</t>
  </si>
  <si>
    <t>Rijkel</t>
  </si>
  <si>
    <t>2021BU08890102</t>
  </si>
  <si>
    <t>buurten.cfedce2f-eb47-430c-b568-a559157241d5</t>
  </si>
  <si>
    <t>GM1640</t>
  </si>
  <si>
    <t>Roermond</t>
  </si>
  <si>
    <t>20% bestaande bebouwing aardgasvrij in 2030, 100% aardgasvrij in 2050</t>
  </si>
  <si>
    <t>DC164001</t>
  </si>
  <si>
    <t>Transitievisie Warmte Roermond</t>
  </si>
  <si>
    <t>Transitievisie warmte (Leudal)</t>
  </si>
  <si>
    <t>Betaalbaar, uitvoerbaar, realistische en participatief</t>
  </si>
  <si>
    <t>participatie, realistisch en haalbaar, betaalbaar, wooncomfort</t>
  </si>
  <si>
    <t>consulteren van inwoners, ondersteunen van initiatiefnemers, inwoners mee laten denken</t>
  </si>
  <si>
    <t>20% gasreductie</t>
  </si>
  <si>
    <t>https://roermond.bestuurlijkeinformatie.nl/Agenda/Document/21c4a453-03c3-455d-917f-7e2c66c58764?documentId=8f6faa05-cb33-427e-aefc-05ce9261c2f1&amp;agendaItemId=294cdb06-d159-45bd-94b9-07b086eebd34</t>
  </si>
  <si>
    <t>PL1640010004</t>
  </si>
  <si>
    <t>Warmtepompproject in wijk</t>
  </si>
  <si>
    <t>woningen zijn gebouwd na 2000</t>
  </si>
  <si>
    <t>BU08890109</t>
  </si>
  <si>
    <t>2021BU08890109</t>
  </si>
  <si>
    <t>buurten.7660f740-30c3-439b-a7d5-5ebc4925800c</t>
  </si>
  <si>
    <t>GM0957</t>
  </si>
  <si>
    <t>DC095701</t>
  </si>
  <si>
    <t>Verkennen verkenninsgbuurten met inwoners, bedrijven en overige betrokkenen; focus op besparen in communicatie, kennisdelingen en ondersteuning; waar animo is gezamelijke bespaarcampagnes organiseren; potentie warmtebronnen onderzoeken; opstellen aanpak</t>
  </si>
  <si>
    <t>20% van de bestaande bebouwing in 2030 aardgasvrij. Dit komt neer op het reduceren van 7.160.000 m3 aardgas in woningen (gelijk aan ongeveer 5.600 woningen aardgasvrij) en 3.312.000 m3 aardgas bij bedrijven in 2030.</t>
  </si>
  <si>
    <t>PL0957010006</t>
  </si>
  <si>
    <t>BU08930110</t>
  </si>
  <si>
    <t>Aijen Kern</t>
  </si>
  <si>
    <t>WK089301</t>
  </si>
  <si>
    <t>2021BU08930110</t>
  </si>
  <si>
    <t>buurten.c804b06c-02c7-46ef-be89-19f09feb9925</t>
  </si>
  <si>
    <t>BU08930111</t>
  </si>
  <si>
    <t>Aijen Buitengebied</t>
  </si>
  <si>
    <t>2021BU08930111</t>
  </si>
  <si>
    <t>buurten.a7701b81-01bc-46da-9d93-f8a286572770</t>
  </si>
  <si>
    <t>BU08930220</t>
  </si>
  <si>
    <t>Oud-Bergen Kern</t>
  </si>
  <si>
    <t>WK089302</t>
  </si>
  <si>
    <t>2021BU08930220</t>
  </si>
  <si>
    <t>buurten.027289ee-ad83-4167-857c-ef13ca015493</t>
  </si>
  <si>
    <t>BU08930221</t>
  </si>
  <si>
    <t>Oud-Bergen Buitengebied</t>
  </si>
  <si>
    <t>2021BU08930221</t>
  </si>
  <si>
    <t>buurten.09af8803-5bfb-4cfa-87c7-1a35f62ba28f</t>
  </si>
  <si>
    <t>BU08930330</t>
  </si>
  <si>
    <t>Nieuw-Bergen Kern</t>
  </si>
  <si>
    <t>WK089303</t>
  </si>
  <si>
    <t>2021BU08930330</t>
  </si>
  <si>
    <t>buurten.d2a94ace-690e-4d27-8bf9-9bc2e78873df</t>
  </si>
  <si>
    <t>BU08930331</t>
  </si>
  <si>
    <t>Nieuw-Bergen Buitengebied</t>
  </si>
  <si>
    <t>2021BU08930331</t>
  </si>
  <si>
    <t>buurten.213f3fb4-21b7-432f-8bba-7257149af978</t>
  </si>
  <si>
    <t>BU08930332</t>
  </si>
  <si>
    <t>Nieuw-Bergen De Flammert</t>
  </si>
  <si>
    <t>2021BU08930332</t>
  </si>
  <si>
    <t>buurten.886f0b62-53c8-40b6-80aa-c59bb636f582</t>
  </si>
  <si>
    <t>BU08930440</t>
  </si>
  <si>
    <t>Afferden Kern</t>
  </si>
  <si>
    <t>WK089304</t>
  </si>
  <si>
    <t>2021BU08930440</t>
  </si>
  <si>
    <t>buurten.5f84216b-f33e-4cbc-95ed-b870697639fa</t>
  </si>
  <si>
    <t>BU08930441</t>
  </si>
  <si>
    <t>2021BU08930441</t>
  </si>
  <si>
    <t>buurten.49cf6dac-73d4-460a-adfc-82515bf72aff</t>
  </si>
  <si>
    <t>BU08930550</t>
  </si>
  <si>
    <t>Siebengewald Kern</t>
  </si>
  <si>
    <t>WK089305</t>
  </si>
  <si>
    <t>2021BU08930550</t>
  </si>
  <si>
    <t>buurten.304be396-debc-48a7-af2a-35f6fc3d73d7</t>
  </si>
  <si>
    <t>BU08930551</t>
  </si>
  <si>
    <t>Siebengewald Buitengebied</t>
  </si>
  <si>
    <t>2021BU08930551</t>
  </si>
  <si>
    <t>buurten.35f002c5-42e2-4931-b6ee-7cf0d08664a7</t>
  </si>
  <si>
    <t>BU08930660</t>
  </si>
  <si>
    <t>Well-Oost</t>
  </si>
  <si>
    <t>WK089306</t>
  </si>
  <si>
    <t>2021BU08930660</t>
  </si>
  <si>
    <t>buurten.6cde9d52-c69e-40a4-8172-b38912649dfe</t>
  </si>
  <si>
    <t>BU08930661</t>
  </si>
  <si>
    <t>Well-West</t>
  </si>
  <si>
    <t>2021BU08930661</t>
  </si>
  <si>
    <t>buurten.35e5c857-0fa3-4a4d-afed-7778ffd266fb</t>
  </si>
  <si>
    <t>BU08930662</t>
  </si>
  <si>
    <t>Well Buitengebied</t>
  </si>
  <si>
    <t>2021BU08930662</t>
  </si>
  <si>
    <t>buurten.a4d6571a-0a99-4598-9951-b53959920ef2</t>
  </si>
  <si>
    <t>BU08930770</t>
  </si>
  <si>
    <t>Wellerlooi Kern</t>
  </si>
  <si>
    <t>WK089307</t>
  </si>
  <si>
    <t>2021BU08930770</t>
  </si>
  <si>
    <t>buurten.a652de1d-db7c-45a0-8657-cbca5bea1515</t>
  </si>
  <si>
    <t>BU08930771</t>
  </si>
  <si>
    <t>Wellerlooi Buitengebied</t>
  </si>
  <si>
    <t>2021BU08930771</t>
  </si>
  <si>
    <t>buurten.7c3726d9-104b-4ebb-8069-79e34ca476fd</t>
  </si>
  <si>
    <t>buitengebieden all electric of met groen gas</t>
  </si>
  <si>
    <t>BU08990124</t>
  </si>
  <si>
    <t>Klingelsberg</t>
  </si>
  <si>
    <t>WK089901</t>
  </si>
  <si>
    <t>2021BU08990124</t>
  </si>
  <si>
    <t>buurten.c4362e11-7082-4bd0-a708-7cffaac1db8a</t>
  </si>
  <si>
    <t>BU08990126</t>
  </si>
  <si>
    <t>Op de Vos</t>
  </si>
  <si>
    <t>2021BU08990126</t>
  </si>
  <si>
    <t>buurten.158a7990-193d-4b7e-93a9-82641acc5859</t>
  </si>
  <si>
    <t>BU08990134</t>
  </si>
  <si>
    <t>Treebeek-Zuid</t>
  </si>
  <si>
    <t>2021BU08990134</t>
  </si>
  <si>
    <t>buurten.4b9553fe-2c25-43f7-ba2d-f2f7a7f18046</t>
  </si>
  <si>
    <t>BU08990135</t>
  </si>
  <si>
    <t>Emma</t>
  </si>
  <si>
    <t>2021BU08990135</t>
  </si>
  <si>
    <t>buurten.ffd1a239-70ea-4167-b41c-a93ff002bea1</t>
  </si>
  <si>
    <t>BU08990136</t>
  </si>
  <si>
    <t>Amstenraderveld</t>
  </si>
  <si>
    <t>2021BU08990136</t>
  </si>
  <si>
    <t>buurten.22f81934-2f1a-4aac-b040-458b936b3585</t>
  </si>
  <si>
    <t>Beekdaelen</t>
  </si>
  <si>
    <t>2021-10-18</t>
  </si>
  <si>
    <t>Voor 2030 is het streven in ieder geval 20% CO2-uitstootreductie in gemeentelijk uitstoot door een combinatie van het aardgasvrij maken van woningen d.m.v. de inzet van warmtealternatieven en door het inzetten op isolatie en energiebesparing.</t>
  </si>
  <si>
    <t>Identificeren van definitieve buurten en/of wijken om de warmtetransitie te beginnen in de gemeente Beekdaelen tot 2030</t>
  </si>
  <si>
    <t>Het concreet initieren van de warmtetransitie in de gemeente Beekdaelen</t>
  </si>
  <si>
    <t>BU08990144</t>
  </si>
  <si>
    <t>Treebeek-Noord</t>
  </si>
  <si>
    <t>2021BU08990144</t>
  </si>
  <si>
    <t>buurten.6d3c6705-1563-4f7f-b324-f151fdb39a6b</t>
  </si>
  <si>
    <t>BU08990201</t>
  </si>
  <si>
    <t>Houserveld</t>
  </si>
  <si>
    <t>WK089902</t>
  </si>
  <si>
    <t>2021BU08990201</t>
  </si>
  <si>
    <t>buurten.5301bbdf-5482-4486-af03-edd7f7bf4c69</t>
  </si>
  <si>
    <t>BU08990202</t>
  </si>
  <si>
    <t>Klingbemden</t>
  </si>
  <si>
    <t>2021BU08990202</t>
  </si>
  <si>
    <t>buurten.6edb7e21-9a59-4d1d-a87b-15b522523ff6</t>
  </si>
  <si>
    <t>BU08990203</t>
  </si>
  <si>
    <t>Rozengaard</t>
  </si>
  <si>
    <t>2021BU08990203</t>
  </si>
  <si>
    <t>buurten.50698396-ab34-421c-ab1e-d44e2b6e7253</t>
  </si>
  <si>
    <t>BU08990204</t>
  </si>
  <si>
    <t>De Kling</t>
  </si>
  <si>
    <t>2021BU08990204</t>
  </si>
  <si>
    <t>buurten.56fb0947-b6a8-4578-8390-8bf964f79036</t>
  </si>
  <si>
    <t>BU08990205</t>
  </si>
  <si>
    <t>Op den Haan</t>
  </si>
  <si>
    <t>2021BU08990205</t>
  </si>
  <si>
    <t>buurten.7c4065f8-6224-4352-80d9-df214aec89d8</t>
  </si>
  <si>
    <t>BU08990207</t>
  </si>
  <si>
    <t>Lemmender</t>
  </si>
  <si>
    <t>2021BU08990207</t>
  </si>
  <si>
    <t>buurten.1a97ff9a-5151-4bff-8d11-94b64a0d9be4</t>
  </si>
  <si>
    <t>BU08990208</t>
  </si>
  <si>
    <t>2021BU08990208</t>
  </si>
  <si>
    <t>buurten.cdda3ebb-2be8-4db0-a31c-53b744f151f9</t>
  </si>
  <si>
    <t>BU08990209</t>
  </si>
  <si>
    <t>Het Heufken</t>
  </si>
  <si>
    <t>2021BU08990209</t>
  </si>
  <si>
    <t>buurten.267cfedb-9fc2-4d18-ac24-30db8dc65eb7</t>
  </si>
  <si>
    <t>BU08990225</t>
  </si>
  <si>
    <t>Bexdelle</t>
  </si>
  <si>
    <t>2021BU08990225</t>
  </si>
  <si>
    <t>buurten.fa270a61-395b-42ee-b4b7-7ffd0d2475a8</t>
  </si>
  <si>
    <t>BU08990242</t>
  </si>
  <si>
    <t>Merkelbeekerdal</t>
  </si>
  <si>
    <t>2021BU08990242</t>
  </si>
  <si>
    <t>buurten.4d8bcd3a-a2dd-477b-ad86-bce22b8e593b</t>
  </si>
  <si>
    <t>BU08990243</t>
  </si>
  <si>
    <t>2021BU08990243</t>
  </si>
  <si>
    <t>buurten.356cbbc3-8163-41d9-84cf-3d6d582a7db2</t>
  </si>
  <si>
    <t>BU08990314</t>
  </si>
  <si>
    <t>Rode Beek</t>
  </si>
  <si>
    <t>WK089903</t>
  </si>
  <si>
    <t>2021BU08990314</t>
  </si>
  <si>
    <t>buurten.dc9fc93d-7b38-4293-b346-320e43c1d7fd</t>
  </si>
  <si>
    <t>BU08990315</t>
  </si>
  <si>
    <t>Op gen Hoes</t>
  </si>
  <si>
    <t>2021BU08990315</t>
  </si>
  <si>
    <t>buurten.578f8c72-f3b5-4030-9705-cbd80038bff9</t>
  </si>
  <si>
    <t>BU08990316</t>
  </si>
  <si>
    <t>Oeloven</t>
  </si>
  <si>
    <t>2021BU08990316</t>
  </si>
  <si>
    <t>buurten.31642951-5c9e-4f98-9684-eb9c28fa6d05</t>
  </si>
  <si>
    <t>BU08990317</t>
  </si>
  <si>
    <t>De Eggen</t>
  </si>
  <si>
    <t>2021BU08990317</t>
  </si>
  <si>
    <t>buurten.944985ce-a791-4840-a1c6-15a1e3d7a9c9</t>
  </si>
  <si>
    <t>BU08990318</t>
  </si>
  <si>
    <t>Schuttersveld</t>
  </si>
  <si>
    <t>2021BU08990318</t>
  </si>
  <si>
    <t>buurten.c798ad72-3412-4697-a7a1-11c26701134e</t>
  </si>
  <si>
    <t>BU08990332</t>
  </si>
  <si>
    <t>De Kattekoelen</t>
  </si>
  <si>
    <t>2021BU08990332</t>
  </si>
  <si>
    <t>buurten.075a8512-9f5e-49c4-b488-cccbf823eee9</t>
  </si>
  <si>
    <t>BU08990333</t>
  </si>
  <si>
    <t>Bouwberg</t>
  </si>
  <si>
    <t>2021BU08990333</t>
  </si>
  <si>
    <t>buurten.f6a47d03-6f52-48b9-90f8-e23f691d946f</t>
  </si>
  <si>
    <t>BU08990337</t>
  </si>
  <si>
    <t>Ora et Labora</t>
  </si>
  <si>
    <t>2021BU08990337</t>
  </si>
  <si>
    <t>buurten.75d4bd73-8b14-4d35-aa08-7d5e610fb744</t>
  </si>
  <si>
    <t>BU08990339</t>
  </si>
  <si>
    <t>Hendrik en omgeving</t>
  </si>
  <si>
    <t>2021BU08990339</t>
  </si>
  <si>
    <t>buurten.e95f6975-ffcf-4558-8a37-6c50905d5b14</t>
  </si>
  <si>
    <t>BU08990340</t>
  </si>
  <si>
    <t>2021BU08990340</t>
  </si>
  <si>
    <t>buurten.3a429247-6440-417f-bfe0-50ad65ede474</t>
  </si>
  <si>
    <t>BU08990345</t>
  </si>
  <si>
    <t>Kleikoelen</t>
  </si>
  <si>
    <t>2021BU08990345</t>
  </si>
  <si>
    <t>buurten.e83aa36d-c9d5-49f5-a418-1c94b706e713</t>
  </si>
  <si>
    <t>BU08990428</t>
  </si>
  <si>
    <t>Vondelstraat</t>
  </si>
  <si>
    <t>WK089904</t>
  </si>
  <si>
    <t>2021BU08990428</t>
  </si>
  <si>
    <t>buurten.fed5eda7-a388-44b7-9d51-3a905744eaf7</t>
  </si>
  <si>
    <t>BU08990429</t>
  </si>
  <si>
    <t>Langenberg</t>
  </si>
  <si>
    <t>2021BU08990429</t>
  </si>
  <si>
    <t>buurten.19d93cfc-4df5-4831-bca6-0a878c3e32e0</t>
  </si>
  <si>
    <t>BU08990430</t>
  </si>
  <si>
    <t>De Struiken</t>
  </si>
  <si>
    <t>2021BU08990430</t>
  </si>
  <si>
    <t>buurten.4ac10ded-18ab-405a-b649-7ae29d95252d</t>
  </si>
  <si>
    <t>BU08990431</t>
  </si>
  <si>
    <t>Douvenberg</t>
  </si>
  <si>
    <t>2021BU08990431</t>
  </si>
  <si>
    <t>buurten.77b83147-a4f6-449b-8da2-9422d83103bf</t>
  </si>
  <si>
    <t>BU08990438</t>
  </si>
  <si>
    <t>Brandenberg</t>
  </si>
  <si>
    <t>2021BU08990438</t>
  </si>
  <si>
    <t>buurten.02aea9c9-4ff8-460c-bbf1-e70ba1b6137d</t>
  </si>
  <si>
    <t>BU08990441</t>
  </si>
  <si>
    <t>Brunssumer Heide</t>
  </si>
  <si>
    <t>2021BU08990441</t>
  </si>
  <si>
    <t>buurten.1e633349-866d-4f89-a9e6-6cb8d3cc4e2c</t>
  </si>
  <si>
    <t>BU08990506</t>
  </si>
  <si>
    <t>Hofpoel</t>
  </si>
  <si>
    <t>WK089905</t>
  </si>
  <si>
    <t>2021BU08990506</t>
  </si>
  <si>
    <t>buurten.c415b1c4-39eb-4598-a0a0-6674f14fee29</t>
  </si>
  <si>
    <t>BU08990510</t>
  </si>
  <si>
    <t>Op de Vaard</t>
  </si>
  <si>
    <t>2021BU08990510</t>
  </si>
  <si>
    <t>buurten.816238f7-52bc-4b5c-afd6-7d8c2cdba273</t>
  </si>
  <si>
    <t>BU08990511</t>
  </si>
  <si>
    <t>Koutenveld</t>
  </si>
  <si>
    <t>2021BU08990511</t>
  </si>
  <si>
    <t>buurten.4e2db7c4-5668-4f71-b63d-42737dffcb9f</t>
  </si>
  <si>
    <t>BU08990512</t>
  </si>
  <si>
    <t>2021BU08990512</t>
  </si>
  <si>
    <t>buurten.af908191-63b9-490e-9d92-e20ea51987f7</t>
  </si>
  <si>
    <t>BU08990513</t>
  </si>
  <si>
    <t>Kerkeveld</t>
  </si>
  <si>
    <t>2021BU08990513</t>
  </si>
  <si>
    <t>buurten.92ac8595-47f9-48ed-8012-ab85fd5c6ccc</t>
  </si>
  <si>
    <t>BU08990519</t>
  </si>
  <si>
    <t>Kruisberg</t>
  </si>
  <si>
    <t>2021BU08990519</t>
  </si>
  <si>
    <t>buurten.bf54ca11-3d81-4bc1-9992-dbcb554237af</t>
  </si>
  <si>
    <t>BU08990520</t>
  </si>
  <si>
    <t>Achter de Put</t>
  </si>
  <si>
    <t>2021BU08990520</t>
  </si>
  <si>
    <t>buurten.24800784-62a8-4d9f-a90d-e5355d39122f</t>
  </si>
  <si>
    <t>BU08990521</t>
  </si>
  <si>
    <t>Haansberg</t>
  </si>
  <si>
    <t>2021BU08990521</t>
  </si>
  <si>
    <t>buurten.0c4c889e-a976-49ef-9fb1-2222f60417be</t>
  </si>
  <si>
    <t>BU08990522</t>
  </si>
  <si>
    <t>Vijverpark</t>
  </si>
  <si>
    <t>2021BU08990522</t>
  </si>
  <si>
    <t>buurten.5893992c-f6de-48aa-903a-8908dddc64b7</t>
  </si>
  <si>
    <t>BU08990523</t>
  </si>
  <si>
    <t>Rumpener Beemden</t>
  </si>
  <si>
    <t>2021BU08990523</t>
  </si>
  <si>
    <t>buurten.d331bda5-8592-4a0f-826f-5e49f4d06850</t>
  </si>
  <si>
    <t>BU08990527</t>
  </si>
  <si>
    <t>De Hemelder</t>
  </si>
  <si>
    <t>2021BU08990527</t>
  </si>
  <si>
    <t>buurten.0f3d9f90-853b-4c51-ade7-b880b6ab4e61</t>
  </si>
  <si>
    <t>BU09070000</t>
  </si>
  <si>
    <t>Milsbeek</t>
  </si>
  <si>
    <t>WK090700</t>
  </si>
  <si>
    <t>GM0907</t>
  </si>
  <si>
    <t>2021BU09070000</t>
  </si>
  <si>
    <t>buurten.7cb59922-aefc-4ab0-9ce0-e344eed02251</t>
  </si>
  <si>
    <t>BU09070001</t>
  </si>
  <si>
    <t>Sprokkelveld</t>
  </si>
  <si>
    <t>2021BU09070001</t>
  </si>
  <si>
    <t>buurten.c76145e5-18c1-43e7-8f92-2ebe76530e44</t>
  </si>
  <si>
    <t>BU09070009</t>
  </si>
  <si>
    <t>Bloemenstraat-Zwarteweg</t>
  </si>
  <si>
    <t>2021BU09070009</t>
  </si>
  <si>
    <t>buurten.2529ed64-4e7f-4387-ac9b-8e17e0184cef</t>
  </si>
  <si>
    <t>BU09070100</t>
  </si>
  <si>
    <t>Ottersum</t>
  </si>
  <si>
    <t>WK090701</t>
  </si>
  <si>
    <t>2021BU09070100</t>
  </si>
  <si>
    <t>buurten.16e68e36-da8c-4dd5-8774-df25f9346c34</t>
  </si>
  <si>
    <t>BU09070108</t>
  </si>
  <si>
    <t>Aaldonk-Violenberg</t>
  </si>
  <si>
    <t>2021BU09070108</t>
  </si>
  <si>
    <t>buurten.d7f27e5b-7b82-4213-84fd-9cc01be6f11d</t>
  </si>
  <si>
    <t>BU09070109</t>
  </si>
  <si>
    <t>Looierheide</t>
  </si>
  <si>
    <t>2021BU09070109</t>
  </si>
  <si>
    <t>buurten.c6454395-027d-4349-b33b-598e3f72f009</t>
  </si>
  <si>
    <t>BU09070200</t>
  </si>
  <si>
    <t>Ven-Zelderheide</t>
  </si>
  <si>
    <t>WK090702</t>
  </si>
  <si>
    <t>2021BU09070200</t>
  </si>
  <si>
    <t>buurten.5cd19b10-8d10-4e5d-b25d-c73ec73cda23</t>
  </si>
  <si>
    <t>BU09070209</t>
  </si>
  <si>
    <t>Langehorst-Zelder</t>
  </si>
  <si>
    <t>2021BU09070209</t>
  </si>
  <si>
    <t>buurten.ed346c63-71d0-4134-8224-949ad94bcbd5</t>
  </si>
  <si>
    <t>BU09070300</t>
  </si>
  <si>
    <t>Oude Stadskern</t>
  </si>
  <si>
    <t>WK090703</t>
  </si>
  <si>
    <t>2021BU09070300</t>
  </si>
  <si>
    <t>buurten.30507cd6-bb43-422b-8f6a-7e075ce2cf05</t>
  </si>
  <si>
    <t>BU09070301</t>
  </si>
  <si>
    <t>2021BU09070301</t>
  </si>
  <si>
    <t>buurten.1beec86a-a47b-4c7d-8e8d-7a7124b9f075</t>
  </si>
  <si>
    <t>BU09070302</t>
  </si>
  <si>
    <t>2021BU09070302</t>
  </si>
  <si>
    <t>buurten.b8c7875f-8c0c-432a-a9c7-1d194829e2dd</t>
  </si>
  <si>
    <t>BU09070303</t>
  </si>
  <si>
    <t>2021BU09070303</t>
  </si>
  <si>
    <t>buurten.b18fcb92-386a-4e98-b92a-1754df9ab073</t>
  </si>
  <si>
    <t>BU09070309</t>
  </si>
  <si>
    <t>Panoven-Maaskemp</t>
  </si>
  <si>
    <t>2021BU09070309</t>
  </si>
  <si>
    <t>buurten.bd2f068f-f44c-438f-943b-9332a3ef5503</t>
  </si>
  <si>
    <t>BU09070400</t>
  </si>
  <si>
    <t>Heijen</t>
  </si>
  <si>
    <t>WK090704</t>
  </si>
  <si>
    <t>2021BU09070400</t>
  </si>
  <si>
    <t>buurten.96a15061-03c0-4579-ad90-13726ec8a176</t>
  </si>
  <si>
    <t>BU09070408</t>
  </si>
  <si>
    <t>Heijensebos</t>
  </si>
  <si>
    <t>2021BU09070408</t>
  </si>
  <si>
    <t>buurten.23d3c71b-7a92-4e8d-8b4f-57e76781335a</t>
  </si>
  <si>
    <t>BU09070409</t>
  </si>
  <si>
    <t>Diekendaal-Nieuwerf</t>
  </si>
  <si>
    <t>2021BU09070409</t>
  </si>
  <si>
    <t>buurten.387546ee-f461-4846-9a8c-a12783628615</t>
  </si>
  <si>
    <t>BU09171000</t>
  </si>
  <si>
    <t>Maria Gewanden</t>
  </si>
  <si>
    <t>WK091710</t>
  </si>
  <si>
    <t>2021BU09171000</t>
  </si>
  <si>
    <t>buurten.63959eb7-baa6-431e-8285-16ccbb568105</t>
  </si>
  <si>
    <t>BU09171001</t>
  </si>
  <si>
    <t>Terschuren</t>
  </si>
  <si>
    <t>2021BU09171001</t>
  </si>
  <si>
    <t>buurten.f128ef09-1ad1-4e4c-bf46-4dd6fdb1f74f</t>
  </si>
  <si>
    <t>BU09171100</t>
  </si>
  <si>
    <t>Mariarade-Noord</t>
  </si>
  <si>
    <t>WK091711</t>
  </si>
  <si>
    <t>2021BU09171100</t>
  </si>
  <si>
    <t>buurten.a93dce3e-c727-45f6-b9a7-9a9f4aab5228</t>
  </si>
  <si>
    <t>BU09171101</t>
  </si>
  <si>
    <t>Mariarade-Zuid</t>
  </si>
  <si>
    <t>2021BU09171101</t>
  </si>
  <si>
    <t>buurten.1378bb46-90d0-4ab8-b776-e286f076a5f9</t>
  </si>
  <si>
    <t>BU09171200</t>
  </si>
  <si>
    <t>Hoensbroek-Centrum</t>
  </si>
  <si>
    <t>WK091712</t>
  </si>
  <si>
    <t>2021BU09171200</t>
  </si>
  <si>
    <t>buurten.e971580d-fe3c-44cc-b106-5c2e5f97c2b4</t>
  </si>
  <si>
    <t>BU09171201</t>
  </si>
  <si>
    <t>De Dem en omgeving</t>
  </si>
  <si>
    <t>2021BU09171201</t>
  </si>
  <si>
    <t>buurten.67039697-33bd-4cf4-a4ff-cc0478de8998</t>
  </si>
  <si>
    <t>BU09171300</t>
  </si>
  <si>
    <t>Nieuw Lotbroek-Noord</t>
  </si>
  <si>
    <t>WK091713</t>
  </si>
  <si>
    <t>2021BU09171300</t>
  </si>
  <si>
    <t>buurten.168ecab0-a7bf-4842-9b7e-daa3cc22eeda</t>
  </si>
  <si>
    <t>BU09171301</t>
  </si>
  <si>
    <t>Nieuw Lotbroek-Zuid</t>
  </si>
  <si>
    <t>2021BU09171301</t>
  </si>
  <si>
    <t>buurten.3349dbd6-1da3-4212-85a2-024314eb4dca</t>
  </si>
  <si>
    <t>BU09171400</t>
  </si>
  <si>
    <t>De Koumen</t>
  </si>
  <si>
    <t>WK091714</t>
  </si>
  <si>
    <t>2021BU09171400</t>
  </si>
  <si>
    <t>buurten.254d5615-da60-4cef-8f1b-8da04c5d20e4</t>
  </si>
  <si>
    <t>BU09172000</t>
  </si>
  <si>
    <t>Weggebekker</t>
  </si>
  <si>
    <t>WK091720</t>
  </si>
  <si>
    <t>2021BU09172000</t>
  </si>
  <si>
    <t>buurten.3679567f-135c-4d93-b4d5-63b41a05b260</t>
  </si>
  <si>
    <t>BU09172001</t>
  </si>
  <si>
    <t>Uterweg</t>
  </si>
  <si>
    <t>2021BU09172001</t>
  </si>
  <si>
    <t>buurten.d6265f8d-20d3-4e10-b1ca-3bf46e9115aa</t>
  </si>
  <si>
    <t>BU09172002</t>
  </si>
  <si>
    <t>Nieuw-Einde</t>
  </si>
  <si>
    <t>2021BU09172002</t>
  </si>
  <si>
    <t>buurten.0b2d5cdf-83a0-4349-96a3-389f7e2a9149</t>
  </si>
  <si>
    <t>BU09172003</t>
  </si>
  <si>
    <t>Versiliënbosch</t>
  </si>
  <si>
    <t>2021BU09172003</t>
  </si>
  <si>
    <t>buurten.4ffa8ef3-c596-48f7-bbee-31e1c3711887</t>
  </si>
  <si>
    <t>BU09172004</t>
  </si>
  <si>
    <t>Vrieheide</t>
  </si>
  <si>
    <t>2021BU09172004</t>
  </si>
  <si>
    <t>buurten.4ae19537-7729-42f1-800c-9b309954710f</t>
  </si>
  <si>
    <t>BU09172100</t>
  </si>
  <si>
    <t>Passart</t>
  </si>
  <si>
    <t>WK091721</t>
  </si>
  <si>
    <t>2021BU09172100</t>
  </si>
  <si>
    <t>buurten.e8a10fad-18e7-4d41-96fb-e036001d0def</t>
  </si>
  <si>
    <t>BU09172101</t>
  </si>
  <si>
    <t>Heerlerheide Kom</t>
  </si>
  <si>
    <t>2021BU09172101</t>
  </si>
  <si>
    <t>buurten.457b42a1-ca73-46b3-8bab-da5d9fda415a</t>
  </si>
  <si>
    <t>BU09172200</t>
  </si>
  <si>
    <t>Heksenberg</t>
  </si>
  <si>
    <t>WK091722</t>
  </si>
  <si>
    <t>2021BU09172200</t>
  </si>
  <si>
    <t>buurten.706fb7e6-f15a-45ae-8604-765ae607b2ad</t>
  </si>
  <si>
    <t>BU09172201</t>
  </si>
  <si>
    <t>Pronsebroek</t>
  </si>
  <si>
    <t>2021BU09172201</t>
  </si>
  <si>
    <t>buurten.a37d79be-2c2c-4e4c-ab3b-4683b11be605</t>
  </si>
  <si>
    <t>BU09172300</t>
  </si>
  <si>
    <t>WK091723</t>
  </si>
  <si>
    <t>2021BU09172300</t>
  </si>
  <si>
    <t>buurten.45fc8344-456c-49df-a9a3-1f11dab895b7</t>
  </si>
  <si>
    <t>BU09172400</t>
  </si>
  <si>
    <t>Groot Rennemig</t>
  </si>
  <si>
    <t>WK091724</t>
  </si>
  <si>
    <t>2021BU09172400</t>
  </si>
  <si>
    <t>buurten.830a45ef-ec28-486e-94c4-5272896a008c</t>
  </si>
  <si>
    <t>BU09172401</t>
  </si>
  <si>
    <t>Beersdal</t>
  </si>
  <si>
    <t>2021BU09172401</t>
  </si>
  <si>
    <t>buurten.5c18f40e-4b51-4db7-8fa4-974e63e78bb6</t>
  </si>
  <si>
    <t>BU09172402</t>
  </si>
  <si>
    <t>Schelsberg</t>
  </si>
  <si>
    <t>2021BU09172402</t>
  </si>
  <si>
    <t>buurten.bf70f272-63bd-4bad-97a7-6e09e8560d19</t>
  </si>
  <si>
    <t>BU09173000</t>
  </si>
  <si>
    <t>Husken</t>
  </si>
  <si>
    <t>WK091730</t>
  </si>
  <si>
    <t>2021BU09173000</t>
  </si>
  <si>
    <t>buurten.a6637d2d-3e85-4bfe-9259-959f2677b409</t>
  </si>
  <si>
    <t>BU09173001</t>
  </si>
  <si>
    <t>Zeswegen</t>
  </si>
  <si>
    <t>2021BU09173001</t>
  </si>
  <si>
    <t>buurten.d31f21de-7ab3-49c1-b16a-57ff74a7ca79</t>
  </si>
  <si>
    <t>BU09173002</t>
  </si>
  <si>
    <t>In de Cramer</t>
  </si>
  <si>
    <t>2021BU09173002</t>
  </si>
  <si>
    <t>buurten.bab7715f-29bd-436f-b5a6-26521a14e8f5</t>
  </si>
  <si>
    <t>BU09173100</t>
  </si>
  <si>
    <t>Musschemig</t>
  </si>
  <si>
    <t>WK091731</t>
  </si>
  <si>
    <t>2021BU09173100</t>
  </si>
  <si>
    <t>buurten.f02b490a-c39c-4652-821f-b39fe374fe7a</t>
  </si>
  <si>
    <t>BU09173101</t>
  </si>
  <si>
    <t>Grasbroek</t>
  </si>
  <si>
    <t>2021BU09173101</t>
  </si>
  <si>
    <t>buurten.1e544641-2b9a-4e96-8cf1-844f9ae48468</t>
  </si>
  <si>
    <t>BU09173102</t>
  </si>
  <si>
    <t>Schandelen</t>
  </si>
  <si>
    <t>2021BU09173102</t>
  </si>
  <si>
    <t>buurten.4435f516-3912-452a-9c01-582906fe9e80</t>
  </si>
  <si>
    <t>BU09173103</t>
  </si>
  <si>
    <t>Hoppersgraaf</t>
  </si>
  <si>
    <t>2021BU09173103</t>
  </si>
  <si>
    <t>buurten.00394503-7edf-4a48-85f7-73303df8c7e8</t>
  </si>
  <si>
    <t>BU09173200</t>
  </si>
  <si>
    <t>Palemig</t>
  </si>
  <si>
    <t>WK091732</t>
  </si>
  <si>
    <t>2021BU09173200</t>
  </si>
  <si>
    <t>buurten.e1386b29-7683-4be5-97ed-f3ffb0c9f0c7</t>
  </si>
  <si>
    <t>BU09173201</t>
  </si>
  <si>
    <t>Burettestraat en omgeving</t>
  </si>
  <si>
    <t>2021BU09173201</t>
  </si>
  <si>
    <t>buurten.c7a6b370-9239-4177-b2a5-bd38d492225c</t>
  </si>
  <si>
    <t>BU09173202</t>
  </si>
  <si>
    <t>Meezenbroek</t>
  </si>
  <si>
    <t>2021BU09173202</t>
  </si>
  <si>
    <t>buurten.e8dd553d-6bc2-49ba-b949-d379fd3e8a25</t>
  </si>
  <si>
    <t>BU09173203</t>
  </si>
  <si>
    <t>Schaesbergerveld</t>
  </si>
  <si>
    <t>2021BU09173203</t>
  </si>
  <si>
    <t>buurten.9f38e2e2-f46c-4765-ac9e-5d6f1f0c479c</t>
  </si>
  <si>
    <t>BU09173300</t>
  </si>
  <si>
    <t>Heerlen-Centrum</t>
  </si>
  <si>
    <t>WK091733</t>
  </si>
  <si>
    <t>2021BU09173300</t>
  </si>
  <si>
    <t>buurten.a34e5891-c618-432f-b3ea-dcaae6eee591</t>
  </si>
  <si>
    <t>BU09173301</t>
  </si>
  <si>
    <t>Op de Nobel</t>
  </si>
  <si>
    <t>2021BU09173301</t>
  </si>
  <si>
    <t>buurten.2b96bf05-d33d-49ee-a059-046a3ad59874</t>
  </si>
  <si>
    <t>BU09173302</t>
  </si>
  <si>
    <t>'t Loon</t>
  </si>
  <si>
    <t>2021BU09173302</t>
  </si>
  <si>
    <t>buurten.eb70d6e0-0e1c-44cf-8c5d-2d66ece0162e</t>
  </si>
  <si>
    <t>BU09173303</t>
  </si>
  <si>
    <t>Lindeveld</t>
  </si>
  <si>
    <t>2021BU09173303</t>
  </si>
  <si>
    <t>buurten.d33059fc-92ee-49bf-87ad-7fbdaa41367f</t>
  </si>
  <si>
    <t>BU09173400</t>
  </si>
  <si>
    <t>Eikenderveld</t>
  </si>
  <si>
    <t>WK091734</t>
  </si>
  <si>
    <t>2021BU09173400</t>
  </si>
  <si>
    <t>buurten.ed52ebbc-6536-4030-aa0f-19d25d91e41c</t>
  </si>
  <si>
    <t>BU09173500</t>
  </si>
  <si>
    <t>Ten Esschen</t>
  </si>
  <si>
    <t>WK091735</t>
  </si>
  <si>
    <t>2021BU09173500</t>
  </si>
  <si>
    <t>buurten.9df9a199-9b8b-4e36-a762-a81935507210</t>
  </si>
  <si>
    <t>BU09173600</t>
  </si>
  <si>
    <t>Terworm</t>
  </si>
  <si>
    <t>WK091736</t>
  </si>
  <si>
    <t>2021BU09173600</t>
  </si>
  <si>
    <t>buurten.e3e62c0e-ba7b-4232-ac04-e571888e97ac</t>
  </si>
  <si>
    <t>BU09173601</t>
  </si>
  <si>
    <t>Welten-Dorp</t>
  </si>
  <si>
    <t>2021BU09173601</t>
  </si>
  <si>
    <t>buurten.d9772e21-aa3d-45d1-9102-52d844dfa60b</t>
  </si>
  <si>
    <t>BU09173602</t>
  </si>
  <si>
    <t>Ziekenhuis</t>
  </si>
  <si>
    <t>2021BU09173602</t>
  </si>
  <si>
    <t>buurten.ec7b5866-93ea-4dd8-b99d-b0c86eca752a</t>
  </si>
  <si>
    <t>BU09173603</t>
  </si>
  <si>
    <t>Benzenrade</t>
  </si>
  <si>
    <t>2021BU09173603</t>
  </si>
  <si>
    <t>buurten.0407128d-0704-4e22-a669-676a6921dc06</t>
  </si>
  <si>
    <t>BU09173700</t>
  </si>
  <si>
    <t>Bekkerveld</t>
  </si>
  <si>
    <t>WK091737</t>
  </si>
  <si>
    <t>2021BU09173700</t>
  </si>
  <si>
    <t>buurten.fe5c41f3-ecb2-4cac-afc9-bbde6d896f3f</t>
  </si>
  <si>
    <t>BU09173701</t>
  </si>
  <si>
    <t>Aarveld</t>
  </si>
  <si>
    <t>2021BU09173701</t>
  </si>
  <si>
    <t>buurten.03341813-d0f7-4e04-aa5a-207a02fddf2a</t>
  </si>
  <si>
    <t>BU09173800</t>
  </si>
  <si>
    <t>Caumerveld</t>
  </si>
  <si>
    <t>WK091738</t>
  </si>
  <si>
    <t>2021BU09173800</t>
  </si>
  <si>
    <t>buurten.e0497966-f689-407a-831d-0b5ed61e8665</t>
  </si>
  <si>
    <t>BU09173801</t>
  </si>
  <si>
    <t>Douve Weien</t>
  </si>
  <si>
    <t>2021BU09173801</t>
  </si>
  <si>
    <t>buurten.9e5de9c4-e66a-482d-b95d-dce5f4b93aba</t>
  </si>
  <si>
    <t>BU09173900</t>
  </si>
  <si>
    <t>Molenbergpark</t>
  </si>
  <si>
    <t>WK091739</t>
  </si>
  <si>
    <t>2021BU09173900</t>
  </si>
  <si>
    <t>buurten.dd798209-2b4d-48a5-8959-26858b6f2f0a</t>
  </si>
  <si>
    <t>BU09173901</t>
  </si>
  <si>
    <t>Dr. Nolensplein en omgeving</t>
  </si>
  <si>
    <t>2021BU09173901</t>
  </si>
  <si>
    <t>buurten.dd9db057-d1dd-47e0-9482-5cffbbee8226</t>
  </si>
  <si>
    <t>BU09173902</t>
  </si>
  <si>
    <t>Dr. Schaepmanplein en omgeving</t>
  </si>
  <si>
    <t>2021BU09173902</t>
  </si>
  <si>
    <t>buurten.01960f96-91cb-46fa-addb-1d6b511d4c8f</t>
  </si>
  <si>
    <t>BU09173903</t>
  </si>
  <si>
    <t>Schiffelerveld</t>
  </si>
  <si>
    <t>2021BU09173903</t>
  </si>
  <si>
    <t>buurten.ab41550a-a3de-4653-b020-91acac4f21f5</t>
  </si>
  <si>
    <t>BU09174000</t>
  </si>
  <si>
    <t>Heerlerbaan-Oost</t>
  </si>
  <si>
    <t>WK091740</t>
  </si>
  <si>
    <t>2021BU09174000</t>
  </si>
  <si>
    <t>buurten.3ec23819-6eec-480f-9632-f4aef1dfccb3</t>
  </si>
  <si>
    <t>BU09174100</t>
  </si>
  <si>
    <t>WK091741</t>
  </si>
  <si>
    <t>2021BU09174100</t>
  </si>
  <si>
    <t>buurten.7729a5b3-42f9-4c80-b352-9e0f31827982</t>
  </si>
  <si>
    <t>BU09174101</t>
  </si>
  <si>
    <t>Giezenveld</t>
  </si>
  <si>
    <t>2021BU09174101</t>
  </si>
  <si>
    <t>buurten.d4ae4c9a-86d7-4678-af2e-8e7adb5e61c6</t>
  </si>
  <si>
    <t>BU09174102</t>
  </si>
  <si>
    <t>Heerlerbaan-West</t>
  </si>
  <si>
    <t>2021BU09174102</t>
  </si>
  <si>
    <t>buurten.38837138-96a4-49e3-83f2-7ced097c7303</t>
  </si>
  <si>
    <t>BU09174103</t>
  </si>
  <si>
    <t>Imstenrade</t>
  </si>
  <si>
    <t>2021BU09174103</t>
  </si>
  <si>
    <t>buurten.5a0d5199-2966-4668-a447-111bc8d6c64f</t>
  </si>
  <si>
    <t>BU09174200</t>
  </si>
  <si>
    <t>Beitel</t>
  </si>
  <si>
    <t>WK091742</t>
  </si>
  <si>
    <t>2021BU09174200</t>
  </si>
  <si>
    <t>buurten.796006c5-396f-4bc3-8e4c-a009fd72870e</t>
  </si>
  <si>
    <t>GM0965</t>
  </si>
  <si>
    <t>Simpelveld</t>
  </si>
  <si>
    <t>DC096501</t>
  </si>
  <si>
    <t>https://ris2.ibabs.eu/Agenda/Details/Simpelveld/1b0266a8-f124-4d04-a9d2-acec3df73eea</t>
  </si>
  <si>
    <t>PL0965010001</t>
  </si>
  <si>
    <t>Identificeren van definitieve buurten en/of wijken om de warmtetransitie te beginnen in de gemeente Simpelveld tot 2030</t>
  </si>
  <si>
    <t>Het concreet initieren van de warmtetransitie in de gemeente Simpelveld</t>
  </si>
  <si>
    <t>BU09280000</t>
  </si>
  <si>
    <t>Spekholzerheide</t>
  </si>
  <si>
    <t>WK092800</t>
  </si>
  <si>
    <t>2021BU09280000</t>
  </si>
  <si>
    <t>buurten.4f51b795-52b8-4234-99cd-e3a1fe2c6f53</t>
  </si>
  <si>
    <t>BU09280001</t>
  </si>
  <si>
    <t>Heilust</t>
  </si>
  <si>
    <t>2021BU09280001</t>
  </si>
  <si>
    <t>buurten.762e7db5-3584-427c-92d9-6e35842ea456</t>
  </si>
  <si>
    <t>BU09280002</t>
  </si>
  <si>
    <t>Terwinselen</t>
  </si>
  <si>
    <t>2021BU09280002</t>
  </si>
  <si>
    <t>buurten.cf631bac-4936-42c8-9f9f-66c3784668b4</t>
  </si>
  <si>
    <t>BU09280003</t>
  </si>
  <si>
    <t>Kaalheide</t>
  </si>
  <si>
    <t>2021BU09280003</t>
  </si>
  <si>
    <t>buurten.0f4ca307-190f-4ac8-b0b4-4fdb2327eefb</t>
  </si>
  <si>
    <t>BU09280004</t>
  </si>
  <si>
    <t>Gracht</t>
  </si>
  <si>
    <t>2021BU09280004</t>
  </si>
  <si>
    <t>buurten.c7328d09-21a9-46f4-aaa4-cff51d43b951</t>
  </si>
  <si>
    <t>BU09280009</t>
  </si>
  <si>
    <t>Verspreide huizen Dentgenbach</t>
  </si>
  <si>
    <t>2021BU09280009</t>
  </si>
  <si>
    <t>buurten.62391e3e-ac3e-49c1-a403-6b7c80010e33</t>
  </si>
  <si>
    <t>BU09280100</t>
  </si>
  <si>
    <t>Kerkrade-Centrum</t>
  </si>
  <si>
    <t>WK092801</t>
  </si>
  <si>
    <t>2021BU09280100</t>
  </si>
  <si>
    <t>buurten.90ec0833-d287-4d83-89bb-91b23f320f87</t>
  </si>
  <si>
    <t>BU09280101</t>
  </si>
  <si>
    <t>Erenstein</t>
  </si>
  <si>
    <t>2021BU09280101</t>
  </si>
  <si>
    <t>buurten.e228ccef-0c0a-4be1-bafe-d1a230147f8f</t>
  </si>
  <si>
    <t>BU09280102</t>
  </si>
  <si>
    <t>Rolduckerveld</t>
  </si>
  <si>
    <t>2021BU09280102</t>
  </si>
  <si>
    <t>buurten.d82facb7-777d-4ba6-a236-a2504003d078</t>
  </si>
  <si>
    <t>BU09280103</t>
  </si>
  <si>
    <t>Holz</t>
  </si>
  <si>
    <t>2021BU09280103</t>
  </si>
  <si>
    <t>buurten.f498abe0-3f84-49df-b230-0e25b257b70e</t>
  </si>
  <si>
    <t>BU09280104</t>
  </si>
  <si>
    <t>Nulland</t>
  </si>
  <si>
    <t>2021BU09280104</t>
  </si>
  <si>
    <t>buurten.f6d38080-9227-48e8-be40-901d69f9650e</t>
  </si>
  <si>
    <t>BU09280105</t>
  </si>
  <si>
    <t>Bleijerheide</t>
  </si>
  <si>
    <t>2021BU09280105</t>
  </si>
  <si>
    <t>buurten.c194ed25-3147-4cf1-8d51-1b7adc6a8655</t>
  </si>
  <si>
    <t>BU09280200</t>
  </si>
  <si>
    <t>Eygelshoven-Kom</t>
  </si>
  <si>
    <t>WK092802</t>
  </si>
  <si>
    <t>2021BU09280200</t>
  </si>
  <si>
    <t>buurten.0aa2f97b-c7bb-41db-abae-ab01c3b19a40</t>
  </si>
  <si>
    <t>BU09280201</t>
  </si>
  <si>
    <t>Hopel</t>
  </si>
  <si>
    <t>2021BU09280201</t>
  </si>
  <si>
    <t>buurten.6b318bba-677d-4c48-b56c-0ea9ad257b6b</t>
  </si>
  <si>
    <t>BU09280202</t>
  </si>
  <si>
    <t>Waubacherveld</t>
  </si>
  <si>
    <t>2021BU09280202</t>
  </si>
  <si>
    <t>buurten.11948744-4d8d-4b77-a600-235863cdda98</t>
  </si>
  <si>
    <t>BU09280203</t>
  </si>
  <si>
    <t>Vink</t>
  </si>
  <si>
    <t>2021BU09280203</t>
  </si>
  <si>
    <t>buurten.132fdf3d-76c6-4ff4-9f4d-9e144f15ca29</t>
  </si>
  <si>
    <t>BU09280204</t>
  </si>
  <si>
    <t>Chevremont</t>
  </si>
  <si>
    <t>2021BU09280204</t>
  </si>
  <si>
    <t>buurten.95e2518f-ed98-4974-b458-8a1175a029fb</t>
  </si>
  <si>
    <t>BU09280205</t>
  </si>
  <si>
    <t>Haanrade</t>
  </si>
  <si>
    <t>2021BU09280205</t>
  </si>
  <si>
    <t>buurten.cad55f7d-0ecf-495d-a0fd-1a83b42eeaf6</t>
  </si>
  <si>
    <t>BU09350000</t>
  </si>
  <si>
    <t>WK093500</t>
  </si>
  <si>
    <t>GM0935</t>
  </si>
  <si>
    <t>Maastricht</t>
  </si>
  <si>
    <t>2021BU09350000</t>
  </si>
  <si>
    <t>buurten.8b0d65b3-460f-45d8-8d5d-814be1a74551</t>
  </si>
  <si>
    <t>DC093501</t>
  </si>
  <si>
    <t>Transitievisie Warmte 1.0 - Gemeente Maastricht</t>
  </si>
  <si>
    <t>betaalbaar, Betrouwbaar en duurzaam, Behoud kwaliteiten &amp; sociaal verantwoord, Haalbaar perspectief, Maatwerk</t>
  </si>
  <si>
    <t>is bedoeld om inzicht te geven in de verschillende oplossingsrichtingen om uiteindelijk onze inwoners van een handelingsperspectief te voorzien</t>
  </si>
  <si>
    <t>https://maastricht.parlaeus.nl/user/showdoc/action=view/id=109555/type=pdf</t>
  </si>
  <si>
    <t>PL0935010001</t>
  </si>
  <si>
    <t>PL0935010003</t>
  </si>
  <si>
    <t>Spoor 1: Energie besparing door isolatie</t>
  </si>
  <si>
    <t>Spoor 3: Volledig elektrisch bij nieuwbouw en woningen van na 1992</t>
  </si>
  <si>
    <t>CO2-uitstoot reduceren</t>
  </si>
  <si>
    <t>mogelijkheden van warmtenetten verder verkennen</t>
  </si>
  <si>
    <t>BU09350001</t>
  </si>
  <si>
    <t>Jekerkwartier</t>
  </si>
  <si>
    <t>2021BU09350001</t>
  </si>
  <si>
    <t>buurten.cd7df11f-678d-46dc-9c24-686834a9214d</t>
  </si>
  <si>
    <t>BU09350002</t>
  </si>
  <si>
    <t>Kommelkwartier</t>
  </si>
  <si>
    <t>2021BU09350002</t>
  </si>
  <si>
    <t>buurten.731f7e03-a900-474c-a3ad-ed31266b43d3</t>
  </si>
  <si>
    <t>BU09350003</t>
  </si>
  <si>
    <t>2021BU09350003</t>
  </si>
  <si>
    <t>buurten.bd2d8084-156f-499e-be57-2ea5df79a5f9</t>
  </si>
  <si>
    <t>BU09350004</t>
  </si>
  <si>
    <t>Boschstraatkwartier</t>
  </si>
  <si>
    <t>2021BU09350004</t>
  </si>
  <si>
    <t>buurten.3ead6250-7690-40e2-baeb-43915932263c</t>
  </si>
  <si>
    <t>BU09350005</t>
  </si>
  <si>
    <t>Sint Maartenspoort</t>
  </si>
  <si>
    <t>2021BU09350005</t>
  </si>
  <si>
    <t>buurten.e97357cb-be12-42a5-9e68-967296809b3f</t>
  </si>
  <si>
    <t>BU09350006</t>
  </si>
  <si>
    <t>Wyck</t>
  </si>
  <si>
    <t>2021BU09350006</t>
  </si>
  <si>
    <t>buurten.adc7b489-0d0d-4342-aa6b-7de51fbce55d</t>
  </si>
  <si>
    <t>BU09350100</t>
  </si>
  <si>
    <t>WK093501</t>
  </si>
  <si>
    <t>2021BU09350100</t>
  </si>
  <si>
    <t>buurten.2fb11174-1a37-44da-9906-4659ad09d3e9</t>
  </si>
  <si>
    <t>BU09350101</t>
  </si>
  <si>
    <t>Jekerdal</t>
  </si>
  <si>
    <t>2021BU09350101</t>
  </si>
  <si>
    <t>buurten.39f1518d-e0c0-4717-b9eb-adff75767a47</t>
  </si>
  <si>
    <t>BU09350102</t>
  </si>
  <si>
    <t>2021BU09350102</t>
  </si>
  <si>
    <t>buurten.4e70d9ee-9fb2-4872-b082-478bb227af72</t>
  </si>
  <si>
    <t>BU09350103</t>
  </si>
  <si>
    <t>Campagne</t>
  </si>
  <si>
    <t>2021BU09350103</t>
  </si>
  <si>
    <t>buurten.a0f40a9e-e59d-4e57-b5f8-e2308500203e</t>
  </si>
  <si>
    <t>BU09350104</t>
  </si>
  <si>
    <t>Wolder</t>
  </si>
  <si>
    <t>2021BU09350104</t>
  </si>
  <si>
    <t>buurten.2778c5f8-bc71-4a1c-a0c1-caa51c77cfdf</t>
  </si>
  <si>
    <t>BU09350105</t>
  </si>
  <si>
    <t>Sint Pieter</t>
  </si>
  <si>
    <t>2021BU09350105</t>
  </si>
  <si>
    <t>buurten.cc69c472-5544-47f5-8d22-2bedc76edd1b</t>
  </si>
  <si>
    <t>BU09350200</t>
  </si>
  <si>
    <t>Brusselsepoort</t>
  </si>
  <si>
    <t>WK093502</t>
  </si>
  <si>
    <t>2021BU09350200</t>
  </si>
  <si>
    <t>buurten.ea9f3c88-e5b6-4a6b-937b-9627648aa38c</t>
  </si>
  <si>
    <t>BU09350201</t>
  </si>
  <si>
    <t>Mariaberg</t>
  </si>
  <si>
    <t>2021BU09350201</t>
  </si>
  <si>
    <t>buurten.a58bfb1b-4dc1-41a1-8b36-86d01124be07</t>
  </si>
  <si>
    <t>BU09350202</t>
  </si>
  <si>
    <t>Belfort</t>
  </si>
  <si>
    <t>2021BU09350202</t>
  </si>
  <si>
    <t>buurten.0f07a999-6740-421b-b2a9-dff6780ef0e9</t>
  </si>
  <si>
    <t>BU09350203</t>
  </si>
  <si>
    <t>Pottenberg</t>
  </si>
  <si>
    <t>2021BU09350203</t>
  </si>
  <si>
    <t>buurten.faf3e082-e32d-4346-9e53-1196e79ffda6</t>
  </si>
  <si>
    <t>BU09350204</t>
  </si>
  <si>
    <t>Malpertuis</t>
  </si>
  <si>
    <t>2021BU09350204</t>
  </si>
  <si>
    <t>buurten.a7d06626-4558-4a8a-81c7-90c86335cb02</t>
  </si>
  <si>
    <t>BU09350205</t>
  </si>
  <si>
    <t>Caberg</t>
  </si>
  <si>
    <t>2021BU09350205</t>
  </si>
  <si>
    <t>buurten.97784cac-4590-4d54-b26c-d8db17852f87</t>
  </si>
  <si>
    <t>BU09350206</t>
  </si>
  <si>
    <t>Oud-Caberg</t>
  </si>
  <si>
    <t>2021BU09350206</t>
  </si>
  <si>
    <t>buurten.3bed198c-7ddf-4ab1-8a38-6ff90463430f</t>
  </si>
  <si>
    <t>BU09350207</t>
  </si>
  <si>
    <t>Malberg</t>
  </si>
  <si>
    <t>2021BU09350207</t>
  </si>
  <si>
    <t>buurten.99c89a94-54d6-4301-82cc-dc24059c5598</t>
  </si>
  <si>
    <t>BU09350208</t>
  </si>
  <si>
    <t>Dousberg-Hazendans</t>
  </si>
  <si>
    <t>2021BU09350208</t>
  </si>
  <si>
    <t>buurten.3054070e-a463-4515-97f1-938bfaa57d04</t>
  </si>
  <si>
    <t>BU09350209</t>
  </si>
  <si>
    <t>Daalhof</t>
  </si>
  <si>
    <t>2021BU09350209</t>
  </si>
  <si>
    <t>buurten.1c73ebfa-da7c-4e42-94e6-f7e175893c82</t>
  </si>
  <si>
    <t>BU09350300</t>
  </si>
  <si>
    <t>Boschpoort</t>
  </si>
  <si>
    <t>WK093503</t>
  </si>
  <si>
    <t>2021BU09350300</t>
  </si>
  <si>
    <t>buurten.7540122c-e858-431a-a6a3-db52934ac0d5</t>
  </si>
  <si>
    <t>BU09350301</t>
  </si>
  <si>
    <t>Bosscherveld</t>
  </si>
  <si>
    <t>2021BU09350301</t>
  </si>
  <si>
    <t>buurten.46f24ebb-9f79-46a5-8cfa-0418069d9e2d</t>
  </si>
  <si>
    <t>BU09350302</t>
  </si>
  <si>
    <t>Frontenkwartier</t>
  </si>
  <si>
    <t>2021BU09350302</t>
  </si>
  <si>
    <t>buurten.a88e6839-2dd1-485d-b75e-0e2148ff8aad</t>
  </si>
  <si>
    <t>BU09350303</t>
  </si>
  <si>
    <t>Belvédère</t>
  </si>
  <si>
    <t>2021BU09350303</t>
  </si>
  <si>
    <t>buurten.92a7bb51-8c0d-4de3-b20d-cc23d76097c3</t>
  </si>
  <si>
    <t>BU09350304</t>
  </si>
  <si>
    <t>Lanakerveld</t>
  </si>
  <si>
    <t>2021BU09350304</t>
  </si>
  <si>
    <t>buurten.24de33a2-de45-4000-a4be-98ea3fc7288e</t>
  </si>
  <si>
    <t>BU09350400</t>
  </si>
  <si>
    <t>Wyckerpoort</t>
  </si>
  <si>
    <t>WK093504</t>
  </si>
  <si>
    <t>2021BU09350400</t>
  </si>
  <si>
    <t>buurten.47f48a8a-90ac-4ccd-85c3-8304f35f9dd0</t>
  </si>
  <si>
    <t>BU09350401</t>
  </si>
  <si>
    <t>Heugemerveld</t>
  </si>
  <si>
    <t>2021BU09350401</t>
  </si>
  <si>
    <t>buurten.8377e392-5594-423d-b7c0-53e58ab85953</t>
  </si>
  <si>
    <t>BU09350402</t>
  </si>
  <si>
    <t>Wittevrouwenveld</t>
  </si>
  <si>
    <t>2021BU09350402</t>
  </si>
  <si>
    <t>buurten.bc005ee7-23b2-4291-a657-7edb257bdac4</t>
  </si>
  <si>
    <t>BU09350403</t>
  </si>
  <si>
    <t>Nazareth</t>
  </si>
  <si>
    <t>2021BU09350403</t>
  </si>
  <si>
    <t>buurten.255e0ce4-fe93-4ce1-965e-6b994941b05c</t>
  </si>
  <si>
    <t>BU09350404</t>
  </si>
  <si>
    <t>Limmel</t>
  </si>
  <si>
    <t>2021BU09350404</t>
  </si>
  <si>
    <t>buurten.167b63cc-5243-495d-b7fe-8ae4bb91b863</t>
  </si>
  <si>
    <t>BU09350405</t>
  </si>
  <si>
    <t>Scharn</t>
  </si>
  <si>
    <t>2021BU09350405</t>
  </si>
  <si>
    <t>buurten.5372b899-d166-4433-aeb1-a747f7839a0a</t>
  </si>
  <si>
    <t>GM1903</t>
  </si>
  <si>
    <t>Eijsden-Margraten</t>
  </si>
  <si>
    <t>Valkenburg aan de Geul</t>
  </si>
  <si>
    <t>DC190301</t>
  </si>
  <si>
    <t>Transitievisie Warmte Gemeente Eijsden-Margraten 2022-2030 Concept 1.0</t>
  </si>
  <si>
    <t>2021-10-22</t>
  </si>
  <si>
    <t>De gemeente wil gaan inzetten op campagnes, informatieavonden, inspelen op natuurlijke momenten, een pilotbuurt, faciliteren van collectieve acties, samenwerking met stakeholders en het aanbieden van ondersteuning op woningniveau. Daarnaast wil de gemeen</t>
  </si>
  <si>
    <t>Deze Transitievisie Warmte richt zich op de periode tot 2030. In het Klimaatakkoord geldt deze periode als een aanloopperiode waarin circa 20% van de totale opgave wordt aangepakt. Hoofddoel:2050 aardgasvrij.  
Doel 1. De woningen en gebouwen moeten goed</t>
  </si>
  <si>
    <t>https://eijsdenmargraten.bestuurlijkeinformatie.nl/Agenda/Index/c747fb2e-a65d-4e1e-8693-6be748916e5b#53ef856e-ed3f-4e3e-860e-479f8cd1d1ff</t>
  </si>
  <si>
    <t>https://www.valkenburg.nl/bestuur-en-organisatie/gemeenteraad/vergadering/d2c91da4-8fab-4da6-88e5-be0e895d6bdf</t>
  </si>
  <si>
    <t>PL1903010001</t>
  </si>
  <si>
    <t>Een (1) pilotwijk selecteren om ervaring op te doen met isolatie en (hybride) warmtepompen</t>
  </si>
  <si>
    <t>streven naar B of D (monumentaal/mergel/watersnood)</t>
  </si>
  <si>
    <t>Standaard- en streefwaarden</t>
  </si>
  <si>
    <t>hybride of all electric warmtepomp, kleinschalig warmtenet met WKO</t>
  </si>
  <si>
    <t>elektriciteit, WKO/bodemenergie, zonnewarmte</t>
  </si>
  <si>
    <t>BU09350406</t>
  </si>
  <si>
    <t>Amby</t>
  </si>
  <si>
    <t>2021BU09350406</t>
  </si>
  <si>
    <t>buurten.af673c24-c699-41f7-9feb-0e26affb9fd8</t>
  </si>
  <si>
    <t>GM0994</t>
  </si>
  <si>
    <t>aardgasvrij in 2050, voor 2030 20% aardgasvrij(ready)</t>
  </si>
  <si>
    <t>DC099401</t>
  </si>
  <si>
    <t>2022-10-01</t>
  </si>
  <si>
    <t>Draagvlak, intensieve communicatie- en participatiestrategie inwoners en stakeholders en aansluiting bij natuurlijke momenten zoals de vervanging van de cv-ketel.</t>
  </si>
  <si>
    <t>Doel 1. In 2023 werken de gemeente, de woningcorporaties, het energieloket en overige relevante partijen een handelingsperspectief voor woningeigenaren uit in een gezamenlijk gemeentebreed uitvoeringsplan. Hierbij trekken we waar mogelijk samen op met an</t>
  </si>
  <si>
    <t>PL0994010001</t>
  </si>
  <si>
    <t>BU09350500</t>
  </si>
  <si>
    <t>Beatrixhaven</t>
  </si>
  <si>
    <t>WK093505</t>
  </si>
  <si>
    <t>2021BU09350500</t>
  </si>
  <si>
    <t>buurten.26a59112-c7f6-42d7-a524-968c6263f468</t>
  </si>
  <si>
    <t>BU09350501</t>
  </si>
  <si>
    <t>Borgharen</t>
  </si>
  <si>
    <t>2021BU09350501</t>
  </si>
  <si>
    <t>buurten.d34fb68c-25b1-4a89-985d-fdfd0edab893</t>
  </si>
  <si>
    <t>BU09350502</t>
  </si>
  <si>
    <t>Itteren</t>
  </si>
  <si>
    <t>2021BU09350502</t>
  </si>
  <si>
    <t>buurten.56bd8a48-757c-4318-9e6b-79683dc5d8da</t>
  </si>
  <si>
    <t>BU09350503</t>
  </si>
  <si>
    <t>Meerssenhoven</t>
  </si>
  <si>
    <t>2021BU09350503</t>
  </si>
  <si>
    <t>buurten.234e5762-0ad1-4116-b43e-ea7014c5bae6</t>
  </si>
  <si>
    <t>BU09350600</t>
  </si>
  <si>
    <t>Randwyck</t>
  </si>
  <si>
    <t>WK093506</t>
  </si>
  <si>
    <t>2021BU09350600</t>
  </si>
  <si>
    <t>buurten.7b0cbedf-73d5-431c-a0f5-41e57417b1b3</t>
  </si>
  <si>
    <t>Voor 2030 is het streven in ieder geval 20% CO2-uitstootreductie in gemeentelijk uitstoot door een combinatie van het aardgasvrij maken van woningen d.m.v. de inzet van warmte-alternatieven en door het inzetten op isolatie en energiebesparing (equivalent</t>
  </si>
  <si>
    <t>BU09350601</t>
  </si>
  <si>
    <t>Heugem</t>
  </si>
  <si>
    <t>2021BU09350601</t>
  </si>
  <si>
    <t>buurten.26a353ae-aa30-4e9a-bedf-d3cc9e2df636</t>
  </si>
  <si>
    <t>BU09350602</t>
  </si>
  <si>
    <t>Heer</t>
  </si>
  <si>
    <t>2021BU09350602</t>
  </si>
  <si>
    <t>buurten.6ffded0f-7a2f-4837-aa5a-17c0b188dcc1</t>
  </si>
  <si>
    <t>BU09350603</t>
  </si>
  <si>
    <t>De Heeg</t>
  </si>
  <si>
    <t>2021BU09350603</t>
  </si>
  <si>
    <t>buurten.b8aba978-50be-40c9-b80c-f7d8c8f11872</t>
  </si>
  <si>
    <t>BU09350604</t>
  </si>
  <si>
    <t>Vroendaal</t>
  </si>
  <si>
    <t>2021BU09350604</t>
  </si>
  <si>
    <t>buurten.82a55cc1-65d4-4581-a444-befd5c77c75f</t>
  </si>
  <si>
    <t>BU09380000</t>
  </si>
  <si>
    <t>Meerssen</t>
  </si>
  <si>
    <t>WK093800</t>
  </si>
  <si>
    <t>GM0938</t>
  </si>
  <si>
    <t>2021BU09380000</t>
  </si>
  <si>
    <t>buurten.0cb10047-6c05-43b0-96e9-d44a84241be1</t>
  </si>
  <si>
    <t>DC093801</t>
  </si>
  <si>
    <t>DC093802</t>
  </si>
  <si>
    <t>Aardgasvrije transitie scenarios voor de wijken en buurten van de gemeente Meerssen ten behoeve van de verdere ontwikkeling van de Transitie Visie Warmte</t>
  </si>
  <si>
    <t>Transitievisie Warmte Gemeente Meerssen 2021</t>
  </si>
  <si>
    <t>betaalbaar, betrouwbaar, veilig en duurzaam</t>
  </si>
  <si>
    <t>zorgvuldig omgaan met de belangen van inwoners, ondernemers en maatschappelijke organisaties</t>
  </si>
  <si>
    <t>in 2030 dient 30% van de woningen van het aardgas afgekoppeld te zijn en in 2050 alle woningen</t>
  </si>
  <si>
    <t>https://meerssen.notubiz.nl/vergadering/786253</t>
  </si>
  <si>
    <t>PL0938010001</t>
  </si>
  <si>
    <t>PL0938020001</t>
  </si>
  <si>
    <t>Meerssen-West</t>
  </si>
  <si>
    <t>beheer van collectief systeem en gebruiks- en investeringskosten</t>
  </si>
  <si>
    <t>op korte termijn aardgasvrij worden</t>
  </si>
  <si>
    <t>PVT en/of warmtepomp</t>
  </si>
  <si>
    <t>BU09380001</t>
  </si>
  <si>
    <t>Rothem</t>
  </si>
  <si>
    <t>2021BU09380001</t>
  </si>
  <si>
    <t>buurten.263fa7b5-f3cc-45cc-8dac-f22dc91ac36c</t>
  </si>
  <si>
    <t>BU09380002</t>
  </si>
  <si>
    <t>Weert</t>
  </si>
  <si>
    <t>2021BU09380002</t>
  </si>
  <si>
    <t>buurten.7658c48e-8342-464f-a1a8-4a3cd4a319fe</t>
  </si>
  <si>
    <t>BU09380003</t>
  </si>
  <si>
    <t>Raar</t>
  </si>
  <si>
    <t>2021BU09380003</t>
  </si>
  <si>
    <t>buurten.754877c2-029a-489a-bf25-ff0af8d045ce</t>
  </si>
  <si>
    <t>circa 20% van de totale opgave wordt aangepakt. De woningen en gebouwen moeten goed zijn geïsoleerd (minimaal energielabel B) en geschikt zijn voor elektrisch koken, Woningcorporaties gemiddeld label (A) in 2030 verminderen warmteverbruik toeristische s</t>
  </si>
  <si>
    <t>Gasnet, toekomst verzwaard elektriciteitsnet en kleinschalige warmtenetten</t>
  </si>
  <si>
    <t>omgevingswarmte en/of WKO en/of zonnewarmte</t>
  </si>
  <si>
    <t>BU09380009</t>
  </si>
  <si>
    <t>2021BU09380009</t>
  </si>
  <si>
    <t>buurten.0151183e-df21-4591-86ca-4b9f517b44b6</t>
  </si>
  <si>
    <t>BU09380100</t>
  </si>
  <si>
    <t>Ulestraten</t>
  </si>
  <si>
    <t>WK093801</t>
  </si>
  <si>
    <t>2021BU09380100</t>
  </si>
  <si>
    <t>buurten.ecf831ec-e11b-40f9-ab05-07e0416b4891</t>
  </si>
  <si>
    <t>BU09380109</t>
  </si>
  <si>
    <t>2021BU09380109</t>
  </si>
  <si>
    <t>buurten.b99ae4c9-35b2-4006-8d44-23521c48a0a7</t>
  </si>
  <si>
    <t>BU09380200</t>
  </si>
  <si>
    <t>Bunde</t>
  </si>
  <si>
    <t>WK093802</t>
  </si>
  <si>
    <t>2021BU09380200</t>
  </si>
  <si>
    <t>buurten.7321417c-101e-44c3-b1c5-8e86d902ea22</t>
  </si>
  <si>
    <t>PL0938020002</t>
  </si>
  <si>
    <t>Bunde-West</t>
  </si>
  <si>
    <t>PVT en/of aquathermie en/of warmtepomp</t>
  </si>
  <si>
    <t>zonnewarmte en/of aquathermie en/of collectieve warmtepomp</t>
  </si>
  <si>
    <t>24</t>
  </si>
  <si>
    <t>BU09380201</t>
  </si>
  <si>
    <t>Kasen</t>
  </si>
  <si>
    <t>2021BU09380201</t>
  </si>
  <si>
    <t>buurten.ed5f2a35-35c7-4494-a68c-0d0bd4919c86</t>
  </si>
  <si>
    <t>BU09380202</t>
  </si>
  <si>
    <t>Geulle</t>
  </si>
  <si>
    <t>2021BU09380202</t>
  </si>
  <si>
    <t>buurten.96a7a60f-cbb9-41be-b8d7-43a2d0bd8d54</t>
  </si>
  <si>
    <t>PL0971010001</t>
  </si>
  <si>
    <t>Aansluiting gemeente Stein op Het Groene Net bij uitbreiding</t>
  </si>
  <si>
    <t>Niet specifiek genoemd. Een warmtenet heeft een potentie van 23% van de huishoudens in de gemeente voor 2030.</t>
  </si>
  <si>
    <t>BU09380203</t>
  </si>
  <si>
    <t>Hussenberg met Snijdersberg</t>
  </si>
  <si>
    <t>2021BU09380203</t>
  </si>
  <si>
    <t>buurten.04b3ab51-f612-4c65-b818-a81c2f6377fd</t>
  </si>
  <si>
    <t>BU09380204</t>
  </si>
  <si>
    <t>Hulsen-Oostbroek</t>
  </si>
  <si>
    <t>2021BU09380204</t>
  </si>
  <si>
    <t>buurten.3827c90a-20f6-4bed-ac76-f72de8f772c9</t>
  </si>
  <si>
    <t>BU09380205</t>
  </si>
  <si>
    <t>Moorveld</t>
  </si>
  <si>
    <t>2021BU09380205</t>
  </si>
  <si>
    <t>buurten.d544dedf-77f8-4690-956f-a28c9882b2cf</t>
  </si>
  <si>
    <t>BU09380206</t>
  </si>
  <si>
    <t>Brommelen-Westbroek</t>
  </si>
  <si>
    <t>2021BU09380206</t>
  </si>
  <si>
    <t>buurten.11902e12-a264-445e-a8d3-7748ba867aeb</t>
  </si>
  <si>
    <t>BU09440000</t>
  </si>
  <si>
    <t>WK094400</t>
  </si>
  <si>
    <t>GM0944</t>
  </si>
  <si>
    <t>Mook en Middelaar</t>
  </si>
  <si>
    <t>2021BU09440000</t>
  </si>
  <si>
    <t>buurten.75730c5b-1ec7-4d78-b491-fd81e279632d</t>
  </si>
  <si>
    <t>BU09440001</t>
  </si>
  <si>
    <t>Mook</t>
  </si>
  <si>
    <t>2021BU09440001</t>
  </si>
  <si>
    <t>buurten.119b6455-01c5-406d-b799-3fbf480be33f</t>
  </si>
  <si>
    <t>BU09440009</t>
  </si>
  <si>
    <t>Verspreide huizen Bisselt</t>
  </si>
  <si>
    <t>2021BU09440009</t>
  </si>
  <si>
    <t>buurten.1cc349b5-1fe6-4a03-aeea-dd89bb72e1f8</t>
  </si>
  <si>
    <t>BU09440100</t>
  </si>
  <si>
    <t>Riethorst-Plasmolen</t>
  </si>
  <si>
    <t>WK094401</t>
  </si>
  <si>
    <t>2021BU09440100</t>
  </si>
  <si>
    <t>buurten.68a0df76-8f35-4f16-a9db-8aa7fde0fe40</t>
  </si>
  <si>
    <t>BU09440101</t>
  </si>
  <si>
    <t>Middelaar Katerbosch en Heikant</t>
  </si>
  <si>
    <t>2021BU09440101</t>
  </si>
  <si>
    <t>buurten.6ceff4aa-09f1-4961-8b33-4127d63c90fe</t>
  </si>
  <si>
    <t>BU09460101</t>
  </si>
  <si>
    <t>WK094601</t>
  </si>
  <si>
    <t>2021BU09460101</t>
  </si>
  <si>
    <t>buurten.c41d6ba4-3130-4f59-9aae-eff2087da652</t>
  </si>
  <si>
    <t>PL0946010001</t>
  </si>
  <si>
    <t>Budschop noordoost</t>
  </si>
  <si>
    <t>Nederweert, centrum noordoost</t>
  </si>
  <si>
    <t>aquathermie (TEO) en/of zonnewarmte</t>
  </si>
  <si>
    <t>BU09460102</t>
  </si>
  <si>
    <t>Boeket-Hoogbosweg</t>
  </si>
  <si>
    <t>2021BU09460102</t>
  </si>
  <si>
    <t>buurten.7a022285-12b2-4e4e-947d-2605b710cab5</t>
  </si>
  <si>
    <t>https://www.cranendonck.nl/warmtetransitie</t>
  </si>
  <si>
    <t>BU09460103</t>
  </si>
  <si>
    <t>Bosserstraat-Lage Kuilen</t>
  </si>
  <si>
    <t>2021BU09460103</t>
  </si>
  <si>
    <t>buurten.ca371be7-005b-4472-87fe-504305066f13</t>
  </si>
  <si>
    <t>BU09460104</t>
  </si>
  <si>
    <t>Schoor-Mildert</t>
  </si>
  <si>
    <t>2021BU09460104</t>
  </si>
  <si>
    <t>buurten.656254c3-d8ee-4077-b735-0747d6557395</t>
  </si>
  <si>
    <t>Leudal</t>
  </si>
  <si>
    <t>20% gasreductie in 2030</t>
  </si>
  <si>
    <t>https://ibabsonline.eu/Agenda.aspx?site=leudal&amp;agendaid=b34a558c-7e6e-49bf-9fb1-79e8116db677&amp;FoundIDs=</t>
  </si>
  <si>
    <t>onderzoeken haalbaarheid groengas</t>
  </si>
  <si>
    <t>BU09460201</t>
  </si>
  <si>
    <t>Budschop</t>
  </si>
  <si>
    <t>WK094602</t>
  </si>
  <si>
    <t>2021BU09460201</t>
  </si>
  <si>
    <t>buurten.a55e15f7-78e2-4366-8a6a-a626d517ae25</t>
  </si>
  <si>
    <t>Opsel, zuidoost</t>
  </si>
  <si>
    <t>BU09460202</t>
  </si>
  <si>
    <t>Winnerstraat-Eindhovensebaan</t>
  </si>
  <si>
    <t>2021BU09460202</t>
  </si>
  <si>
    <t>buurten.b8338094-513c-457a-933c-008349816156</t>
  </si>
  <si>
    <t>BU09460301</t>
  </si>
  <si>
    <t>Ospel</t>
  </si>
  <si>
    <t>WK094603</t>
  </si>
  <si>
    <t>2021BU09460301</t>
  </si>
  <si>
    <t>buurten.b3eeb99e-8b1e-4312-917b-7a694f3b81e2</t>
  </si>
  <si>
    <t>PL0946010003</t>
  </si>
  <si>
    <t>BU09460302</t>
  </si>
  <si>
    <t>Ospeldijk</t>
  </si>
  <si>
    <t>2021BU09460302</t>
  </si>
  <si>
    <t>buurten.2f4157d0-c22f-40f1-85fc-6cf8c881667d</t>
  </si>
  <si>
    <t>BU09460303</t>
  </si>
  <si>
    <t>Nieuwstraat-Horick-Kampersweg</t>
  </si>
  <si>
    <t>2021BU09460303</t>
  </si>
  <si>
    <t>buurten.8ed235da-924d-46ed-a531-a0ebff2fe348</t>
  </si>
  <si>
    <t>Verkennen opties</t>
  </si>
  <si>
    <t>BU09460304</t>
  </si>
  <si>
    <t>Waatskamp-Bientjesweg</t>
  </si>
  <si>
    <t>2021BU09460304</t>
  </si>
  <si>
    <t>buurten.0b581fbe-a39c-473f-a553-5c1f222dd620</t>
  </si>
  <si>
    <t>BU09460305</t>
  </si>
  <si>
    <t>Moostdijk-Kruisvennendijk</t>
  </si>
  <si>
    <t>2021BU09460305</t>
  </si>
  <si>
    <t>buurten.5b74aa25-d93d-4cf5-885a-a83e9cb9d1df</t>
  </si>
  <si>
    <t>BU09460401</t>
  </si>
  <si>
    <t>Nederweert-Eind</t>
  </si>
  <si>
    <t>WK094604</t>
  </si>
  <si>
    <t>2021BU09460401</t>
  </si>
  <si>
    <t>buurten.d2ae9169-943e-42f1-81c1-64f7fc940951</t>
  </si>
  <si>
    <t>BU09460402</t>
  </si>
  <si>
    <t>Wellenstein-Aan 't Kruis</t>
  </si>
  <si>
    <t>2021BU09460402</t>
  </si>
  <si>
    <t>buurten.0955a550-d45f-49de-82c6-fc6538771365</t>
  </si>
  <si>
    <t>BU09460501</t>
  </si>
  <si>
    <t>Leveroy</t>
  </si>
  <si>
    <t>WK094605</t>
  </si>
  <si>
    <t>2021BU09460501</t>
  </si>
  <si>
    <t>buurten.902f5d02-a6e1-48b7-8dc4-65f46e09918d</t>
  </si>
  <si>
    <t>BU09460502</t>
  </si>
  <si>
    <t>Deckerstraat-Bergdijk</t>
  </si>
  <si>
    <t>2021BU09460502</t>
  </si>
  <si>
    <t>buurten.5af54984-44eb-42b1-b73f-45411fbdf763</t>
  </si>
  <si>
    <t>BU09570000</t>
  </si>
  <si>
    <t>WK095700</t>
  </si>
  <si>
    <t>2021BU09570000</t>
  </si>
  <si>
    <t>buurten.0347b18b-686c-45e9-b93a-66c5d3b77d6c</t>
  </si>
  <si>
    <t>Treffen van geen spijt maatregelen en creeren van handelingsperspectief met een focus op gebieden met eenduidige bebouwing, energiearmoede en clusters van woningen die nog de laatste stap naar aardgasvrij moeten zetten</t>
  </si>
  <si>
    <t>BU09570001</t>
  </si>
  <si>
    <t>Voorstad</t>
  </si>
  <si>
    <t>2021BU09570001</t>
  </si>
  <si>
    <t>buurten.772f06c8-1ee4-47b7-a846-ca4b53801387</t>
  </si>
  <si>
    <t>BU09570002</t>
  </si>
  <si>
    <t>Roer-Zuid</t>
  </si>
  <si>
    <t>2021BU09570002</t>
  </si>
  <si>
    <t>buurten.fe098000-e5e8-4eb2-89dd-bfb2c5bbfb11</t>
  </si>
  <si>
    <t>PL0957010004</t>
  </si>
  <si>
    <t>Herten (oost)</t>
  </si>
  <si>
    <t>Voldoende draagvlak om stappen te gaan zetten richting een aardgasvrije of aardgasvrij-ready buurt</t>
  </si>
  <si>
    <t>Onderzoek potentie warmtebronnen en WUP opstellen</t>
  </si>
  <si>
    <t>deels minimaal schillabel B, deels minimaal schillabel D</t>
  </si>
  <si>
    <t>BU09570003</t>
  </si>
  <si>
    <t>Roerzicht</t>
  </si>
  <si>
    <t>2021BU09570003</t>
  </si>
  <si>
    <t>buurten.fc35c622-964f-4c9b-bfa3-95c7a7f91057</t>
  </si>
  <si>
    <t>BU09570004</t>
  </si>
  <si>
    <t>Willem-Alexander</t>
  </si>
  <si>
    <t>2021BU09570004</t>
  </si>
  <si>
    <t>buurten.d43ddf38-43af-4418-99f2-88217ce5a08f</t>
  </si>
  <si>
    <t>BU09570100</t>
  </si>
  <si>
    <t>Roermondse Veld</t>
  </si>
  <si>
    <t>WK095701</t>
  </si>
  <si>
    <t>2021BU09570100</t>
  </si>
  <si>
    <t>buurten.58867bc4-b5ab-4117-af6a-4f61c69520d7</t>
  </si>
  <si>
    <t>PL0957010001</t>
  </si>
  <si>
    <t>Voldoende draagvlak om stappen te gaan zetten richting een aardgasvrije of aardgasvrij-ready buurt; aansluiting bij Wijk Ontwikkelplan</t>
  </si>
  <si>
    <t>Onderzoek potentie warmtebronnen en warmte uitwerken als onderdeel van Wijk Ontwikkelplan</t>
  </si>
  <si>
    <t>BU09570101</t>
  </si>
  <si>
    <t>Vrijveld</t>
  </si>
  <si>
    <t>2021BU09570101</t>
  </si>
  <si>
    <t>buurten.92a64d26-45e7-4af0-aea9-dd5c4a5d8727</t>
  </si>
  <si>
    <t>BU09570200</t>
  </si>
  <si>
    <t>Kapel-Muggenbroek</t>
  </si>
  <si>
    <t>WK095702</t>
  </si>
  <si>
    <t>2021BU09570200</t>
  </si>
  <si>
    <t>buurten.f1a5dde6-ed61-4d04-8261-4a5481c82ca7</t>
  </si>
  <si>
    <t>BU09570201</t>
  </si>
  <si>
    <t>De Kemp</t>
  </si>
  <si>
    <t>2021BU09570201</t>
  </si>
  <si>
    <t>buurten.dd839bc4-a6de-4821-a7a3-c975591a63ef</t>
  </si>
  <si>
    <t>BU09570202</t>
  </si>
  <si>
    <t>Roerstreek</t>
  </si>
  <si>
    <t>2021BU09570202</t>
  </si>
  <si>
    <t>buurten.80bea170-217d-4e52-a060-b2def6c27137</t>
  </si>
  <si>
    <t>BU09570203</t>
  </si>
  <si>
    <t>Kitskensdal</t>
  </si>
  <si>
    <t>2021BU09570203</t>
  </si>
  <si>
    <t>buurten.dbcbdf40-d22c-4931-8d98-5958ab9d6328</t>
  </si>
  <si>
    <t>BU09570204</t>
  </si>
  <si>
    <t>Kitskensberg</t>
  </si>
  <si>
    <t>2021BU09570204</t>
  </si>
  <si>
    <t>buurten.3e0a1e66-0fd0-4910-b58b-b3a2fe4b1d55</t>
  </si>
  <si>
    <t>BU09570300</t>
  </si>
  <si>
    <t>Kern Maasniel</t>
  </si>
  <si>
    <t>WK095703</t>
  </si>
  <si>
    <t>2021BU09570300</t>
  </si>
  <si>
    <t>buurten.030a955c-b2b1-4faf-ae72-d203cbf210ba</t>
  </si>
  <si>
    <t>Tegelarijeveld-Broekhin</t>
  </si>
  <si>
    <t>Verkennen opties aansluiten op warmtenet SER</t>
  </si>
  <si>
    <t>BU09570301</t>
  </si>
  <si>
    <t>Leeuwen</t>
  </si>
  <si>
    <t>2021BU09570301</t>
  </si>
  <si>
    <t>buurten.1a7d31fe-7d86-46d6-867d-ff41f3357b76</t>
  </si>
  <si>
    <t>BU09570302</t>
  </si>
  <si>
    <t>2021BU09570302</t>
  </si>
  <si>
    <t>buurten.6ce5c282-d120-4787-9651-5bebf612a1de</t>
  </si>
  <si>
    <t>PL0957010005</t>
  </si>
  <si>
    <t>Voldoende draagvlak om stappen te gaan zetten richting een aardgasvrije of aardgasvrij-ready buurt; Aansluiting bij warmtenet SER</t>
  </si>
  <si>
    <t>BU09570303</t>
  </si>
  <si>
    <t>De Wijher en omgeving</t>
  </si>
  <si>
    <t>2021BU09570303</t>
  </si>
  <si>
    <t>buurten.3a743a52-f3da-42fd-b507-7b8566b6137e</t>
  </si>
  <si>
    <t>BU09570304</t>
  </si>
  <si>
    <t>Stadsrandzone-Noord</t>
  </si>
  <si>
    <t>2021BU09570304</t>
  </si>
  <si>
    <t>buurten.7478a047-2e5c-4f0f-b5a6-7f168754e024</t>
  </si>
  <si>
    <t>PL0957010002</t>
  </si>
  <si>
    <t>Warmte uitwerken als onderdeel van Wijk Ontwikkelplan</t>
  </si>
  <si>
    <t>Elektriciteit, WKO</t>
  </si>
  <si>
    <t>BU09570400</t>
  </si>
  <si>
    <t>WK095704</t>
  </si>
  <si>
    <t>2021BU09570400</t>
  </si>
  <si>
    <t>buurten.fb90eda1-f9c0-4559-8cf8-699bf7a603c4</t>
  </si>
  <si>
    <t>BU09570401</t>
  </si>
  <si>
    <t>2021BU09570401</t>
  </si>
  <si>
    <t>buurten.598afef4-afe6-4343-ac86-2a83600bae27</t>
  </si>
  <si>
    <t>PL0957010003</t>
  </si>
  <si>
    <t>BU09570402</t>
  </si>
  <si>
    <t>2021BU09570402</t>
  </si>
  <si>
    <t>buurten.6415f198-d7df-4617-85c3-ad45c5cf7e7b</t>
  </si>
  <si>
    <t>BU09570403</t>
  </si>
  <si>
    <t>2021BU09570403</t>
  </si>
  <si>
    <t>buurten.7cb0c338-f11e-4170-8a05-50861d1c54e0</t>
  </si>
  <si>
    <t>BU09570501</t>
  </si>
  <si>
    <t>Hoogvonderen</t>
  </si>
  <si>
    <t>WK095705</t>
  </si>
  <si>
    <t>2021BU09570501</t>
  </si>
  <si>
    <t>buurten.41f59777-dc94-493a-8eda-cd52cc2f8ad1</t>
  </si>
  <si>
    <t>BU09570600</t>
  </si>
  <si>
    <t>Asenray buitengebied</t>
  </si>
  <si>
    <t>WK095706</t>
  </si>
  <si>
    <t>2021BU09570600</t>
  </si>
  <si>
    <t>buurten.35fe405e-ed47-4578-aaeb-7433c1f003ba</t>
  </si>
  <si>
    <t>BU09570601</t>
  </si>
  <si>
    <t>Asenray</t>
  </si>
  <si>
    <t>2021BU09570601</t>
  </si>
  <si>
    <t>buurten.2de60f01-1b6a-4531-88f1-0215ee53c90c</t>
  </si>
  <si>
    <t>BU09570700</t>
  </si>
  <si>
    <t>Ool</t>
  </si>
  <si>
    <t>WK095707</t>
  </si>
  <si>
    <t>2021BU09570700</t>
  </si>
  <si>
    <t>buurten.7a4577f0-eb82-4c96-97d9-d5eb6f56d64a</t>
  </si>
  <si>
    <t>BU09570701</t>
  </si>
  <si>
    <t>Herten</t>
  </si>
  <si>
    <t>2021BU09570701</t>
  </si>
  <si>
    <t>buurten.884a4aa9-fadd-4882-864b-a0946102c03b</t>
  </si>
  <si>
    <t>BU09570702</t>
  </si>
  <si>
    <t>Merum</t>
  </si>
  <si>
    <t>2021BU09570702</t>
  </si>
  <si>
    <t>buurten.b63afd6f-68b0-46b7-b312-3c6e5d77f144</t>
  </si>
  <si>
    <t>BU09570703</t>
  </si>
  <si>
    <t>Oolder Veste</t>
  </si>
  <si>
    <t>2021BU09570703</t>
  </si>
  <si>
    <t>buurten.25e70828-f645-486c-a4e8-572dabe09ec3</t>
  </si>
  <si>
    <t>BU09570800</t>
  </si>
  <si>
    <t>Swalmen-Centrum</t>
  </si>
  <si>
    <t>WK095708</t>
  </si>
  <si>
    <t>2021BU09570800</t>
  </si>
  <si>
    <t>buurten.26a9746f-5803-462f-808b-b4dcaf903c30</t>
  </si>
  <si>
    <t>BU09570801</t>
  </si>
  <si>
    <t>Groenekruisgebied</t>
  </si>
  <si>
    <t>2021BU09570801</t>
  </si>
  <si>
    <t>buurten.69354039-ff9c-4784-894e-1e613275d873</t>
  </si>
  <si>
    <t>BU09570802</t>
  </si>
  <si>
    <t>2021BU09570802</t>
  </si>
  <si>
    <t>buurten.33d97771-cc17-492f-b3b8-4ee80d9b5579</t>
  </si>
  <si>
    <t>BU09570804</t>
  </si>
  <si>
    <t>Asselt</t>
  </si>
  <si>
    <t>2021BU09570804</t>
  </si>
  <si>
    <t>buurten.e84f1779-f9d0-45f2-85e4-80401ac489ad</t>
  </si>
  <si>
    <t>BU09570805</t>
  </si>
  <si>
    <t>Martin Giessen-Bosstraat</t>
  </si>
  <si>
    <t>2021BU09570805</t>
  </si>
  <si>
    <t>buurten.43f0afb0-9790-42f0-b704-400a91699711</t>
  </si>
  <si>
    <t>BU09570806</t>
  </si>
  <si>
    <t>Boukoul</t>
  </si>
  <si>
    <t>2021BU09570806</t>
  </si>
  <si>
    <t>buurten.a5eb3cb7-fc64-4710-8028-61775d49d494</t>
  </si>
  <si>
    <t>BU09570809</t>
  </si>
  <si>
    <t>Verspreide huizen Swalmen</t>
  </si>
  <si>
    <t>2021BU09570809</t>
  </si>
  <si>
    <t>buurten.e1fb95dc-0adf-4ffa-8f30-ab74f0e4903f</t>
  </si>
  <si>
    <t>BU09570900</t>
  </si>
  <si>
    <t>Maasplassen</t>
  </si>
  <si>
    <t>WK095709</t>
  </si>
  <si>
    <t>2021BU09570900</t>
  </si>
  <si>
    <t>buurten.c8a963cd-3620-462b-85e7-93044531b94b</t>
  </si>
  <si>
    <t>BU09650000</t>
  </si>
  <si>
    <t>WK096500</t>
  </si>
  <si>
    <t>2021BU09650000</t>
  </si>
  <si>
    <t>buurten.cb883690-4707-4b75-99ab-9b232292bcdf</t>
  </si>
  <si>
    <t>Transitievisie Warmte 1.0 Gemeente Simpelveld</t>
  </si>
  <si>
    <t>BU09650001</t>
  </si>
  <si>
    <t>Hulsveld</t>
  </si>
  <si>
    <t>2021BU09650001</t>
  </si>
  <si>
    <t>buurten.7f77dd3b-026e-4718-b3f8-d46814fd391e</t>
  </si>
  <si>
    <t>BU09650002</t>
  </si>
  <si>
    <t>Huls</t>
  </si>
  <si>
    <t>2021BU09650002</t>
  </si>
  <si>
    <t>buurten.541fe3a4-0ac5-4992-ba47-f1ce831325a7</t>
  </si>
  <si>
    <t>BU09650003</t>
  </si>
  <si>
    <t>Molsberg-Rodeput</t>
  </si>
  <si>
    <t>2021BU09650003</t>
  </si>
  <si>
    <t>buurten.3d41dd44-fdca-44d5-a69f-fd34a444d17e</t>
  </si>
  <si>
    <t>BU09650009</t>
  </si>
  <si>
    <t>2021BU09650009</t>
  </si>
  <si>
    <t>buurten.e9334524-3148-4e6a-8c06-4c47b6c151df</t>
  </si>
  <si>
    <t>BU09650100</t>
  </si>
  <si>
    <t>Bocholtz</t>
  </si>
  <si>
    <t>WK096501</t>
  </si>
  <si>
    <t>2021BU09650100</t>
  </si>
  <si>
    <t>buurten.acfb9ab3-be53-490a-a9d6-34ea2a90a8eb</t>
  </si>
  <si>
    <t>BU09650101</t>
  </si>
  <si>
    <t>Bocholtzerheide</t>
  </si>
  <si>
    <t>2021BU09650101</t>
  </si>
  <si>
    <t>buurten.0b1bf8b7-81b4-46a3-a3fd-6d10e0d2fbdc</t>
  </si>
  <si>
    <t>BU09650102</t>
  </si>
  <si>
    <t>Prickart-Broek</t>
  </si>
  <si>
    <t>2021BU09650102</t>
  </si>
  <si>
    <t>buurten.83cdec0a-dbb0-4ef9-85d5-b794ff25f532</t>
  </si>
  <si>
    <t>BU09650103</t>
  </si>
  <si>
    <t>Baneheide</t>
  </si>
  <si>
    <t>2021BU09650103</t>
  </si>
  <si>
    <t>buurten.04bf0d37-f407-4459-8e70-0e68a5e81f67</t>
  </si>
  <si>
    <t>BU09710000</t>
  </si>
  <si>
    <t>Oud-Stein</t>
  </si>
  <si>
    <t>WK097100</t>
  </si>
  <si>
    <t>2021BU09710000</t>
  </si>
  <si>
    <t>buurten.e2d2d06a-c8a3-4ff4-9c68-532220ba7fc4</t>
  </si>
  <si>
    <t>BU09710001</t>
  </si>
  <si>
    <t>Kerensheide</t>
  </si>
  <si>
    <t>2021BU09710001</t>
  </si>
  <si>
    <t>buurten.edba4057-50f9-435e-8377-519326886983</t>
  </si>
  <si>
    <t>BU09710002</t>
  </si>
  <si>
    <t>Nieuwdorp</t>
  </si>
  <si>
    <t>2021BU09710002</t>
  </si>
  <si>
    <t>buurten.8b8fa328-4967-4a8e-bc06-6bdbc8c733f0</t>
  </si>
  <si>
    <t>BU09710003</t>
  </si>
  <si>
    <t>Kleine Meers en Veldschuur</t>
  </si>
  <si>
    <t>2021BU09710003</t>
  </si>
  <si>
    <t>buurten.133a05c5-89da-45cb-adc1-49290bc49732</t>
  </si>
  <si>
    <t>BU09710004</t>
  </si>
  <si>
    <t>Maasband</t>
  </si>
  <si>
    <t>2021BU09710004</t>
  </si>
  <si>
    <t>buurten.629353ee-e5ca-4ff1-8fe7-f2442e3e5665</t>
  </si>
  <si>
    <t>BU09710005</t>
  </si>
  <si>
    <t>2021BU09710005</t>
  </si>
  <si>
    <t>buurten.594d15a2-24cb-4049-b216-89ee040447c4</t>
  </si>
  <si>
    <t>BU09710100</t>
  </si>
  <si>
    <t>WK097101</t>
  </si>
  <si>
    <t>2021BU09710100</t>
  </si>
  <si>
    <t>buurten.dc73e757-ae57-4d41-85f7-5260595763b9</t>
  </si>
  <si>
    <t>BU09710101</t>
  </si>
  <si>
    <t>Meers</t>
  </si>
  <si>
    <t>2021BU09710101</t>
  </si>
  <si>
    <t>buurten.42757231-d363-40a6-a836-d72bfd96bc65</t>
  </si>
  <si>
    <t>BU09710102</t>
  </si>
  <si>
    <t>Catsop</t>
  </si>
  <si>
    <t>2021BU09710102</t>
  </si>
  <si>
    <t>buurten.e86e5f49-7dc2-408c-a025-9df73a55db77</t>
  </si>
  <si>
    <t>BU09710200</t>
  </si>
  <si>
    <t>Berg</t>
  </si>
  <si>
    <t>WK097102</t>
  </si>
  <si>
    <t>2021BU09710200</t>
  </si>
  <si>
    <t>buurten.3788219a-17b9-4d26-8472-7ba194a58178</t>
  </si>
  <si>
    <t>BU09710201</t>
  </si>
  <si>
    <t>Urmond ten westen van Julianakanaal</t>
  </si>
  <si>
    <t>2021BU09710201</t>
  </si>
  <si>
    <t>buurten.a58af1b0-e932-416f-81f0-3215cd9e1f68</t>
  </si>
  <si>
    <t>BU09710202</t>
  </si>
  <si>
    <t>Urmond ten oosten van Julianakanaal</t>
  </si>
  <si>
    <t>2021BU09710202</t>
  </si>
  <si>
    <t>buurten.a04a5916-8f9f-45a3-999c-85a7b26c0d49</t>
  </si>
  <si>
    <t>BU09710203</t>
  </si>
  <si>
    <t>Nattenhoven</t>
  </si>
  <si>
    <t>2021BU09710203</t>
  </si>
  <si>
    <t>buurten.2ae940fc-290b-4c0a-883b-7059fdb013de</t>
  </si>
  <si>
    <t>BU09810000</t>
  </si>
  <si>
    <t>Vijlen</t>
  </si>
  <si>
    <t>WK098100</t>
  </si>
  <si>
    <t>GM0981</t>
  </si>
  <si>
    <t>Vaals</t>
  </si>
  <si>
    <t>2021BU09810000</t>
  </si>
  <si>
    <t>buurten.06ed3870-c24f-4e1f-8c9d-3d974e5b8c6d</t>
  </si>
  <si>
    <t>BU09810001</t>
  </si>
  <si>
    <t>Mamelis</t>
  </si>
  <si>
    <t>2021BU09810001</t>
  </si>
  <si>
    <t>buurten.3a408681-7f21-4c21-9949-6cb0e3b8d110</t>
  </si>
  <si>
    <t>BU09810003</t>
  </si>
  <si>
    <t>Harles</t>
  </si>
  <si>
    <t>2021BU09810003</t>
  </si>
  <si>
    <t>buurten.eec8b3c3-a4d5-444c-ace6-e642ee8031ad</t>
  </si>
  <si>
    <t>BU09810005</t>
  </si>
  <si>
    <t>Lemiers</t>
  </si>
  <si>
    <t>2021BU09810005</t>
  </si>
  <si>
    <t>buurten.6caaaf04-2bcb-449f-92f7-e2ee1a7ad62d</t>
  </si>
  <si>
    <t>BU09810006</t>
  </si>
  <si>
    <t>Holset</t>
  </si>
  <si>
    <t>2021BU09810006</t>
  </si>
  <si>
    <t>buurten.6189ab48-41e2-47d7-b17e-ac689a1659ec</t>
  </si>
  <si>
    <t>BU09810007</t>
  </si>
  <si>
    <t>Raren</t>
  </si>
  <si>
    <t>2021BU09810007</t>
  </si>
  <si>
    <t>buurten.2d39ebf8-eb1c-4c62-9b82-edb12b762fa5</t>
  </si>
  <si>
    <t>BU09810008</t>
  </si>
  <si>
    <t>Wolfhaag</t>
  </si>
  <si>
    <t>2021BU09810008</t>
  </si>
  <si>
    <t>buurten.9307ce35-3b4f-4960-a0d9-4b9b989794e7</t>
  </si>
  <si>
    <t>BU09810009</t>
  </si>
  <si>
    <t>Verspreide huizen Cottessen-Camerig</t>
  </si>
  <si>
    <t>2021BU09810009</t>
  </si>
  <si>
    <t>buurten.c8bd6c08-c396-4b61-893e-4cd9f68293a7</t>
  </si>
  <si>
    <t>BU09810100</t>
  </si>
  <si>
    <t>WK098101</t>
  </si>
  <si>
    <t>2021BU09810100</t>
  </si>
  <si>
    <t>buurten.420f8ac5-19c7-45d0-8703-28abe0276fb2</t>
  </si>
  <si>
    <t>BU09831101</t>
  </si>
  <si>
    <t>WK098311</t>
  </si>
  <si>
    <t>2021BU09831101</t>
  </si>
  <si>
    <t>buurten.ae204b55-a851-48b3-83f5-22862d5d124d</t>
  </si>
  <si>
    <t>BU09831102</t>
  </si>
  <si>
    <t>Q4</t>
  </si>
  <si>
    <t>2021BU09831102</t>
  </si>
  <si>
    <t>buurten.cb5905b2-1665-4a0d-9383-dd2b13831560</t>
  </si>
  <si>
    <t>PL0983010010</t>
  </si>
  <si>
    <t>BU09831103</t>
  </si>
  <si>
    <t>Rosarium</t>
  </si>
  <si>
    <t>2021BU09831103</t>
  </si>
  <si>
    <t>buurten.bacfdac6-d8bf-440d-ae1b-ed999d06036b</t>
  </si>
  <si>
    <t>PL0983010005</t>
  </si>
  <si>
    <t>BU09831104</t>
  </si>
  <si>
    <t>2021BU09831104</t>
  </si>
  <si>
    <t>buurten.a1cf866e-0625-419f-9709-11a9aecbaf5a</t>
  </si>
  <si>
    <t>PL0983010002</t>
  </si>
  <si>
    <t>BU09831201</t>
  </si>
  <si>
    <t>Sinselveld</t>
  </si>
  <si>
    <t>WK098312</t>
  </si>
  <si>
    <t>2021BU09831201</t>
  </si>
  <si>
    <t>buurten.a9395db8-d9b1-4251-9843-1ea70fb2abbb</t>
  </si>
  <si>
    <t>PL0983010001</t>
  </si>
  <si>
    <t>Hagerhof-Oost, Krekelveld, Sinselveld, Hagerhof-West, Maaswaard, Spoorsingel</t>
  </si>
  <si>
    <t>BU09831202</t>
  </si>
  <si>
    <t>Maaswaard</t>
  </si>
  <si>
    <t>2021BU09831202</t>
  </si>
  <si>
    <t>buurten.9c885890-91a1-420a-ae2a-51b5b167db5a</t>
  </si>
  <si>
    <t>BU09831203</t>
  </si>
  <si>
    <t>Spoorsingel</t>
  </si>
  <si>
    <t>2021BU09831203</t>
  </si>
  <si>
    <t>buurten.ad3c9c88-30ed-497d-be17-4267d7f79da8</t>
  </si>
  <si>
    <t>BU09831204</t>
  </si>
  <si>
    <t>Hagerbroek</t>
  </si>
  <si>
    <t>2021BU09831204</t>
  </si>
  <si>
    <t>buurten.abcd5610-144e-493c-9313-99ad45207471</t>
  </si>
  <si>
    <t>PL0983010009</t>
  </si>
  <si>
    <t>BU09831205</t>
  </si>
  <si>
    <t>Hagerhof-oost</t>
  </si>
  <si>
    <t>2021BU09831205</t>
  </si>
  <si>
    <t>buurten.51cb6ff6-4227-45c9-aca6-06d9cde9d22e</t>
  </si>
  <si>
    <t>BU09831206</t>
  </si>
  <si>
    <t>Hagerhof-West</t>
  </si>
  <si>
    <t>2021BU09831206</t>
  </si>
  <si>
    <t>buurten.86227f30-ba0b-4169-a283-e5097b545da4</t>
  </si>
  <si>
    <t>BU09831207</t>
  </si>
  <si>
    <t>Wylrehof</t>
  </si>
  <si>
    <t>2021BU09831207</t>
  </si>
  <si>
    <t>buurten.c2fc9942-f866-41b0-9857-a03d85e2a5a0</t>
  </si>
  <si>
    <t>BU09831208</t>
  </si>
  <si>
    <t>bedrijventerrein Hagerhof</t>
  </si>
  <si>
    <t>2021BU09831208</t>
  </si>
  <si>
    <t>buurten.094610c2-cfb5-45e5-81ab-659a38a7ef91</t>
  </si>
  <si>
    <t>BU09831209</t>
  </si>
  <si>
    <t>Onderste en Bovenste Molen</t>
  </si>
  <si>
    <t>2021BU09831209</t>
  </si>
  <si>
    <t>buurten.5aafbc4f-cb1f-47c2-b103-e716f2c45f7e</t>
  </si>
  <si>
    <t>Warmtenetten/WKO Venlo na 2030</t>
  </si>
  <si>
    <t>BU09831210</t>
  </si>
  <si>
    <t>Krekelveld</t>
  </si>
  <si>
    <t>2021BU09831210</t>
  </si>
  <si>
    <t>buurten.13c23d1c-283b-4448-955a-cf5931b52b2c</t>
  </si>
  <si>
    <t>BU09831301</t>
  </si>
  <si>
    <t>De Tichelarij</t>
  </si>
  <si>
    <t>WK098313</t>
  </si>
  <si>
    <t>2021BU09831301</t>
  </si>
  <si>
    <t>buurten.7b744956-7aae-46af-88b2-026c3027ab1a</t>
  </si>
  <si>
    <t>BU09831302</t>
  </si>
  <si>
    <t>Rijnbeek</t>
  </si>
  <si>
    <t>2021BU09831302</t>
  </si>
  <si>
    <t>buurten.56f0bc0f-db12-477b-8584-a7fa2007e365</t>
  </si>
  <si>
    <t>BU09831303</t>
  </si>
  <si>
    <t>Groenstraat-Noord</t>
  </si>
  <si>
    <t>2021BU09831303</t>
  </si>
  <si>
    <t>buurten.26cfc35e-aa20-42be-80ef-654a7ccc05c3</t>
  </si>
  <si>
    <t>BU09831304</t>
  </si>
  <si>
    <t>Groenstraat-Zuid</t>
  </si>
  <si>
    <t>2021BU09831304</t>
  </si>
  <si>
    <t>buurten.5cf7acfa-4555-4668-af31-df426d6286ca</t>
  </si>
  <si>
    <t>BU09831305</t>
  </si>
  <si>
    <t>Stalberg-West</t>
  </si>
  <si>
    <t>2021BU09831305</t>
  </si>
  <si>
    <t>buurten.a3e3086a-4584-4491-acc2-4e654bce0d24</t>
  </si>
  <si>
    <t>BU09831306</t>
  </si>
  <si>
    <t>2021BU09831306</t>
  </si>
  <si>
    <t>buurten.a998f3d9-2505-4203-875d-58f4aa9ae254</t>
  </si>
  <si>
    <t>BU09831307</t>
  </si>
  <si>
    <t>Hogekamp</t>
  </si>
  <si>
    <t>2021BU09831307</t>
  </si>
  <si>
    <t>buurten.437eae76-f943-4e2b-b6a9-2ecf86d9d0f5</t>
  </si>
  <si>
    <t>BU09831308</t>
  </si>
  <si>
    <t>Stalberg-Noord</t>
  </si>
  <si>
    <t>2021BU09831308</t>
  </si>
  <si>
    <t>buurten.e7192409-bd7e-4786-9784-29a7fb578261</t>
  </si>
  <si>
    <t>BU09831401</t>
  </si>
  <si>
    <t>Craneveld</t>
  </si>
  <si>
    <t>WK098314</t>
  </si>
  <si>
    <t>2021BU09831401</t>
  </si>
  <si>
    <t>buurten.cd888774-5f03-4385-a0e5-36d97dbf8b30</t>
  </si>
  <si>
    <t>t Zand, Withuis, Craneveld</t>
  </si>
  <si>
    <t>BU09831402</t>
  </si>
  <si>
    <t>Withuis</t>
  </si>
  <si>
    <t>2021BU09831402</t>
  </si>
  <si>
    <t>buurten.8275b32a-7b45-481d-8df3-1346650092a6</t>
  </si>
  <si>
    <t>PL0983010008</t>
  </si>
  <si>
    <t>All electric gebieden voor 2030</t>
  </si>
  <si>
    <t>BU09831403</t>
  </si>
  <si>
    <t>2021BU09831403</t>
  </si>
  <si>
    <t>buurten.90d36d01-8734-4b4c-b3cb-638435a7518c</t>
  </si>
  <si>
    <t>BU09831404</t>
  </si>
  <si>
    <t>Genooybergen</t>
  </si>
  <si>
    <t>2021BU09831404</t>
  </si>
  <si>
    <t>buurten.7deab597-a3ab-423c-afd3-6cb03f04f7aa</t>
  </si>
  <si>
    <t>BU09831405</t>
  </si>
  <si>
    <t>Genooy</t>
  </si>
  <si>
    <t>2021BU09831405</t>
  </si>
  <si>
    <t>buurten.1d4bdc4c-5e41-4487-bc25-15888bbc88f9</t>
  </si>
  <si>
    <t>BU09831501</t>
  </si>
  <si>
    <t>Vierpaardjes</t>
  </si>
  <si>
    <t>WK098315</t>
  </si>
  <si>
    <t>2021BU09831501</t>
  </si>
  <si>
    <t>buurten.f4a4632a-b4bb-45d8-aeae-25a3dd51ef80</t>
  </si>
  <si>
    <t>BU09831502</t>
  </si>
  <si>
    <t>Dr. Poelsplein e.o.</t>
  </si>
  <si>
    <t>2021BU09831502</t>
  </si>
  <si>
    <t>buurten.b47e7241-ff83-44fe-a89b-bb4581da89a4</t>
  </si>
  <si>
    <t>BU09831503</t>
  </si>
  <si>
    <t>Jezuïtenbuurt</t>
  </si>
  <si>
    <t>2021BU09831503</t>
  </si>
  <si>
    <t>buurten.fa8b97fa-c59d-4a78-87b9-b2d15b5b08bb</t>
  </si>
  <si>
    <t>BU09831504</t>
  </si>
  <si>
    <t>2021BU09831504</t>
  </si>
  <si>
    <t>buurten.ae5a86a7-3d9c-44c3-b579-687ea3caebc1</t>
  </si>
  <si>
    <t>BU09831505</t>
  </si>
  <si>
    <t>2021BU09831505</t>
  </si>
  <si>
    <t>buurten.3b349aed-7485-4eae-81f7-2406e170756f</t>
  </si>
  <si>
    <t>BU09831506</t>
  </si>
  <si>
    <t>Casinoflat</t>
  </si>
  <si>
    <t>2021BU09831506</t>
  </si>
  <si>
    <t>buurten.1b0fc20e-39cd-49d4-b688-bc1feff2fc08</t>
  </si>
  <si>
    <t>BU09831507</t>
  </si>
  <si>
    <t>Postwegflat</t>
  </si>
  <si>
    <t>2021BU09831507</t>
  </si>
  <si>
    <t>buurten.68bf09ab-6c81-4d82-bb36-d5613c4d4b6f</t>
  </si>
  <si>
    <t>BU09831508</t>
  </si>
  <si>
    <t>Stalberg (midden)</t>
  </si>
  <si>
    <t>2021BU09831508</t>
  </si>
  <si>
    <t>buurten.0362cad9-af41-4387-a2d0-a971c8d91391</t>
  </si>
  <si>
    <t>BU09831509</t>
  </si>
  <si>
    <t>Stalberg-oost</t>
  </si>
  <si>
    <t>2021BU09831509</t>
  </si>
  <si>
    <t>buurten.41dc1482-9d94-4b31-b537-a1da3ae721cf</t>
  </si>
  <si>
    <t>BU09831510</t>
  </si>
  <si>
    <t>Grote Hei</t>
  </si>
  <si>
    <t>2021BU09831510</t>
  </si>
  <si>
    <t>buurten.e9ef3f6f-50c2-4f39-8b54-fbdcc998494f</t>
  </si>
  <si>
    <t>BU09831511</t>
  </si>
  <si>
    <t>Keulse Barriére</t>
  </si>
  <si>
    <t>2021BU09831511</t>
  </si>
  <si>
    <t>buurten.b8b3c25a-d0ea-47b4-91b3-5d748b0e90bc</t>
  </si>
  <si>
    <t>BU09831512</t>
  </si>
  <si>
    <t>Auxillatrix</t>
  </si>
  <si>
    <t>2021BU09831512</t>
  </si>
  <si>
    <t>buurten.d73edf9a-4fd9-4d11-8175-3ffdbfbe7e30</t>
  </si>
  <si>
    <t>BU09831601</t>
  </si>
  <si>
    <t>Kern 't Ven</t>
  </si>
  <si>
    <t>WK098316</t>
  </si>
  <si>
    <t>2021BU09831601</t>
  </si>
  <si>
    <t>buurten.839458b6-b628-434f-a089-f7cf65e12171</t>
  </si>
  <si>
    <t>BU09831602</t>
  </si>
  <si>
    <t>Arenborg</t>
  </si>
  <si>
    <t>2021BU09831602</t>
  </si>
  <si>
    <t>buurten.00873d77-ebfe-43fd-974a-9af95445d090</t>
  </si>
  <si>
    <t>BU09831603</t>
  </si>
  <si>
    <t>Herungerberg</t>
  </si>
  <si>
    <t>2021BU09831603</t>
  </si>
  <si>
    <t>buurten.977a44ff-d377-4051-ab10-f4b4cd299399</t>
  </si>
  <si>
    <t>BU09831604</t>
  </si>
  <si>
    <t>Veegtes</t>
  </si>
  <si>
    <t>2021BU09831604</t>
  </si>
  <si>
    <t>buurten.aeeacde6-0247-4842-891e-0b3f41165930</t>
  </si>
  <si>
    <t>BU09831605</t>
  </si>
  <si>
    <t>Noorderpoort</t>
  </si>
  <si>
    <t>2021BU09831605</t>
  </si>
  <si>
    <t>buurten.fb187ca0-5ca9-4daf-a774-fbea0b292c94</t>
  </si>
  <si>
    <t>BU09831606</t>
  </si>
  <si>
    <t>Venkoelen</t>
  </si>
  <si>
    <t>2021BU09831606</t>
  </si>
  <si>
    <t>buurten.5619cfb2-6400-401f-bee3-f61e431cd00e</t>
  </si>
  <si>
    <t>BU09831607</t>
  </si>
  <si>
    <t>2021BU09831607</t>
  </si>
  <si>
    <t>buurten.2afd5bd6-4d24-4915-bce1-642592d3e367</t>
  </si>
  <si>
    <t>BU09832101</t>
  </si>
  <si>
    <t>Blerick-Centrum</t>
  </si>
  <si>
    <t>WK098321</t>
  </si>
  <si>
    <t>2021BU09832101</t>
  </si>
  <si>
    <t>buurten.1b5d6cec-c7bc-418f-9568-9e39d9ca7859</t>
  </si>
  <si>
    <t>BU09832102</t>
  </si>
  <si>
    <t>gazenkamp</t>
  </si>
  <si>
    <t>2021BU09832102</t>
  </si>
  <si>
    <t>buurten.74355f6f-8f17-4a85-970b-a3f8ae1bd2a5</t>
  </si>
  <si>
    <t>PL0983010003</t>
  </si>
  <si>
    <t>PL0983010006</t>
  </si>
  <si>
    <t>Molenbossen, Annakamp-Oost, Hazenkamp</t>
  </si>
  <si>
    <t>BU09832201</t>
  </si>
  <si>
    <t>Smeliënkamp</t>
  </si>
  <si>
    <t>WK098322</t>
  </si>
  <si>
    <t>2021BU09832201</t>
  </si>
  <si>
    <t>buurten.a7a4d3ea-c541-4dcc-a9f7-f9468250aaec</t>
  </si>
  <si>
    <t>PL0983010004</t>
  </si>
  <si>
    <t>Warmtenet Venlo na 2030, Aquathermie of restwarmte</t>
  </si>
  <si>
    <t>BU09832202</t>
  </si>
  <si>
    <t>Vastenavondkamp-Noord</t>
  </si>
  <si>
    <t>2021BU09832202</t>
  </si>
  <si>
    <t>buurten.2f960597-b72c-4c86-ba89-3596baecddcf</t>
  </si>
  <si>
    <t>Warmtenetten restwarmte na 2030</t>
  </si>
  <si>
    <t>BU09832203</t>
  </si>
  <si>
    <t>Vastenavondkamp-Zuid</t>
  </si>
  <si>
    <t>2021BU09832203</t>
  </si>
  <si>
    <t>buurten.cc4c4595-635f-4163-8b15-4f9a044ec9a2</t>
  </si>
  <si>
    <t>BU09832301</t>
  </si>
  <si>
    <t>Molenbossen</t>
  </si>
  <si>
    <t>WK098323</t>
  </si>
  <si>
    <t>2021BU09832301</t>
  </si>
  <si>
    <t>buurten.c67bd094-e7e9-4706-96a3-6c582d203482</t>
  </si>
  <si>
    <t>BU09832302</t>
  </si>
  <si>
    <t>Annakamp-Oost</t>
  </si>
  <si>
    <t>2021BU09832302</t>
  </si>
  <si>
    <t>buurten.93a0c389-ed69-438b-abe3-0c12407d78c4</t>
  </si>
  <si>
    <t>BU09832303</t>
  </si>
  <si>
    <t>Annakamp-West</t>
  </si>
  <si>
    <t>2021BU09832303</t>
  </si>
  <si>
    <t>buurten.25f67115-239a-4496-8432-80785162e791</t>
  </si>
  <si>
    <t>BU09832304</t>
  </si>
  <si>
    <t>2021BU09832304</t>
  </si>
  <si>
    <t>buurten.aaccbd31-77d2-4b50-86d6-7a592b57c426</t>
  </si>
  <si>
    <t>BU09832401</t>
  </si>
  <si>
    <t>Vossener-Centrum</t>
  </si>
  <si>
    <t>WK098324</t>
  </si>
  <si>
    <t>2021BU09832401</t>
  </si>
  <si>
    <t>buurten.f5e8a273-2162-4f7a-8e45-1cacac372502</t>
  </si>
  <si>
    <t>BU09832402</t>
  </si>
  <si>
    <t>Vossener-Noord</t>
  </si>
  <si>
    <t>2021BU09832402</t>
  </si>
  <si>
    <t>buurten.4bb13382-f3f8-4e44-8f8e-3a65e1437e01</t>
  </si>
  <si>
    <t>BU09832403</t>
  </si>
  <si>
    <t>Vossener-West</t>
  </si>
  <si>
    <t>2021BU09832403</t>
  </si>
  <si>
    <t>buurten.b4826c0a-799c-4492-8157-59bdba003ebb</t>
  </si>
  <si>
    <t>BU09832404</t>
  </si>
  <si>
    <t>Vossener-Zuid</t>
  </si>
  <si>
    <t>2021BU09832404</t>
  </si>
  <si>
    <t>buurten.b5335830-db3e-4002-9138-6c5af2022072</t>
  </si>
  <si>
    <t>BU09832501</t>
  </si>
  <si>
    <t>Klingerberg-Zuid</t>
  </si>
  <si>
    <t>WK098325</t>
  </si>
  <si>
    <t>2021BU09832501</t>
  </si>
  <si>
    <t>buurten.3617bde7-14f5-4538-9603-bb9e2f97497b</t>
  </si>
  <si>
    <t>BU09832502</t>
  </si>
  <si>
    <t>Klingerberg-Noord</t>
  </si>
  <si>
    <t>2021BU09832502</t>
  </si>
  <si>
    <t>buurten.d8532e44-6a2e-4521-b456-95737094d0b6</t>
  </si>
  <si>
    <t>BU09832601</t>
  </si>
  <si>
    <t>Kern Hout-Blerick</t>
  </si>
  <si>
    <t>WK098326</t>
  </si>
  <si>
    <t>2021BU09832601</t>
  </si>
  <si>
    <t>buurten.428cfaf6-c350-4d55-9bc8-d9ab6369d9c8</t>
  </si>
  <si>
    <t>BU09832602</t>
  </si>
  <si>
    <t>Verspreide huizen Hout-Blerick</t>
  </si>
  <si>
    <t>2021BU09832602</t>
  </si>
  <si>
    <t>buurten.658f257a-8d66-4663-9911-ed333b2707e3</t>
  </si>
  <si>
    <t>BU09832603</t>
  </si>
  <si>
    <t>Meuleveld</t>
  </si>
  <si>
    <t>2021BU09832603</t>
  </si>
  <si>
    <t>buurten.ea5453e2-a12c-4fc1-81e8-f99401bf9f28</t>
  </si>
  <si>
    <t>BU09832701</t>
  </si>
  <si>
    <t>Kern Boekend</t>
  </si>
  <si>
    <t>WK098327</t>
  </si>
  <si>
    <t>2021BU09832701</t>
  </si>
  <si>
    <t>buurten.b84d6b05-cf98-48a0-9547-7474cc215a2f</t>
  </si>
  <si>
    <t>BU09832702</t>
  </si>
  <si>
    <t>Verspreide huizen Boekend</t>
  </si>
  <si>
    <t>2021BU09832702</t>
  </si>
  <si>
    <t>buurten.b906d740-8821-4f74-86bf-576ebb2bd4c2</t>
  </si>
  <si>
    <t>BU09832801</t>
  </si>
  <si>
    <t>Horsterweg</t>
  </si>
  <si>
    <t>WK098328</t>
  </si>
  <si>
    <t>2021BU09832801</t>
  </si>
  <si>
    <t>buurten.0b475a44-14cd-448e-8d10-e41aee1e53e7</t>
  </si>
  <si>
    <t>BU09832802</t>
  </si>
  <si>
    <t>2021BU09832802</t>
  </si>
  <si>
    <t>buurten.7d100385-07f9-4a6b-8196-67f03155d2b6</t>
  </si>
  <si>
    <t>BU09832803</t>
  </si>
  <si>
    <t>Ubroek</t>
  </si>
  <si>
    <t>2021BU09832803</t>
  </si>
  <si>
    <t>buurten.88bfa221-68db-44d4-ad3e-b383239eacc5</t>
  </si>
  <si>
    <t>BU09832804</t>
  </si>
  <si>
    <t>Groot Boller</t>
  </si>
  <si>
    <t>2021BU09832804</t>
  </si>
  <si>
    <t>buurten.874a63ea-76cd-4acd-8bd6-34f595c2e708</t>
  </si>
  <si>
    <t>BU09832805</t>
  </si>
  <si>
    <t>Havengebied</t>
  </si>
  <si>
    <t>2021BU09832805</t>
  </si>
  <si>
    <t>buurten.ab5e2df3-f11a-4204-a451-b2fa6668bf41</t>
  </si>
  <si>
    <t>BU09832806</t>
  </si>
  <si>
    <t>Ecopark</t>
  </si>
  <si>
    <t>2021BU09832806</t>
  </si>
  <si>
    <t>buurten.c5c8bb15-86ab-4027-b653-5ec696fbc5dd</t>
  </si>
  <si>
    <t>BU09832807</t>
  </si>
  <si>
    <t>Heierhoeve</t>
  </si>
  <si>
    <t>2021BU09832807</t>
  </si>
  <si>
    <t>buurten.54bd1a82-283b-4d34-a664-337b9d35998f</t>
  </si>
  <si>
    <t>BU09832808</t>
  </si>
  <si>
    <t>Fresh Park</t>
  </si>
  <si>
    <t>2021BU09832808</t>
  </si>
  <si>
    <t>buurten.1133e733-3c2b-43c2-8d81-e4c4c1fa4b8b</t>
  </si>
  <si>
    <t>BU09832809</t>
  </si>
  <si>
    <t>Trade-Port-Oost</t>
  </si>
  <si>
    <t>2021BU09832809</t>
  </si>
  <si>
    <t>buurten.f8d9d5df-45b2-4171-b744-7de6f63b99e4</t>
  </si>
  <si>
    <t>BU09832810</t>
  </si>
  <si>
    <t>Trade-Port-Noord</t>
  </si>
  <si>
    <t>2021BU09832810</t>
  </si>
  <si>
    <t>buurten.afcf75f7-8a2f-435b-984e-6409bf138758</t>
  </si>
  <si>
    <t>BU09832811</t>
  </si>
  <si>
    <t>Floriade Park</t>
  </si>
  <si>
    <t>2021BU09832811</t>
  </si>
  <si>
    <t>buurten.5abffbe1-45cf-44df-b1eb-4c6f2fbf1668</t>
  </si>
  <si>
    <t>BU09832812</t>
  </si>
  <si>
    <t>Zaarderheiken</t>
  </si>
  <si>
    <t>2021BU09832812</t>
  </si>
  <si>
    <t>buurten.6c550052-3b0b-4046-889b-f42db3fcba05</t>
  </si>
  <si>
    <t>BU09833101</t>
  </si>
  <si>
    <t>Bosserhof</t>
  </si>
  <si>
    <t>WK098331</t>
  </si>
  <si>
    <t>2021BU09833101</t>
  </si>
  <si>
    <t>buurten.f25612e1-6850-4346-b045-e3655bbf90df</t>
  </si>
  <si>
    <t>BU09833102</t>
  </si>
  <si>
    <t>Tegelen-Centrum</t>
  </si>
  <si>
    <t>2021BU09833102</t>
  </si>
  <si>
    <t>buurten.0ce36ff0-17ec-4223-85d8-3b77cec20a03</t>
  </si>
  <si>
    <t>BU09833103</t>
  </si>
  <si>
    <t>Krekelsberg</t>
  </si>
  <si>
    <t>2021BU09833103</t>
  </si>
  <si>
    <t>buurten.8b86f980-de0b-4638-8b5c-a4f9c413c987</t>
  </si>
  <si>
    <t>BU09833104</t>
  </si>
  <si>
    <t>Maasveld I</t>
  </si>
  <si>
    <t>2021BU09833104</t>
  </si>
  <si>
    <t>buurten.2cae6510-0f65-4034-80b5-56fdfb76a099</t>
  </si>
  <si>
    <t>BU09833105</t>
  </si>
  <si>
    <t>Maasveld II</t>
  </si>
  <si>
    <t>2021BU09833105</t>
  </si>
  <si>
    <t>buurten.64610205-a119-4cfd-affb-a37844042934</t>
  </si>
  <si>
    <t>BU09833201</t>
  </si>
  <si>
    <t>Lage Heide</t>
  </si>
  <si>
    <t>WK098332</t>
  </si>
  <si>
    <t>2021BU09833201</t>
  </si>
  <si>
    <t>buurten.0d57f2d8-87c2-4487-ae8d-6e95f8229b26</t>
  </si>
  <si>
    <t>BU09833202</t>
  </si>
  <si>
    <t>Bedrijventerrein Windhond</t>
  </si>
  <si>
    <t>2021BU09833202</t>
  </si>
  <si>
    <t>buurten.32bb30f4-ed1d-422f-91b5-e039bc015cbf</t>
  </si>
  <si>
    <t>BU09833203</t>
  </si>
  <si>
    <t>Kaldenkerkerweg-West</t>
  </si>
  <si>
    <t>2021BU09833203</t>
  </si>
  <si>
    <t>buurten.ec33335f-cb1e-429d-b7c4-fdc3a19f7e95</t>
  </si>
  <si>
    <t>BU09833204</t>
  </si>
  <si>
    <t>Op de Heide</t>
  </si>
  <si>
    <t>2021BU09833204</t>
  </si>
  <si>
    <t>buurten.a0327c1d-2cfe-447c-bc1e-8cb070453028</t>
  </si>
  <si>
    <t>BU09833205</t>
  </si>
  <si>
    <t>Kaldenkerkerweg-Oost</t>
  </si>
  <si>
    <t>2021BU09833205</t>
  </si>
  <si>
    <t>buurten.a140baa9-b343-4736-878e-6428f85354ce</t>
  </si>
  <si>
    <t>BU09833206</t>
  </si>
  <si>
    <t>Ulingsheid</t>
  </si>
  <si>
    <t>2021BU09833206</t>
  </si>
  <si>
    <t>buurten.0a2f00a8-dc53-4a2d-bf20-f5ff7d40025f</t>
  </si>
  <si>
    <t>BU09833207</t>
  </si>
  <si>
    <t>Snelle Sprong</t>
  </si>
  <si>
    <t>2021BU09833207</t>
  </si>
  <si>
    <t>buurten.1c209b91-67ff-4cac-b3a1-aefaf25b6138</t>
  </si>
  <si>
    <t>BU09833501</t>
  </si>
  <si>
    <t>Kloosterdorp</t>
  </si>
  <si>
    <t>WK098335</t>
  </si>
  <si>
    <t>2021BU09833501</t>
  </si>
  <si>
    <t>buurten.c0e362fd-972b-4178-a770-cce22ed4f770</t>
  </si>
  <si>
    <t>BU09833502</t>
  </si>
  <si>
    <t>Nieuw-Steyl</t>
  </si>
  <si>
    <t>2021BU09833502</t>
  </si>
  <si>
    <t>buurten.9646c105-dc69-4996-9f09-fef9ac85fcc7</t>
  </si>
  <si>
    <t>BU09834101</t>
  </si>
  <si>
    <t>Velden-West</t>
  </si>
  <si>
    <t>WK098341</t>
  </si>
  <si>
    <t>2021BU09834101</t>
  </si>
  <si>
    <t>buurten.bd1b62f2-a25a-40bb-abde-14547a820b95</t>
  </si>
  <si>
    <t>BU09834102</t>
  </si>
  <si>
    <t>Velden-Oost</t>
  </si>
  <si>
    <t>2021BU09834102</t>
  </si>
  <si>
    <t>buurten.02e4a73d-0ee3-4a81-9d8e-15de0a3515ee</t>
  </si>
  <si>
    <t>BU09834103</t>
  </si>
  <si>
    <t>Hasselderheide</t>
  </si>
  <si>
    <t>2021BU09834103</t>
  </si>
  <si>
    <t>buurten.0a128fd3-ec29-4e11-88ca-574da203296a</t>
  </si>
  <si>
    <t>BU09834104</t>
  </si>
  <si>
    <t>Schandelo</t>
  </si>
  <si>
    <t>2021BU09834104</t>
  </si>
  <si>
    <t>buurten.6715a1b0-c920-4407-98f4-82d5dc7d34cd</t>
  </si>
  <si>
    <t>BU09834105</t>
  </si>
  <si>
    <t>Hasselt en Het Vorst</t>
  </si>
  <si>
    <t>2021BU09834105</t>
  </si>
  <si>
    <t>buurten.f790fdf2-108e-47d7-aea9-be90a1a217fd</t>
  </si>
  <si>
    <t>BU09834106</t>
  </si>
  <si>
    <t>De Krosselt</t>
  </si>
  <si>
    <t>2021BU09834106</t>
  </si>
  <si>
    <t>buurten.d180c955-5c65-4d68-96a2-fc5fdcf0f539</t>
  </si>
  <si>
    <t>BU09834107</t>
  </si>
  <si>
    <t>Verspreide huizen Velden</t>
  </si>
  <si>
    <t>2021BU09834107</t>
  </si>
  <si>
    <t>buurten.5d9fe5f4-7dbc-41f6-b085-eb503e6a5fa1</t>
  </si>
  <si>
    <t>BU09834301</t>
  </si>
  <si>
    <t>Kern Lomm</t>
  </si>
  <si>
    <t>WK098343</t>
  </si>
  <si>
    <t>2021BU09834301</t>
  </si>
  <si>
    <t>buurten.74a1aa31-cab9-413f-b052-37a10b469478</t>
  </si>
  <si>
    <t>PL0983010013</t>
  </si>
  <si>
    <t>BU09834302</t>
  </si>
  <si>
    <t>Spikweinen</t>
  </si>
  <si>
    <t>2021BU09834302</t>
  </si>
  <si>
    <t>buurten.e465c447-633e-4e4a-bdfc-6a9f4a71facc</t>
  </si>
  <si>
    <t>BU09834303</t>
  </si>
  <si>
    <t>Verspreide huizen Lomm</t>
  </si>
  <si>
    <t>2021BU09834303</t>
  </si>
  <si>
    <t>buurten.38a7c188-f9fe-46a4-a60c-b25e0fd98fb1</t>
  </si>
  <si>
    <t>BU09834401</t>
  </si>
  <si>
    <t>Kern Arcen</t>
  </si>
  <si>
    <t>WK098344</t>
  </si>
  <si>
    <t>2021BU09834401</t>
  </si>
  <si>
    <t>buurten.d5e8946b-8649-4276-bc5c-f6e6cfe25ebb</t>
  </si>
  <si>
    <t>BU09834402</t>
  </si>
  <si>
    <t>Lingsfort</t>
  </si>
  <si>
    <t>2021BU09834402</t>
  </si>
  <si>
    <t>buurten.12322a36-9aff-45b4-9e44-1cf07f36da44</t>
  </si>
  <si>
    <t>BU09834403</t>
  </si>
  <si>
    <t>Brandemolen en Veld</t>
  </si>
  <si>
    <t>2021BU09834403</t>
  </si>
  <si>
    <t>buurten.538c3d06-2f85-40a9-aa20-da455e158df7</t>
  </si>
  <si>
    <t>BU09834404</t>
  </si>
  <si>
    <t>Verspreide huizen arcen</t>
  </si>
  <si>
    <t>2021BU09834404</t>
  </si>
  <si>
    <t>buurten.478a48bd-78b9-4981-9913-097c0830d969</t>
  </si>
  <si>
    <t>BU09835101</t>
  </si>
  <si>
    <t>Kern Belfeld</t>
  </si>
  <si>
    <t>WK098351</t>
  </si>
  <si>
    <t>2021BU09835101</t>
  </si>
  <si>
    <t>buurten.7bcea023-5046-47d0-9dfa-cd8171aab447</t>
  </si>
  <si>
    <t>PL0983010012</t>
  </si>
  <si>
    <t>BU09835102</t>
  </si>
  <si>
    <t>Gebied patersweg</t>
  </si>
  <si>
    <t>2021BU09835102</t>
  </si>
  <si>
    <t>buurten.321b74a5-4354-4514-bdfb-6897f158ae78</t>
  </si>
  <si>
    <t>BU09835103</t>
  </si>
  <si>
    <t>Bolenberg</t>
  </si>
  <si>
    <t>2021BU09835103</t>
  </si>
  <si>
    <t>buurten.09a45b99-34e1-4de4-9b8e-2a0b83dadf23</t>
  </si>
  <si>
    <t>BU09835104</t>
  </si>
  <si>
    <t>Aan de Stuw</t>
  </si>
  <si>
    <t>2021BU09835104</t>
  </si>
  <si>
    <t>buurten.18e41375-2475-473a-a944-db5f73362dc6</t>
  </si>
  <si>
    <t>BU09835105</t>
  </si>
  <si>
    <t>Witveld</t>
  </si>
  <si>
    <t>2021BU09835105</t>
  </si>
  <si>
    <t>buurten.33e99fd9-0179-4002-bfd0-868899cbd80c</t>
  </si>
  <si>
    <t>BU09835106</t>
  </si>
  <si>
    <t>Geloérveld / Pannenberg</t>
  </si>
  <si>
    <t>2021BU09835106</t>
  </si>
  <si>
    <t>buurten.62c01086-38c2-407b-9064-bb7d93e182a2</t>
  </si>
  <si>
    <t>BU09835107</t>
  </si>
  <si>
    <t>Geloö</t>
  </si>
  <si>
    <t>2021BU09835107</t>
  </si>
  <si>
    <t>buurten.b91b1d24-40d0-44e1-9e18-8aae864556e9</t>
  </si>
  <si>
    <t>BU09835108</t>
  </si>
  <si>
    <t>Maalbeek</t>
  </si>
  <si>
    <t>2021BU09835108</t>
  </si>
  <si>
    <t>buurten.d951cc7c-cba8-4fbd-b031-e929fe30494b</t>
  </si>
  <si>
    <t>BU09840101</t>
  </si>
  <si>
    <t>WK098401</t>
  </si>
  <si>
    <t>GM0984</t>
  </si>
  <si>
    <t>Venray</t>
  </si>
  <si>
    <t>2021BU09840101</t>
  </si>
  <si>
    <t>buurten.0012b766-a664-42aa-8b31-f551b664ec0f</t>
  </si>
  <si>
    <t>BU09840201</t>
  </si>
  <si>
    <t>Ysselsteyn</t>
  </si>
  <si>
    <t>WK098402</t>
  </si>
  <si>
    <t>2021BU09840201</t>
  </si>
  <si>
    <t>buurten.7e844965-2cb1-42d3-a7f2-c381dc14b6a9</t>
  </si>
  <si>
    <t>BU09840301</t>
  </si>
  <si>
    <t>Merselo</t>
  </si>
  <si>
    <t>WK098403</t>
  </si>
  <si>
    <t>2021BU09840301</t>
  </si>
  <si>
    <t>buurten.a4edf8d9-caba-4dc5-9a95-38e47465d671</t>
  </si>
  <si>
    <t>BU09840401</t>
  </si>
  <si>
    <t>Vredepeel</t>
  </si>
  <si>
    <t>WK098404</t>
  </si>
  <si>
    <t>2021BU09840401</t>
  </si>
  <si>
    <t>buurten.7a2b281f-2e61-4de5-a8ab-7d7816aa8e0d</t>
  </si>
  <si>
    <t>BU09840501</t>
  </si>
  <si>
    <t>Smakt</t>
  </si>
  <si>
    <t>WK098405</t>
  </si>
  <si>
    <t>2021BU09840501</t>
  </si>
  <si>
    <t>buurten.66de254b-8ddd-441e-87d0-75d9dafedce3</t>
  </si>
  <si>
    <t>BU09840601</t>
  </si>
  <si>
    <t>Oostrum</t>
  </si>
  <si>
    <t>WK098406</t>
  </si>
  <si>
    <t>2021BU09840601</t>
  </si>
  <si>
    <t>buurten.484a4048-b9a9-423b-9951-b6b23f1fa24f</t>
  </si>
  <si>
    <t>BU09840701</t>
  </si>
  <si>
    <t>Oirlo</t>
  </si>
  <si>
    <t>WK098407</t>
  </si>
  <si>
    <t>2021BU09840701</t>
  </si>
  <si>
    <t>buurten.c1566b17-16a6-443e-9853-f35af9c47bf3</t>
  </si>
  <si>
    <t>BU09840801</t>
  </si>
  <si>
    <t>Castenray</t>
  </si>
  <si>
    <t>WK098408</t>
  </si>
  <si>
    <t>2021BU09840801</t>
  </si>
  <si>
    <t>buurten.c1af8318-c2b2-48f4-ba1f-b82dc81b0735</t>
  </si>
  <si>
    <t>BU09840901</t>
  </si>
  <si>
    <t>Veulen</t>
  </si>
  <si>
    <t>WK098409</t>
  </si>
  <si>
    <t>2021BU09840901</t>
  </si>
  <si>
    <t>buurten.43a10994-0d6a-4fe0-8a89-35434f796277</t>
  </si>
  <si>
    <t>BU09841001</t>
  </si>
  <si>
    <t>Leunen</t>
  </si>
  <si>
    <t>WK098410</t>
  </si>
  <si>
    <t>2021BU09841001</t>
  </si>
  <si>
    <t>buurten.ad37c811-476b-4233-86c8-1686faf44b9f</t>
  </si>
  <si>
    <t>BU09841101</t>
  </si>
  <si>
    <t>WK098411</t>
  </si>
  <si>
    <t>2021BU09841101</t>
  </si>
  <si>
    <t>buurten.39df5041-f90a-4f88-8a4e-01c79b1af393</t>
  </si>
  <si>
    <t>BU09841201</t>
  </si>
  <si>
    <t>Burggraaf</t>
  </si>
  <si>
    <t>WK098412</t>
  </si>
  <si>
    <t>2021BU09841201</t>
  </si>
  <si>
    <t>buurten.f2e6e3e9-123b-4404-8033-5d227370b0c4</t>
  </si>
  <si>
    <t>BU09841202</t>
  </si>
  <si>
    <t>2021BU09841202</t>
  </si>
  <si>
    <t>buurten.a43c0c94-26bd-4552-8fd5-004ef1b49e06</t>
  </si>
  <si>
    <t>BU09841203</t>
  </si>
  <si>
    <t>2021BU09841203</t>
  </si>
  <si>
    <t>buurten.4bfcbe31-fe1c-4e49-8a39-0d5ce749256e</t>
  </si>
  <si>
    <t>BU09841301</t>
  </si>
  <si>
    <t>Noordwest</t>
  </si>
  <si>
    <t>WK098413</t>
  </si>
  <si>
    <t>2021BU09841301</t>
  </si>
  <si>
    <t>buurten.00a96291-a06e-4e6c-ab59-700539f0cef1</t>
  </si>
  <si>
    <t>BU09841302</t>
  </si>
  <si>
    <t>West midden</t>
  </si>
  <si>
    <t>2021BU09841302</t>
  </si>
  <si>
    <t>buurten.6cde94f9-3d0b-4dc1-9291-b3ed18261bf7</t>
  </si>
  <si>
    <t>BU09841303</t>
  </si>
  <si>
    <t>West zuid</t>
  </si>
  <si>
    <t>2021BU09841303</t>
  </si>
  <si>
    <t>buurten.c59dd1d6-845b-434c-9bc4-dcc5395aed4e</t>
  </si>
  <si>
    <t>BU09841401</t>
  </si>
  <si>
    <t>Vlakwater</t>
  </si>
  <si>
    <t>WK098414</t>
  </si>
  <si>
    <t>2021BU09841401</t>
  </si>
  <si>
    <t>buurten.baa7ca35-d012-4f93-a439-6550b5721738</t>
  </si>
  <si>
    <t>BU09841501</t>
  </si>
  <si>
    <t>Veltum 1</t>
  </si>
  <si>
    <t>WK098415</t>
  </si>
  <si>
    <t>2021BU09841501</t>
  </si>
  <si>
    <t>buurten.d269edd5-f253-4127-8939-5d352881ddd9</t>
  </si>
  <si>
    <t>BU09841502</t>
  </si>
  <si>
    <t>Veltum 2</t>
  </si>
  <si>
    <t>2021BU09841502</t>
  </si>
  <si>
    <t>buurten.44315381-e0b8-4255-85b2-9944b88c84b8</t>
  </si>
  <si>
    <t>BU09841601</t>
  </si>
  <si>
    <t>Brukske 1</t>
  </si>
  <si>
    <t>WK098416</t>
  </si>
  <si>
    <t>2021BU09841601</t>
  </si>
  <si>
    <t>buurten.44fe1136-df4f-4065-bcaa-1a2768ff581a</t>
  </si>
  <si>
    <t>BU09841602</t>
  </si>
  <si>
    <t>Brukske 2</t>
  </si>
  <si>
    <t>2021BU09841602</t>
  </si>
  <si>
    <t>buurten.691a697d-40aa-4cde-a303-47053c05dcfc</t>
  </si>
  <si>
    <t>BU09841701</t>
  </si>
  <si>
    <t>Landweert 1</t>
  </si>
  <si>
    <t>WK098417</t>
  </si>
  <si>
    <t>2021BU09841701</t>
  </si>
  <si>
    <t>buurten.34d37824-a81f-493d-807d-a4f60fc9ae8d</t>
  </si>
  <si>
    <t>BU09841702</t>
  </si>
  <si>
    <t>Landweert 2</t>
  </si>
  <si>
    <t>2021BU09841702</t>
  </si>
  <si>
    <t>buurten.969dd324-a1ec-459c-aea8-f6e66579d071</t>
  </si>
  <si>
    <t>BU09841703</t>
  </si>
  <si>
    <t>Landweert 3</t>
  </si>
  <si>
    <t>2021BU09841703</t>
  </si>
  <si>
    <t>buurten.da6fc195-ae10-4c9a-88a2-db59c1e0310e</t>
  </si>
  <si>
    <t>BU09841704</t>
  </si>
  <si>
    <t>Keizersveld</t>
  </si>
  <si>
    <t>2021BU09841704</t>
  </si>
  <si>
    <t>buurten.49688f14-2a55-4cc4-9ef8-ef431ad5634f</t>
  </si>
  <si>
    <t>BU09841801</t>
  </si>
  <si>
    <t>Smakterheide</t>
  </si>
  <si>
    <t>WK098418</t>
  </si>
  <si>
    <t>2021BU09841801</t>
  </si>
  <si>
    <t>buurten.9b575f41-de81-498e-800d-a75fe9f204d0</t>
  </si>
  <si>
    <t>BU09841901</t>
  </si>
  <si>
    <t>Brabander</t>
  </si>
  <si>
    <t>WK098419</t>
  </si>
  <si>
    <t>2021BU09841901</t>
  </si>
  <si>
    <t>buurten.2f3a17c6-a7d2-4857-883f-7ff912f550b3</t>
  </si>
  <si>
    <t>BU09842001</t>
  </si>
  <si>
    <t>St. Antoniusveld</t>
  </si>
  <si>
    <t>WK098420</t>
  </si>
  <si>
    <t>2021BU09842001</t>
  </si>
  <si>
    <t>buurten.ce8aa97e-27c2-4d35-bb91-3aa07e7a2f3a</t>
  </si>
  <si>
    <t>BU09842101</t>
  </si>
  <si>
    <t>Wanssum</t>
  </si>
  <si>
    <t>WK098421</t>
  </si>
  <si>
    <t>2021BU09842101</t>
  </si>
  <si>
    <t>buurten.8477afa6-86c2-4fa9-9527-f54df83c1964</t>
  </si>
  <si>
    <t>BU09842201</t>
  </si>
  <si>
    <t>Geijsteren</t>
  </si>
  <si>
    <t>WK098422</t>
  </si>
  <si>
    <t>2021BU09842201</t>
  </si>
  <si>
    <t>buurten.c3d25e70-7099-4f3b-a2de-b41306346e7d</t>
  </si>
  <si>
    <t>BU09842301</t>
  </si>
  <si>
    <t>Blitterswijck</t>
  </si>
  <si>
    <t>WK098423</t>
  </si>
  <si>
    <t>2021BU09842301</t>
  </si>
  <si>
    <t>buurten.97e6e2b0-b09e-45d1-bc92-edbbf17edecf</t>
  </si>
  <si>
    <t>BU09860101</t>
  </si>
  <si>
    <t>Voerendaal</t>
  </si>
  <si>
    <t>WK098601</t>
  </si>
  <si>
    <t>GM0986</t>
  </si>
  <si>
    <t>2021BU09860101</t>
  </si>
  <si>
    <t>buurten.725ea287-eb83-4e8b-b61a-1baddefd5191</t>
  </si>
  <si>
    <t>BU09860102</t>
  </si>
  <si>
    <t>Fromberg</t>
  </si>
  <si>
    <t>2021BU09860102</t>
  </si>
  <si>
    <t>buurten.9466eb62-a44c-460e-badd-02fa892518cd</t>
  </si>
  <si>
    <t>BU09860201</t>
  </si>
  <si>
    <t>Kunrade</t>
  </si>
  <si>
    <t>WK098602</t>
  </si>
  <si>
    <t>2021BU09860201</t>
  </si>
  <si>
    <t>buurten.8f98676c-9a1b-4c18-b3ec-965efb4041a7</t>
  </si>
  <si>
    <t>BU09860202</t>
  </si>
  <si>
    <t>Kunderberg</t>
  </si>
  <si>
    <t>2021BU09860202</t>
  </si>
  <si>
    <t>buurten.eaacb1c2-55ce-41a7-b762-2e96b19a1497</t>
  </si>
  <si>
    <t>BU09860203</t>
  </si>
  <si>
    <t>Winthagen</t>
  </si>
  <si>
    <t>2021BU09860203</t>
  </si>
  <si>
    <t>buurten.d59e8363-5035-41a8-9280-0c0010be92b5</t>
  </si>
  <si>
    <t>BU09860301</t>
  </si>
  <si>
    <t>Ubachsberg</t>
  </si>
  <si>
    <t>WK098603</t>
  </si>
  <si>
    <t>2021BU09860301</t>
  </si>
  <si>
    <t>buurten.991ea440-ef4d-46ca-8c8d-86e803cf71a4</t>
  </si>
  <si>
    <t>BU09860302</t>
  </si>
  <si>
    <t>Colmont</t>
  </si>
  <si>
    <t>2021BU09860302</t>
  </si>
  <si>
    <t>buurten.a2a0bfed-a7ca-4cf6-9862-1aa532740f66</t>
  </si>
  <si>
    <t>BU09860303</t>
  </si>
  <si>
    <t>Mingersborg</t>
  </si>
  <si>
    <t>2021BU09860303</t>
  </si>
  <si>
    <t>buurten.c9bb4d8a-43ec-4f98-bc2d-1e9a758557be</t>
  </si>
  <si>
    <t>BU09860401</t>
  </si>
  <si>
    <t>Klimmen</t>
  </si>
  <si>
    <t>WK098604</t>
  </si>
  <si>
    <t>2021BU09860401</t>
  </si>
  <si>
    <t>buurten.a908d02b-0f45-41de-973e-28683415528f</t>
  </si>
  <si>
    <t>BU09860402</t>
  </si>
  <si>
    <t>Craubeek</t>
  </si>
  <si>
    <t>2021BU09860402</t>
  </si>
  <si>
    <t>buurten.77e9893c-5a93-46ed-8b46-d9a408223661</t>
  </si>
  <si>
    <t>BU09860403</t>
  </si>
  <si>
    <t>Hellebeuk</t>
  </si>
  <si>
    <t>2021BU09860403</t>
  </si>
  <si>
    <t>buurten.1b31eebb-4608-462d-93aa-87ea66be708b</t>
  </si>
  <si>
    <t>BU09860404</t>
  </si>
  <si>
    <t>Retersbeek</t>
  </si>
  <si>
    <t>2021BU09860404</t>
  </si>
  <si>
    <t>buurten.fe323c34-103d-4abf-9783-3858c60bd2ca</t>
  </si>
  <si>
    <t>BU09860405</t>
  </si>
  <si>
    <t>Termaar</t>
  </si>
  <si>
    <t>2021BU09860405</t>
  </si>
  <si>
    <t>buurten.22ec71db-0e42-420c-a764-5c9bbb3a6a10</t>
  </si>
  <si>
    <t>BU09860406</t>
  </si>
  <si>
    <t>Weustenrade</t>
  </si>
  <si>
    <t>2021BU09860406</t>
  </si>
  <si>
    <t>buurten.039f09fe-2b3d-4b35-b03d-6b1b418e200c</t>
  </si>
  <si>
    <t>BU09860501</t>
  </si>
  <si>
    <t>Ransdaal</t>
  </si>
  <si>
    <t>WK098605</t>
  </si>
  <si>
    <t>2021BU09860501</t>
  </si>
  <si>
    <t>buurten.cee86ff5-ab7f-4f9a-83f8-9c797037bbd5</t>
  </si>
  <si>
    <t>BU09860900</t>
  </si>
  <si>
    <t>Verspreide huizen Voerendaal</t>
  </si>
  <si>
    <t>WK098609</t>
  </si>
  <si>
    <t>2021BU09860900</t>
  </si>
  <si>
    <t>buurten.b140e8a1-1f1e-4ac2-bff6-4e28e462356b</t>
  </si>
  <si>
    <t>BU09880101</t>
  </si>
  <si>
    <t>Boshoven-Vrakker</t>
  </si>
  <si>
    <t>WK098801</t>
  </si>
  <si>
    <t>GM0988</t>
  </si>
  <si>
    <t>2021BU09880101</t>
  </si>
  <si>
    <t>buurten.04e32e4c-156e-413d-b7c8-ac31b84f8992</t>
  </si>
  <si>
    <t>BU09880102</t>
  </si>
  <si>
    <t>Oud-Boshoven</t>
  </si>
  <si>
    <t>2021BU09880102</t>
  </si>
  <si>
    <t>buurten.ee69b7bc-90f4-4f8f-8223-aa908a295eb7</t>
  </si>
  <si>
    <t>BU09880103</t>
  </si>
  <si>
    <t>2021BU09880103</t>
  </si>
  <si>
    <t>buurten.876ca6d4-e30a-40fd-a179-5413a497c58f</t>
  </si>
  <si>
    <t>BU09880104</t>
  </si>
  <si>
    <t>Boshoven buitengebied</t>
  </si>
  <si>
    <t>2021BU09880104</t>
  </si>
  <si>
    <t>buurten.5efa5b6a-f757-41d7-bebf-3db9edb501b1</t>
  </si>
  <si>
    <t>De Transitievisie Warmte heeft tot doel om de stappen naar een aardgasvrije gemeente in 2050 globaal uit te stippelen. We schetsen het tijdspad: een indicatie in welke periode welke buurt van het aardgas af gaat. Voor de buurten waar we voor 2030 serieus</t>
  </si>
  <si>
    <t>Definitief/ in uitvoering. Buurten waar het mogelijk lijkt om op kortere termijn (voor 2035) aardgasvrij te worden. Voor deze buurten willen we in 2022 met het wijkuitvoeringsplan. Hierin staat de haalbaarheid (technisch en financieel) en het betrekken v</t>
  </si>
  <si>
    <t>Definitief. Het AZC heeft plannen voor herontwikkeling. Deze wordt aardgasvrij opgeleverd.</t>
  </si>
  <si>
    <t>Het is belangrijk dat woningeigenaren natuurlijke momenten, zoals een verbouwing, wel daadwerkelijk benutten. Daarom beginnen we vanaf nu met voorlichting geven aan bewoners. Wanneer blijkt dat er onvoldoende aanpassingen gedaan worden zal de einddatum h</t>
  </si>
  <si>
    <t>Uitgangspunten plannen:- Transparant- Energiebesparing- Bredeblik- Bewezen technieken- Nieuwe technieken- Laagste nationale kosten- Betaalbaar/draagkracht- Lokale mogelijkheden - Gezond en veilig</t>
  </si>
  <si>
    <t>Voor 2035 (deels) aardgasvrij</t>
  </si>
  <si>
    <t>BU09880105</t>
  </si>
  <si>
    <t>Industrieterrein Boshoverheide</t>
  </si>
  <si>
    <t>2021BU09880105</t>
  </si>
  <si>
    <t>buurten.0984cd78-a4cf-4b31-acbc-67a79e8bf3b6</t>
  </si>
  <si>
    <t>BU09880201</t>
  </si>
  <si>
    <t>Laar</t>
  </si>
  <si>
    <t>WK098802</t>
  </si>
  <si>
    <t>2021BU09880201</t>
  </si>
  <si>
    <t>buurten.26a51cbc-841a-4001-b844-006b086d6505</t>
  </si>
  <si>
    <t>BU09880202</t>
  </si>
  <si>
    <t>Hushoven</t>
  </si>
  <si>
    <t>2021BU09880202</t>
  </si>
  <si>
    <t>buurten.218e833b-c644-4b4f-b2cf-01c342685668</t>
  </si>
  <si>
    <t>BU09880203</t>
  </si>
  <si>
    <t>Laar buitengebied</t>
  </si>
  <si>
    <t>2021BU09880203</t>
  </si>
  <si>
    <t>buurten.ddd5fc12-8dd9-4473-8cc1-ba50cad96fd3</t>
  </si>
  <si>
    <t>BU09880204</t>
  </si>
  <si>
    <t>Hulshoven buitengebied</t>
  </si>
  <si>
    <t>2021BU09880204</t>
  </si>
  <si>
    <t>buurten.73551c51-80b0-4d38-9840-5f4792fe84cc</t>
  </si>
  <si>
    <t>BU09880205</t>
  </si>
  <si>
    <t>Laarveld</t>
  </si>
  <si>
    <t>2021BU09880205</t>
  </si>
  <si>
    <t>buurten.2514c92c-bb9c-4dae-9eaa-7118186f6ecf</t>
  </si>
  <si>
    <t>BU09880301</t>
  </si>
  <si>
    <t>Molenakker</t>
  </si>
  <si>
    <t>WK098803</t>
  </si>
  <si>
    <t>2021BU09880301</t>
  </si>
  <si>
    <t>buurten.c6c7fb53-424e-4c5b-8c44-a27c82255c3d</t>
  </si>
  <si>
    <t>BU09880302</t>
  </si>
  <si>
    <t>Kampershoek</t>
  </si>
  <si>
    <t>2021BU09880302</t>
  </si>
  <si>
    <t>buurten.6d6210f9-60ec-41ca-9310-039375f4b64f</t>
  </si>
  <si>
    <t>BU09880303</t>
  </si>
  <si>
    <t>Kampershoek-Noord</t>
  </si>
  <si>
    <t>2021BU09880303</t>
  </si>
  <si>
    <t>buurten.a1fb15f7-1a04-45e6-8bcf-a25fa7be6985</t>
  </si>
  <si>
    <t>BU09881101</t>
  </si>
  <si>
    <t>Weert-Centrum</t>
  </si>
  <si>
    <t>WK098811</t>
  </si>
  <si>
    <t>2021BU09881101</t>
  </si>
  <si>
    <t>buurten.fdddc32d-ccba-4fe3-9e29-12c4ecb08e2b</t>
  </si>
  <si>
    <t>BU09881102</t>
  </si>
  <si>
    <t>Maaspoort</t>
  </si>
  <si>
    <t>2021BU09881102</t>
  </si>
  <si>
    <t>buurten.ebd87607-c98a-4e2c-90e1-954364896576</t>
  </si>
  <si>
    <t>BU09881201</t>
  </si>
  <si>
    <t>Biest</t>
  </si>
  <si>
    <t>WK098812</t>
  </si>
  <si>
    <t>2021BU09881201</t>
  </si>
  <si>
    <t>buurten.27fcc894-4660-48d3-ab17-da1a455e4ab5</t>
  </si>
  <si>
    <t>BU09881301</t>
  </si>
  <si>
    <t>Groenewoud-Noord</t>
  </si>
  <si>
    <t>WK098813</t>
  </si>
  <si>
    <t>2021BU09881301</t>
  </si>
  <si>
    <t>buurten.37d2a1d7-26b0-4202-baee-47affb18bd4c</t>
  </si>
  <si>
    <t>BU09881302</t>
  </si>
  <si>
    <t>Groenewoud-Zuid</t>
  </si>
  <si>
    <t>2021BU09881302</t>
  </si>
  <si>
    <t>buurten.8b62b6f3-9037-4db2-9650-73a986249c45</t>
  </si>
  <si>
    <t>BU09881401</t>
  </si>
  <si>
    <t>Fatima</t>
  </si>
  <si>
    <t>WK098814</t>
  </si>
  <si>
    <t>2021BU09881401</t>
  </si>
  <si>
    <t>buurten.e2380893-d1b8-44b2-93fc-84a18df10fff</t>
  </si>
  <si>
    <t>BU09881402</t>
  </si>
  <si>
    <t>Industrieterrein Fatima</t>
  </si>
  <si>
    <t>2021BU09881402</t>
  </si>
  <si>
    <t>buurten.c5f857ce-d18e-47d2-8075-96464dcfc9bb</t>
  </si>
  <si>
    <t>BU09882101</t>
  </si>
  <si>
    <t>WK098821</t>
  </si>
  <si>
    <t>2021BU09882101</t>
  </si>
  <si>
    <t>buurten.4e192097-17ac-4bee-b3b2-d979046d662d</t>
  </si>
  <si>
    <t>BU09882102</t>
  </si>
  <si>
    <t>Keent buitengebied</t>
  </si>
  <si>
    <t>2021BU09882102</t>
  </si>
  <si>
    <t>buurten.7964892f-1e76-4b8a-abcc-ee1bfa01d434</t>
  </si>
  <si>
    <t>BU09882201</t>
  </si>
  <si>
    <t>Moesel</t>
  </si>
  <si>
    <t>WK098822</t>
  </si>
  <si>
    <t>2021BU09882201</t>
  </si>
  <si>
    <t>buurten.66436d82-1f28-4f30-8193-a20b8571008a</t>
  </si>
  <si>
    <t>BU09882202</t>
  </si>
  <si>
    <t>Moesel buitengebied</t>
  </si>
  <si>
    <t>2021BU09882202</t>
  </si>
  <si>
    <t>buurten.0c2aedc5-509e-4088-b634-96a8d0566bbc</t>
  </si>
  <si>
    <t>BU09882301</t>
  </si>
  <si>
    <t>Graswinkel</t>
  </si>
  <si>
    <t>WK098823</t>
  </si>
  <si>
    <t>2021BU09882301</t>
  </si>
  <si>
    <t>buurten.d8839e95-ad26-48a0-bc65-fcf01178225a</t>
  </si>
  <si>
    <t>BU09882401</t>
  </si>
  <si>
    <t>Leuken</t>
  </si>
  <si>
    <t>WK098824</t>
  </si>
  <si>
    <t>2021BU09882401</t>
  </si>
  <si>
    <t>buurten.705d0639-3cca-4eba-b30a-9f6e9bbbf6c5</t>
  </si>
  <si>
    <t>BU09882402</t>
  </si>
  <si>
    <t>Industrieterrein Leuken</t>
  </si>
  <si>
    <t>2021BU09882402</t>
  </si>
  <si>
    <t>buurten.b05e2bdb-db77-442a-8d81-89ffc3450978</t>
  </si>
  <si>
    <t>BU09882403</t>
  </si>
  <si>
    <t>Leuken buitengebied</t>
  </si>
  <si>
    <t>2021BU09882403</t>
  </si>
  <si>
    <t>buurten.8a5b2223-1d98-412e-92bc-74f813745da4</t>
  </si>
  <si>
    <t>BU09882501</t>
  </si>
  <si>
    <t>Kazernelaan</t>
  </si>
  <si>
    <t>WK098825</t>
  </si>
  <si>
    <t>2021BU09882501</t>
  </si>
  <si>
    <t>buurten.99cadbd3-55cf-4d5e-94a9-23e9ce6518ac</t>
  </si>
  <si>
    <t>BU09882502</t>
  </si>
  <si>
    <t>Industrieterrein Boshoverbeek-Lozerweg</t>
  </si>
  <si>
    <t>2021BU09882502</t>
  </si>
  <si>
    <t>buurten.26fe6ad1-14a7-4994-b94b-f3b9f0d4a908</t>
  </si>
  <si>
    <t>BU09883101</t>
  </si>
  <si>
    <t>Altweerterheide</t>
  </si>
  <si>
    <t>WK098831</t>
  </si>
  <si>
    <t>2021BU09883101</t>
  </si>
  <si>
    <t>buurten.a007c146-ea4f-4c9c-a29f-4173f20c9311</t>
  </si>
  <si>
    <t>BU09883102</t>
  </si>
  <si>
    <t>Altweerterheide buitengebied</t>
  </si>
  <si>
    <t>2021BU09883102</t>
  </si>
  <si>
    <t>buurten.f021525a-bb5a-4624-b42c-2e3a4e8ce526</t>
  </si>
  <si>
    <t>BU09883201</t>
  </si>
  <si>
    <t>Tungelroy</t>
  </si>
  <si>
    <t>WK098832</t>
  </si>
  <si>
    <t>2021BU09883201</t>
  </si>
  <si>
    <t>buurten.7662ea32-efd1-454d-90e5-a47315341f1d</t>
  </si>
  <si>
    <t>BU09883202</t>
  </si>
  <si>
    <t>Tungelroy buitengebied</t>
  </si>
  <si>
    <t>2021BU09883202</t>
  </si>
  <si>
    <t>buurten.a201b9d8-7ef8-4660-9245-5524622c5369</t>
  </si>
  <si>
    <t>PL1640010001</t>
  </si>
  <si>
    <t>Haalbaarheidsonderzoek groen gas productie en distributie</t>
  </si>
  <si>
    <t>BU09883301</t>
  </si>
  <si>
    <t>Swartbroek</t>
  </si>
  <si>
    <t>WK098833</t>
  </si>
  <si>
    <t>2021BU09883301</t>
  </si>
  <si>
    <t>buurten.b27d7aa3-6ffb-4e15-8328-564e9ed975a3</t>
  </si>
  <si>
    <t>BU09883302</t>
  </si>
  <si>
    <t>Swartbroek buitengebied</t>
  </si>
  <si>
    <t>2021BU09883302</t>
  </si>
  <si>
    <t>buurten.7defa13a-e8c8-401b-b4ba-caaadf944f9a</t>
  </si>
  <si>
    <t>BU09883401</t>
  </si>
  <si>
    <t>Stramproy</t>
  </si>
  <si>
    <t>WK098834</t>
  </si>
  <si>
    <t>2021BU09883401</t>
  </si>
  <si>
    <t>buurten.534eb8f7-a8a9-4de6-9099-9409598b45ea</t>
  </si>
  <si>
    <t>BU09883402</t>
  </si>
  <si>
    <t>Stramproy buitengebied</t>
  </si>
  <si>
    <t>2021BU09883402</t>
  </si>
  <si>
    <t>buurten.ff451ffe-cf51-406f-8a5b-02b342f53804</t>
  </si>
  <si>
    <t>BU09940000</t>
  </si>
  <si>
    <t>WK099400</t>
  </si>
  <si>
    <t>2021BU09940000</t>
  </si>
  <si>
    <t>buurten.26e8d5a7-aa12-4f78-97dd-e74e8099549c</t>
  </si>
  <si>
    <t>BU09940001</t>
  </si>
  <si>
    <t>Broekhem Zuid</t>
  </si>
  <si>
    <t>2021BU09940001</t>
  </si>
  <si>
    <t>buurten.06d64e92-f2e5-407a-9ff8-b3c1a3ac75ad</t>
  </si>
  <si>
    <t>BU09940002</t>
  </si>
  <si>
    <t>Broekhem Noord</t>
  </si>
  <si>
    <t>2021BU09940002</t>
  </si>
  <si>
    <t>buurten.41794ee3-4849-4498-9c40-4adf3d1769ee</t>
  </si>
  <si>
    <t>BU09940003</t>
  </si>
  <si>
    <t>Emmaberg</t>
  </si>
  <si>
    <t>2021BU09940003</t>
  </si>
  <si>
    <t>buurten.262de1ea-b123-442d-bdd9-37e2f1cf9890</t>
  </si>
  <si>
    <t>BU09940004</t>
  </si>
  <si>
    <t>De Heek</t>
  </si>
  <si>
    <t>2021BU09940004</t>
  </si>
  <si>
    <t>buurten.95cb24c2-7494-451c-a529-bdb5b0b4d21c</t>
  </si>
  <si>
    <t>BU09940005</t>
  </si>
  <si>
    <t>De Valkenberg</t>
  </si>
  <si>
    <t>2021BU09940005</t>
  </si>
  <si>
    <t>buurten.c890a131-1d47-4b8a-8e2c-ed80c4c0b95d</t>
  </si>
  <si>
    <t>BU09940006</t>
  </si>
  <si>
    <t>Hekerbeek</t>
  </si>
  <si>
    <t>2021BU09940006</t>
  </si>
  <si>
    <t>buurten.e224dd9a-9824-4feb-b8e9-4355ff4fe876</t>
  </si>
  <si>
    <t>BU09940007</t>
  </si>
  <si>
    <t>Plenkert</t>
  </si>
  <si>
    <t>2021BU09940007</t>
  </si>
  <si>
    <t>buurten.a2b72260-e2fa-42c9-b5e2-0381cd9f2e86</t>
  </si>
  <si>
    <t>BU09940008</t>
  </si>
  <si>
    <t>Euverem</t>
  </si>
  <si>
    <t>2021BU09940008</t>
  </si>
  <si>
    <t>buurten.1b8f954c-f42e-48a2-9902-0b2626a2fb2a</t>
  </si>
  <si>
    <t>BU09940100</t>
  </si>
  <si>
    <t>Sint Gerlach</t>
  </si>
  <si>
    <t>WK099401</t>
  </si>
  <si>
    <t>2021BU09940100</t>
  </si>
  <si>
    <t>buurten.a6fdd80d-ce39-4d2d-a726-695ed52ef168</t>
  </si>
  <si>
    <t>BU09940101</t>
  </si>
  <si>
    <t>Vroenhof</t>
  </si>
  <si>
    <t>2021BU09940101</t>
  </si>
  <si>
    <t>buurten.99553776-0415-435f-85df-2449c37cb616</t>
  </si>
  <si>
    <t>BU09940102</t>
  </si>
  <si>
    <t>Strabeek</t>
  </si>
  <si>
    <t>2021BU09940102</t>
  </si>
  <si>
    <t>buurten.53dc2a22-aef8-4e8c-9482-f197d88fde01</t>
  </si>
  <si>
    <t>BU09940103</t>
  </si>
  <si>
    <t>Houthemerveld</t>
  </si>
  <si>
    <t>2021BU09940103</t>
  </si>
  <si>
    <t>buurten.8537e9fe-c74c-4ed0-b476-e53d8347131e</t>
  </si>
  <si>
    <t>BU09940104</t>
  </si>
  <si>
    <t>Ravensbosch</t>
  </si>
  <si>
    <t>2021BU09940104</t>
  </si>
  <si>
    <t>buurten.28e48c33-7715-4f1f-bef7-e3751bb167fc</t>
  </si>
  <si>
    <t>BU09940200</t>
  </si>
  <si>
    <t>Schin op Geul</t>
  </si>
  <si>
    <t>WK099402</t>
  </si>
  <si>
    <t>2021BU09940200</t>
  </si>
  <si>
    <t>buurten.74367ad7-f9d9-4986-a796-a58c0ff012b7</t>
  </si>
  <si>
    <t>BU09940201</t>
  </si>
  <si>
    <t>Schoonbron</t>
  </si>
  <si>
    <t>2021BU09940201</t>
  </si>
  <si>
    <t>buurten.bd6a1c32-26ae-49d7-84b6-d32aac2eb37b</t>
  </si>
  <si>
    <t>BU09940202</t>
  </si>
  <si>
    <t>Oud-Valkenburg</t>
  </si>
  <si>
    <t>2021BU09940202</t>
  </si>
  <si>
    <t>buurten.72b5073f-bb35-4734-a2d4-a0efc1b54403</t>
  </si>
  <si>
    <t>BU09940203</t>
  </si>
  <si>
    <t>Strucht</t>
  </si>
  <si>
    <t>2021BU09940203</t>
  </si>
  <si>
    <t>buurten.c0beb942-7bcf-4dfc-bc65-12f8d7832c31</t>
  </si>
  <si>
    <t>BU09940204</t>
  </si>
  <si>
    <t>Gerendal</t>
  </si>
  <si>
    <t>2021BU09940204</t>
  </si>
  <si>
    <t>buurten.c9fd732a-95c2-4369-9862-d7921f6d393e</t>
  </si>
  <si>
    <t>BU09940205</t>
  </si>
  <si>
    <t>Keutenberg - Sousberg</t>
  </si>
  <si>
    <t>2021BU09940205</t>
  </si>
  <si>
    <t>buurten.e2664c96-0ee8-4dce-b662-9da0584cac05</t>
  </si>
  <si>
    <t>BU09940206</t>
  </si>
  <si>
    <t>De Kluis</t>
  </si>
  <si>
    <t>2021BU09940206</t>
  </si>
  <si>
    <t>buurten.f297c0a5-66ee-4517-af71-d7194ac3b64c</t>
  </si>
  <si>
    <t>BU09940300</t>
  </si>
  <si>
    <t>Sibbe</t>
  </si>
  <si>
    <t>WK099403</t>
  </si>
  <si>
    <t>2021BU09940300</t>
  </si>
  <si>
    <t>buurten.be00334e-fa2a-453a-8bdb-82eb7e224a1e</t>
  </si>
  <si>
    <t>BU09940301</t>
  </si>
  <si>
    <t>IJzeren</t>
  </si>
  <si>
    <t>2021BU09940301</t>
  </si>
  <si>
    <t>buurten.695dd47b-4c13-473a-a94a-9cb0af8b55e2</t>
  </si>
  <si>
    <t>BU09940302</t>
  </si>
  <si>
    <t>Vilterveld</t>
  </si>
  <si>
    <t>2021BU09940302</t>
  </si>
  <si>
    <t>buurten.adff0f53-0eb8-45bb-9237-a7d4f209b700</t>
  </si>
  <si>
    <t>BU09940400</t>
  </si>
  <si>
    <t>WK099404</t>
  </si>
  <si>
    <t>2021BU09940400</t>
  </si>
  <si>
    <t>buurten.dab2b106-269b-4117-b319-0f654ee081a5</t>
  </si>
  <si>
    <t>BU09940401</t>
  </si>
  <si>
    <t>Terblijt</t>
  </si>
  <si>
    <t>2021BU09940401</t>
  </si>
  <si>
    <t>buurten.fb29e9e7-2341-4772-b969-2c96ff8501b7</t>
  </si>
  <si>
    <t>BU09940402</t>
  </si>
  <si>
    <t>Vilt</t>
  </si>
  <si>
    <t>2021BU09940402</t>
  </si>
  <si>
    <t>buurten.5ff3e0c8-451a-4f8d-883d-09b893cec372</t>
  </si>
  <si>
    <t>BU09940403</t>
  </si>
  <si>
    <t>Geulhem</t>
  </si>
  <si>
    <t>2021BU09940403</t>
  </si>
  <si>
    <t>buurten.f0c6a038-b818-4a7f-9a3a-8d5472dcd7f5</t>
  </si>
  <si>
    <t>BU09940404</t>
  </si>
  <si>
    <t>Rasberg</t>
  </si>
  <si>
    <t>2021BU09940404</t>
  </si>
  <si>
    <t>buurten.b6c347f6-1ba5-47d2-9550-ee46c91cf0c5</t>
  </si>
  <si>
    <t>BU09940405</t>
  </si>
  <si>
    <t>Bergse Heide</t>
  </si>
  <si>
    <t>2021BU09940405</t>
  </si>
  <si>
    <t>buurten.45f78d3e-28e8-48de-900e-cb2fff7e419b</t>
  </si>
  <si>
    <t>BU09940406</t>
  </si>
  <si>
    <t>Vilter Heide</t>
  </si>
  <si>
    <t>2021BU09940406</t>
  </si>
  <si>
    <t>buurten.8ce14c28-497b-4a38-a120-dd1852353a99</t>
  </si>
  <si>
    <t>BU09940500</t>
  </si>
  <si>
    <t>Walem</t>
  </si>
  <si>
    <t>WK099405</t>
  </si>
  <si>
    <t>2021BU09940500</t>
  </si>
  <si>
    <t>buurten.dfdef73a-881c-450a-8abe-f478805cfe9b</t>
  </si>
  <si>
    <t>BU09950110</t>
  </si>
  <si>
    <t>Kofschip, SGL</t>
  </si>
  <si>
    <t>WK099501</t>
  </si>
  <si>
    <t>2021BU09950110</t>
  </si>
  <si>
    <t>buurten.e5a211ac-29d5-46f0-b76f-73236940abb4</t>
  </si>
  <si>
    <t>fase 1</t>
  </si>
  <si>
    <t>warmtenet o.b.v. geothermie</t>
  </si>
  <si>
    <t>koppeling met IGLO projekt biedt grote kansen.</t>
  </si>
  <si>
    <t>BU09950111</t>
  </si>
  <si>
    <t>Zuiderzeelaan, Waddenlaan</t>
  </si>
  <si>
    <t>2021BU09950111</t>
  </si>
  <si>
    <t>buurten.5a6c2ba2-4bf1-46cf-95f3-ccd78adb4674</t>
  </si>
  <si>
    <t>BU09950112</t>
  </si>
  <si>
    <t>IJssellaan</t>
  </si>
  <si>
    <t>2021BU09950112</t>
  </si>
  <si>
    <t>buurten.f056e2d0-cf29-4be5-be20-00ea34de5b08</t>
  </si>
  <si>
    <t>er is nog geen duidelijke voorkeursoptie te benoemen. (warmtenet of all-electric)</t>
  </si>
  <si>
    <t>BU09950113</t>
  </si>
  <si>
    <t>Langezand</t>
  </si>
  <si>
    <t>2021BU09950113</t>
  </si>
  <si>
    <t>buurten.162b2440-b08d-4411-a946-721f94beb4db</t>
  </si>
  <si>
    <t>PL0995010003</t>
  </si>
  <si>
    <t>warmtenet of all-electric zonnecolectoren</t>
  </si>
  <si>
    <t>geothermie, warmtepomp, uitfaseren biomassa, zonnecollectoren</t>
  </si>
  <si>
    <t>geothermie, zon</t>
  </si>
  <si>
    <t>BU09950114</t>
  </si>
  <si>
    <t>Kofschip Noord</t>
  </si>
  <si>
    <t>2021BU09950114</t>
  </si>
  <si>
    <t>buurten.7d52c8ea-d000-4214-aaf5-87b8b9c82d89</t>
  </si>
  <si>
    <t>BU09950115</t>
  </si>
  <si>
    <t>Groene Velden</t>
  </si>
  <si>
    <t>2021BU09950115</t>
  </si>
  <si>
    <t>buurten.cba59e65-2cf3-4b11-982c-5b5cd05623c6</t>
  </si>
  <si>
    <t>BU09950117</t>
  </si>
  <si>
    <t>Overijsselse Hout</t>
  </si>
  <si>
    <t>2021BU09950117</t>
  </si>
  <si>
    <t>buurten.3249900e-5134-4c13-a987-6d9f2c5681c6</t>
  </si>
  <si>
    <t>BU09950118</t>
  </si>
  <si>
    <t>Bedrijventerrein Gildenhof</t>
  </si>
  <si>
    <t>2021BU09950118</t>
  </si>
  <si>
    <t>buurten.e5b32642-8ab4-4c97-b6fa-65afe343087a</t>
  </si>
  <si>
    <t>warmtenet, zonnecolectoren</t>
  </si>
  <si>
    <t>BU09950119</t>
  </si>
  <si>
    <t>Jagersveld</t>
  </si>
  <si>
    <t>2021BU09950119</t>
  </si>
  <si>
    <t>buurten.d0d61510-8d65-442c-ab02-61e730c1b6ce</t>
  </si>
  <si>
    <t>BU09950161</t>
  </si>
  <si>
    <t>Bastion</t>
  </si>
  <si>
    <t>2021BU09950161</t>
  </si>
  <si>
    <t>buurten.058aeadf-add3-4b8c-8c14-f1c0f6508576</t>
  </si>
  <si>
    <t>BU09950162</t>
  </si>
  <si>
    <t>Stadspark, Badweg, Langevelderslag</t>
  </si>
  <si>
    <t>2021BU09950162</t>
  </si>
  <si>
    <t>buurten.124df15c-0638-4fe0-89a6-a451a1144c38</t>
  </si>
  <si>
    <t>BU09950166</t>
  </si>
  <si>
    <t>Lelycentre, Maerlant</t>
  </si>
  <si>
    <t>2021BU09950166</t>
  </si>
  <si>
    <t>buurten.51b54802-5c64-4061-b31c-6fe79287ca0f</t>
  </si>
  <si>
    <t>BU09950172</t>
  </si>
  <si>
    <t>Sportpark Langezand</t>
  </si>
  <si>
    <t>2021BU09950172</t>
  </si>
  <si>
    <t>buurten.f386a575-f7d3-452f-91b6-cce6b40f08bf</t>
  </si>
  <si>
    <t>BU09950174</t>
  </si>
  <si>
    <t>Stiltebos, Camping de Houtrib</t>
  </si>
  <si>
    <t>2021BU09950174</t>
  </si>
  <si>
    <t>buurten.f450ad54-de9b-4098-aa95-9ff4caecf86f</t>
  </si>
  <si>
    <t>BU09950220</t>
  </si>
  <si>
    <t>WK099502</t>
  </si>
  <si>
    <t>2021BU09950220</t>
  </si>
  <si>
    <t>buurten.5897bfee-7633-4f8e-8dbf-1702e95b8cc2</t>
  </si>
  <si>
    <t>BU09950221</t>
  </si>
  <si>
    <t>Atol</t>
  </si>
  <si>
    <t>2021BU09950221</t>
  </si>
  <si>
    <t>buurten.106d1311-6c51-4ef2-8f4a-d2d2e4402e0b</t>
  </si>
  <si>
    <t>BU09950222</t>
  </si>
  <si>
    <t>Damrif, Kustrif, Gors, Zandbank</t>
  </si>
  <si>
    <t>2021BU09950222</t>
  </si>
  <si>
    <t>buurten.b89c299e-4e76-4a6a-bd86-0f67869f9b46</t>
  </si>
  <si>
    <t>BU09950223</t>
  </si>
  <si>
    <t>Bongerd, Buitenplaats</t>
  </si>
  <si>
    <t>2021BU09950223</t>
  </si>
  <si>
    <t>buurten.fdc56904-216f-422d-ab96-c4a5bb004897</t>
  </si>
  <si>
    <t>BU09950224</t>
  </si>
  <si>
    <t>2021BU09950224</t>
  </si>
  <si>
    <t>buurten.663fb6f1-6359-4e1d-ae46-882dea902604</t>
  </si>
  <si>
    <t>BU09950225</t>
  </si>
  <si>
    <t>Hofstede, Plantage, Wijngaard</t>
  </si>
  <si>
    <t>2021BU09950225</t>
  </si>
  <si>
    <t>buurten.d01959fb-1578-4d73-b3fd-6d474f838c43</t>
  </si>
  <si>
    <t>BU09950226</t>
  </si>
  <si>
    <t>Oostrandpark</t>
  </si>
  <si>
    <t>2021BU09950226</t>
  </si>
  <si>
    <t>buurten.568fe8b0-8d8e-4b96-ba9e-d2581fa3bf44</t>
  </si>
  <si>
    <t>BU09950227</t>
  </si>
  <si>
    <t>Buitenhof</t>
  </si>
  <si>
    <t>2021BU09950227</t>
  </si>
  <si>
    <t>buurten.be8f8123-508a-4aa2-b34d-f5ee63e9a1e7</t>
  </si>
  <si>
    <t>BU09950228</t>
  </si>
  <si>
    <t>De Meent</t>
  </si>
  <si>
    <t>2021BU09950228</t>
  </si>
  <si>
    <t>buurten.8b7e5cfd-94e5-4f59-9a78-d151411424bf</t>
  </si>
  <si>
    <t>PL0995010002</t>
  </si>
  <si>
    <t>geothermie, uitfaseren biomassa, zonnecollectoren</t>
  </si>
  <si>
    <t>BU09950310</t>
  </si>
  <si>
    <t>Wijkcentrum</t>
  </si>
  <si>
    <t>WK099503</t>
  </si>
  <si>
    <t>2021BU09950310</t>
  </si>
  <si>
    <t>buurten.06860834-4f96-41d5-9422-eb9f55ac79ce</t>
  </si>
  <si>
    <t>BU09950311</t>
  </si>
  <si>
    <t>Kamp</t>
  </si>
  <si>
    <t>2021BU09950311</t>
  </si>
  <si>
    <t>buurten.a1c0fe94-e8cf-4077-8cb5-d2027d903c88</t>
  </si>
  <si>
    <t>BU09950312</t>
  </si>
  <si>
    <t>2021BU09950312</t>
  </si>
  <si>
    <t>buurten.6b122837-796d-4375-9f32-15372d9f1803</t>
  </si>
  <si>
    <t>BU09950313</t>
  </si>
  <si>
    <t>Griend</t>
  </si>
  <si>
    <t>2021BU09950313</t>
  </si>
  <si>
    <t>buurten.9371d6f3-ec1b-475e-8f32-880d7ab43fa3</t>
  </si>
  <si>
    <t>BU09950314</t>
  </si>
  <si>
    <t>Zoom</t>
  </si>
  <si>
    <t>2021BU09950314</t>
  </si>
  <si>
    <t>buurten.c02ff2c0-f499-4f0e-884f-066c44ea1815</t>
  </si>
  <si>
    <t>BU09950315</t>
  </si>
  <si>
    <t>Wold</t>
  </si>
  <si>
    <t>2021BU09950315</t>
  </si>
  <si>
    <t>buurten.84ccfeed-f3d6-4219-9cd6-aebf123ca41c</t>
  </si>
  <si>
    <t>BU09950316</t>
  </si>
  <si>
    <t>Archipel, Beukenhof, Rozengaard</t>
  </si>
  <si>
    <t>2021BU09950316</t>
  </si>
  <si>
    <t>buurten.34f30ddf-9206-42f9-9935-e7de953b89ba</t>
  </si>
  <si>
    <t>BU09950317</t>
  </si>
  <si>
    <t>Woldpark, Houttuinen, Gelderse Hout</t>
  </si>
  <si>
    <t>2021BU09950317</t>
  </si>
  <si>
    <t>buurten.615b772a-0d74-4a3f-b00c-13caacb7695a</t>
  </si>
  <si>
    <t>BU09950420</t>
  </si>
  <si>
    <t>Wijkcentrum, Voorstraat</t>
  </si>
  <si>
    <t>WK099504</t>
  </si>
  <si>
    <t>2021BU09950420</t>
  </si>
  <si>
    <t>buurten.0b1b7a98-7076-4eb2-a677-2769e37ae286</t>
  </si>
  <si>
    <t>BU09950421</t>
  </si>
  <si>
    <t>Getijdenbuurt, Sportpark Doggersbank</t>
  </si>
  <si>
    <t>2021BU09950421</t>
  </si>
  <si>
    <t>buurten.d5f3231a-15ae-447a-9b85-0fc1663eed8d</t>
  </si>
  <si>
    <t>BU09950422</t>
  </si>
  <si>
    <t>Zeeenbuurt</t>
  </si>
  <si>
    <t>2021BU09950422</t>
  </si>
  <si>
    <t>buurten.fd0ebcf4-4811-4f69-8cb3-8b616f1f02f5</t>
  </si>
  <si>
    <t>BU09950423</t>
  </si>
  <si>
    <t>Zeestromen en Slotenbuurt</t>
  </si>
  <si>
    <t>2021BU09950423</t>
  </si>
  <si>
    <t>buurten.686210ce-f62b-4c94-9e74-bf905403af48</t>
  </si>
  <si>
    <t>BU09950424</t>
  </si>
  <si>
    <t>Merenbuurt</t>
  </si>
  <si>
    <t>2021BU09950424</t>
  </si>
  <si>
    <t>buurten.c295b228-2b1e-4482-ab50-da99aa2f91f8</t>
  </si>
  <si>
    <t>BU09950425</t>
  </si>
  <si>
    <t>2021BU09950425</t>
  </si>
  <si>
    <t>buurten.86b95c3a-64dd-4d3d-837c-55e6f3cf57fa</t>
  </si>
  <si>
    <t>in onderzoek; warmtenet</t>
  </si>
  <si>
    <t>BU09950428</t>
  </si>
  <si>
    <t>Bedrijventerrein Ketelmeerstraat</t>
  </si>
  <si>
    <t>2021BU09950428</t>
  </si>
  <si>
    <t>buurten.dd78be5e-100c-4351-87ab-9e3ae4b60bd6</t>
  </si>
  <si>
    <t>fase 2 Bedrijventerreinen</t>
  </si>
  <si>
    <t>BU09950431</t>
  </si>
  <si>
    <t>Landerijen Noord/West</t>
  </si>
  <si>
    <t>2021BU09950431</t>
  </si>
  <si>
    <t>buurten.7de91006-2fc2-4916-9b05-4aba7b4b2c84</t>
  </si>
  <si>
    <t>BU09950432</t>
  </si>
  <si>
    <t>Landerijen Zuid/West</t>
  </si>
  <si>
    <t>2021BU09950432</t>
  </si>
  <si>
    <t>buurten.102c9523-631f-4d65-aabe-d504185d20d4</t>
  </si>
  <si>
    <t>BU09950433</t>
  </si>
  <si>
    <t>Landerijen Noord/Oost</t>
  </si>
  <si>
    <t>2021BU09950433</t>
  </si>
  <si>
    <t>buurten.8ae3430f-b09d-467e-b9eb-4ea007dedeac</t>
  </si>
  <si>
    <t>BU09950434</t>
  </si>
  <si>
    <t>Landerijen Zuid/Oost</t>
  </si>
  <si>
    <t>2021BU09950434</t>
  </si>
  <si>
    <t>buurten.c26096d0-2c38-45d5-9835-27f8a8f312e9</t>
  </si>
  <si>
    <t>BU09950521</t>
  </si>
  <si>
    <t>Kempenaar Oost</t>
  </si>
  <si>
    <t>WK099505</t>
  </si>
  <si>
    <t>2021BU09950521</t>
  </si>
  <si>
    <t>buurten.10c6fde4-a3e4-4f50-ad05-ec8bb43dcf61</t>
  </si>
  <si>
    <t>BU09950522</t>
  </si>
  <si>
    <t>Kempenaar West</t>
  </si>
  <si>
    <t>2021BU09950522</t>
  </si>
  <si>
    <t>buurten.895c8cdd-27ec-46db-882f-baaaffc26f82</t>
  </si>
  <si>
    <t>BU09950523</t>
  </si>
  <si>
    <t>Kogge</t>
  </si>
  <si>
    <t>2021BU09950523</t>
  </si>
  <si>
    <t>buurten.b17f845f-edea-4b2f-8f2f-bf2daf09e410</t>
  </si>
  <si>
    <t>BU09950524</t>
  </si>
  <si>
    <t>Hanzepark</t>
  </si>
  <si>
    <t>2021BU09950524</t>
  </si>
  <si>
    <t>buurten.38a05c49-5a3d-4e32-840e-ba26f17b2079</t>
  </si>
  <si>
    <t>BU09950525</t>
  </si>
  <si>
    <t>Schouw</t>
  </si>
  <si>
    <t>2021BU09950525</t>
  </si>
  <si>
    <t>buurten.cd538cc2-621a-411d-96f9-db77936b91fc</t>
  </si>
  <si>
    <t>BU09950526</t>
  </si>
  <si>
    <t>Gondel</t>
  </si>
  <si>
    <t>2021BU09950526</t>
  </si>
  <si>
    <t>buurten.4f49e53b-ae38-4fdc-8101-7dcaf8e86c46</t>
  </si>
  <si>
    <t>BU09950527</t>
  </si>
  <si>
    <t>Sportpark Schouw</t>
  </si>
  <si>
    <t>2021BU09950527</t>
  </si>
  <si>
    <t>buurten.9fd0d9df-b297-4cc5-a9a8-6520637f3ce6</t>
  </si>
  <si>
    <t>BU09950528</t>
  </si>
  <si>
    <t>Bedrijventerrein Kempenaar</t>
  </si>
  <si>
    <t>2021BU09950528</t>
  </si>
  <si>
    <t>buurten.f2ee14a1-ed8a-42ef-922a-e6e6294e9979</t>
  </si>
  <si>
    <t>BU09950611</t>
  </si>
  <si>
    <t>Karveel Oost</t>
  </si>
  <si>
    <t>WK099506</t>
  </si>
  <si>
    <t>2021BU09950611</t>
  </si>
  <si>
    <t>buurten.4fb71391-3b76-489b-89c9-956ccc8c841e</t>
  </si>
  <si>
    <t>BU09950612</t>
  </si>
  <si>
    <t>Karveel West</t>
  </si>
  <si>
    <t>2021BU09950612</t>
  </si>
  <si>
    <t>buurten.d3db3891-b703-41de-9456-8e77a511a9c8</t>
  </si>
  <si>
    <t>BU09950613</t>
  </si>
  <si>
    <t>Boeier</t>
  </si>
  <si>
    <t>2021BU09950613</t>
  </si>
  <si>
    <t>buurten.e74fa821-bf8e-4fda-ae61-a6be93ed720d</t>
  </si>
  <si>
    <t>BU09950614</t>
  </si>
  <si>
    <t>Noordzoom Oost</t>
  </si>
  <si>
    <t>2021BU09950614</t>
  </si>
  <si>
    <t>buurten.fc95e87d-96d1-4a7d-a200-6bc05cbb24cc</t>
  </si>
  <si>
    <t>BU09950615</t>
  </si>
  <si>
    <t>Golfpark, Lommerrijk</t>
  </si>
  <si>
    <t>2021BU09950615</t>
  </si>
  <si>
    <t>buurten.09ab3346-d04f-499a-b552-5a65c71e0e56</t>
  </si>
  <si>
    <t>BU09950631</t>
  </si>
  <si>
    <t>Saerdam, Vliegend Hert, Fortuijn</t>
  </si>
  <si>
    <t>2021BU09950631</t>
  </si>
  <si>
    <t>buurten.59eccdb2-b5c6-428d-a557-df76f283acf1</t>
  </si>
  <si>
    <t>BU09950632</t>
  </si>
  <si>
    <t>Punter</t>
  </si>
  <si>
    <t>2021BU09950632</t>
  </si>
  <si>
    <t>buurten.8dce4cc2-c12c-4a44-bce8-0a70aed8a185</t>
  </si>
  <si>
    <t>BU09950633</t>
  </si>
  <si>
    <t>Jol</t>
  </si>
  <si>
    <t>2021BU09950633</t>
  </si>
  <si>
    <t>buurten.398d5881-68c5-4734-8c73-9b0354062017</t>
  </si>
  <si>
    <t>BU09950634</t>
  </si>
  <si>
    <t>Galjoen</t>
  </si>
  <si>
    <t>2021BU09950634</t>
  </si>
  <si>
    <t>buurten.988e998f-c7f4-470a-90be-66781d4eeb87</t>
  </si>
  <si>
    <t>BU09950635</t>
  </si>
  <si>
    <t>Park, Jol, Gajoen</t>
  </si>
  <si>
    <t>2021BU09950635</t>
  </si>
  <si>
    <t>buurten.6f99aa80-12b6-4d1d-9639-aa045c1045e4</t>
  </si>
  <si>
    <t>BU09950637</t>
  </si>
  <si>
    <t>Galjoen Zuid</t>
  </si>
  <si>
    <t>2021BU09950637</t>
  </si>
  <si>
    <t>buurten.b798a279-89b2-44ec-b49a-ecff7d58e14f</t>
  </si>
  <si>
    <t>BU09950638</t>
  </si>
  <si>
    <t>Bedrijventerrein Jol</t>
  </si>
  <si>
    <t>2021BU09950638</t>
  </si>
  <si>
    <t>buurten.ae650981-0ce8-4d3c-9a6e-748b867851e0</t>
  </si>
  <si>
    <t>BU09950651</t>
  </si>
  <si>
    <t>Houtribhoogte Zuid</t>
  </si>
  <si>
    <t>2021BU09950651</t>
  </si>
  <si>
    <t>buurten.b790d44b-5f9a-43e7-a879-67b5030184d9</t>
  </si>
  <si>
    <t>BU09950652</t>
  </si>
  <si>
    <t>Houtribhoogte Noord</t>
  </si>
  <si>
    <t>2021BU09950652</t>
  </si>
  <si>
    <t>buurten.b6944dc1-c11c-4ced-8f0b-7688fbae17e1</t>
  </si>
  <si>
    <t>BU09950671</t>
  </si>
  <si>
    <t>Volkstuinen Bosweg</t>
  </si>
  <si>
    <t>2021BU09950671</t>
  </si>
  <si>
    <t>buurten.ebe39de9-afd8-4356-984c-ea7e0c84e71e</t>
  </si>
  <si>
    <t>BU09950672</t>
  </si>
  <si>
    <t>Golfresort</t>
  </si>
  <si>
    <t>2021BU09950672</t>
  </si>
  <si>
    <t>buurten.d28c7767-f733-4f99-a055-dd279c391b8b</t>
  </si>
  <si>
    <t>BU09950711</t>
  </si>
  <si>
    <t>Landstrekenwijk Oost</t>
  </si>
  <si>
    <t>WK099507</t>
  </si>
  <si>
    <t>2021BU09950711</t>
  </si>
  <si>
    <t>buurten.1bb8bfdd-ae31-48cc-b92d-efe32b1dedf8</t>
  </si>
  <si>
    <t>BU09950712</t>
  </si>
  <si>
    <t>Landstrekenwijk Midden</t>
  </si>
  <si>
    <t>2021BU09950712</t>
  </si>
  <si>
    <t>buurten.40808157-91e4-4f03-89ec-ec9f4393f8e1</t>
  </si>
  <si>
    <t>BU09950713</t>
  </si>
  <si>
    <t>Landstrekenwijk West</t>
  </si>
  <si>
    <t>2021BU09950713</t>
  </si>
  <si>
    <t>buurten.aef1c817-eb22-4fe6-bef1-7603a507afdd</t>
  </si>
  <si>
    <t>BU09950731</t>
  </si>
  <si>
    <t>Grietenij</t>
  </si>
  <si>
    <t>2021BU09950731</t>
  </si>
  <si>
    <t>buurten.c615eb3d-fda7-467d-b3d3-8a295f5eb685</t>
  </si>
  <si>
    <t>BU09950732</t>
  </si>
  <si>
    <t>De Doelen, De Marken</t>
  </si>
  <si>
    <t>2021BU09950732</t>
  </si>
  <si>
    <t>buurten.1e8be032-029a-4c01-9f6d-474236744e96</t>
  </si>
  <si>
    <t>BU09950733</t>
  </si>
  <si>
    <t>De Meierij, Kerspel</t>
  </si>
  <si>
    <t>2021BU09950733</t>
  </si>
  <si>
    <t>buurten.f504e76e-c4d8-4660-86b1-5ed07196dab2</t>
  </si>
  <si>
    <t>BU09950734</t>
  </si>
  <si>
    <t>Bedrijventerrein Middendreef</t>
  </si>
  <si>
    <t>2021BU09950734</t>
  </si>
  <si>
    <t>buurten.367fbc72-7cd2-483e-8f89-df87527a79aa</t>
  </si>
  <si>
    <t>BU09950741</t>
  </si>
  <si>
    <t>Botter Oost</t>
  </si>
  <si>
    <t>2021BU09950741</t>
  </si>
  <si>
    <t>buurten.b5e8f8a3-4dd0-4697-8b23-1a3ed5317aab</t>
  </si>
  <si>
    <t>BU09950742</t>
  </si>
  <si>
    <t>Botter West</t>
  </si>
  <si>
    <t>2021BU09950742</t>
  </si>
  <si>
    <t>buurten.4f3aad9b-93aa-4acf-905a-f018b62901e3</t>
  </si>
  <si>
    <t>BU09950743</t>
  </si>
  <si>
    <t>Tjalk</t>
  </si>
  <si>
    <t>2021BU09950743</t>
  </si>
  <si>
    <t>buurten.cf550472-17fa-4f9d-8ec0-61e0d1ecc9a3</t>
  </si>
  <si>
    <t>BU09950744</t>
  </si>
  <si>
    <t>Schoener</t>
  </si>
  <si>
    <t>2021BU09950744</t>
  </si>
  <si>
    <t>buurten.613f08f7-5957-4928-b70d-eab79f84cdec</t>
  </si>
  <si>
    <t>BU09950747</t>
  </si>
  <si>
    <t>Park Schoener</t>
  </si>
  <si>
    <t>2021BU09950747</t>
  </si>
  <si>
    <t>buurten.4b212b7f-e0bb-4f54-973d-29ba4464d306</t>
  </si>
  <si>
    <t>BU09950748</t>
  </si>
  <si>
    <t>Bedrijventerrein Tjalk</t>
  </si>
  <si>
    <t>2021BU09950748</t>
  </si>
  <si>
    <t>buurten.34c6a49e-2b2b-40d4-95c1-7d85dac7406b</t>
  </si>
  <si>
    <t>BU09950766</t>
  </si>
  <si>
    <t>Het Ravelijn, Ziekenhuisweg</t>
  </si>
  <si>
    <t>2021BU09950766</t>
  </si>
  <si>
    <t>buurten.f7cda09f-0856-4c9b-a1b0-bc89f7c0973a</t>
  </si>
  <si>
    <t>BU09950822</t>
  </si>
  <si>
    <t>Hollandse Hout (Villapark)</t>
  </si>
  <si>
    <t>WK099508</t>
  </si>
  <si>
    <t>2021BU09950822</t>
  </si>
  <si>
    <t>buurten.a1a69eb7-c06c-46ce-aead-70a59891bb39</t>
  </si>
  <si>
    <t>BU09950836</t>
  </si>
  <si>
    <t>Oostvaardersdijk, Meerdijkhaven</t>
  </si>
  <si>
    <t>2021BU09950836</t>
  </si>
  <si>
    <t>buurten.eea984e2-cbc6-4acc-a0fe-8b30bcaff23e</t>
  </si>
  <si>
    <t>BU09950851</t>
  </si>
  <si>
    <t>Lelystad-Haven West</t>
  </si>
  <si>
    <t>2021BU09950851</t>
  </si>
  <si>
    <t>buurten.8f9924a7-e8b0-4ae7-9159-cb556c571eff</t>
  </si>
  <si>
    <t>BU09950852</t>
  </si>
  <si>
    <t>Lelystad-Haven Oost</t>
  </si>
  <si>
    <t>2021BU09950852</t>
  </si>
  <si>
    <t>buurten.9cc7020a-277a-4bd4-b01e-16b36471714c</t>
  </si>
  <si>
    <t>BU09950853</t>
  </si>
  <si>
    <t>Lelystad-Haven Werkeiland</t>
  </si>
  <si>
    <t>2021BU09950853</t>
  </si>
  <si>
    <t>buurten.4b43d33f-90b5-4aed-b2a5-021c4c153452</t>
  </si>
  <si>
    <t>BU09950871</t>
  </si>
  <si>
    <t>'t Bovenwater</t>
  </si>
  <si>
    <t>2021BU09950871</t>
  </si>
  <si>
    <t>buurten.5dfc97b4-83f5-42a6-9524-1775812df27f</t>
  </si>
  <si>
    <t>BU09950872</t>
  </si>
  <si>
    <t>Uilenweg</t>
  </si>
  <si>
    <t>2021BU09950872</t>
  </si>
  <si>
    <t>buurten.1f97fa23-31bb-46a1-a6f5-d08e265ea840</t>
  </si>
  <si>
    <t>BU09950881</t>
  </si>
  <si>
    <t>Industrieterrein Noordersluis Oost</t>
  </si>
  <si>
    <t>2021BU09950881</t>
  </si>
  <si>
    <t>buurten.def9d41a-f39d-4883-aef8-c7301fbff05b</t>
  </si>
  <si>
    <t>BU09950882</t>
  </si>
  <si>
    <t>Industrieterrein Noordersluis West</t>
  </si>
  <si>
    <t>2021BU09950882</t>
  </si>
  <si>
    <t>buurten.edf4d8f7-af22-4cf2-956b-49cc881ee5f6</t>
  </si>
  <si>
    <t>BU09950961</t>
  </si>
  <si>
    <t>Waagpassage</t>
  </si>
  <si>
    <t>WK099509</t>
  </si>
  <si>
    <t>2021BU09950961</t>
  </si>
  <si>
    <t>buurten.137b6de0-863d-49a4-a726-e5be72350220</t>
  </si>
  <si>
    <t>BU09950962</t>
  </si>
  <si>
    <t>Neringpassage</t>
  </si>
  <si>
    <t>2021BU09950962</t>
  </si>
  <si>
    <t>buurten.5d038b3b-13be-431d-a8ae-bf84a11001f1</t>
  </si>
  <si>
    <t>BU09950963</t>
  </si>
  <si>
    <t>2021BU09950963</t>
  </si>
  <si>
    <t>buurten.40b9b8e8-7949-4f3d-9767-eedf823e079f</t>
  </si>
  <si>
    <t>BU09950964</t>
  </si>
  <si>
    <t>Stadhuisstraat</t>
  </si>
  <si>
    <t>2021BU09950964</t>
  </si>
  <si>
    <t>buurten.7c147476-4dfa-4479-a7aa-ba37317e405d</t>
  </si>
  <si>
    <t>BU09950965</t>
  </si>
  <si>
    <t>Lindenlaan</t>
  </si>
  <si>
    <t>2021BU09950965</t>
  </si>
  <si>
    <t>buurten.90e73cbc-22ce-4051-8486-cdf6d25e4c1c</t>
  </si>
  <si>
    <t>BU09951017</t>
  </si>
  <si>
    <t>Visvijverbos</t>
  </si>
  <si>
    <t>WK099510</t>
  </si>
  <si>
    <t>2021BU09951017</t>
  </si>
  <si>
    <t>buurten.5af5d6e2-ea80-40ed-8861-cae5b6ba1837</t>
  </si>
  <si>
    <t>BU09951018</t>
  </si>
  <si>
    <t>Karperweg, IJsselmeerdijk</t>
  </si>
  <si>
    <t>2021BU09951018</t>
  </si>
  <si>
    <t>buurten.1e770148-e6be-4a1c-bc90-c8eeb4d9cc70</t>
  </si>
  <si>
    <t>BU09951019</t>
  </si>
  <si>
    <t>Visvijver-, Bijl-, Klokbeker-, Plavuizenweg</t>
  </si>
  <si>
    <t>2021BU09951019</t>
  </si>
  <si>
    <t>buurten.ffc6e293-b92d-4616-823a-52ea1a2c332e</t>
  </si>
  <si>
    <t>BU09951029</t>
  </si>
  <si>
    <t>Edelhert-, Runder-, Wisent-, Elandweg</t>
  </si>
  <si>
    <t>2021BU09951029</t>
  </si>
  <si>
    <t>buurten.d844a90e-06f1-47cd-971f-b325fa243c3a</t>
  </si>
  <si>
    <t>BU09951031</t>
  </si>
  <si>
    <t>Beginweg, Bronsweg, Jupiterweg</t>
  </si>
  <si>
    <t>2021BU09951031</t>
  </si>
  <si>
    <t>buurten.fcf4db03-0761-4265-bdd7-31293583ac76</t>
  </si>
  <si>
    <t>BU09951037</t>
  </si>
  <si>
    <t>Sportveld Beginweg, Overijsselse Hout</t>
  </si>
  <si>
    <t>2021BU09951037</t>
  </si>
  <si>
    <t>buurten.e273ddb7-379f-468b-9765-30b421af77e4</t>
  </si>
  <si>
    <t>BU09951039</t>
  </si>
  <si>
    <t>Lisdodde-, Dronter-, Zeeasterweg, -pad</t>
  </si>
  <si>
    <t>2021BU09951039</t>
  </si>
  <si>
    <t>buurten.a4d2f5a3-61f4-4a45-a66e-e76201f4f07e</t>
  </si>
  <si>
    <t>BU09951041</t>
  </si>
  <si>
    <t>Natuurpark Lelystad</t>
  </si>
  <si>
    <t>2021BU09951041</t>
  </si>
  <si>
    <t>buurten.ebd9d7c0-7206-4358-b6bb-b42e0b706833</t>
  </si>
  <si>
    <t>BU09951047</t>
  </si>
  <si>
    <t>Larserbos, Rietweg</t>
  </si>
  <si>
    <t>2021BU09951047</t>
  </si>
  <si>
    <t>buurten.fddb7318-4a1b-42e5-9183-23b7c25f27a0</t>
  </si>
  <si>
    <t>BU09951049</t>
  </si>
  <si>
    <t>Vlotgrasweg</t>
  </si>
  <si>
    <t>2021BU09951049</t>
  </si>
  <si>
    <t>buurten.0772a713-837c-48ba-8e3e-20d131535475</t>
  </si>
  <si>
    <t>BU09951058</t>
  </si>
  <si>
    <t>Airport Lelystad</t>
  </si>
  <si>
    <t>2021BU09951058</t>
  </si>
  <si>
    <t>buurten.445c3e18-8b5c-45cd-b431-e554ac04c130</t>
  </si>
  <si>
    <t>BU09951059</t>
  </si>
  <si>
    <t>Meerkoetenweg, Eendenweg, Larserpad</t>
  </si>
  <si>
    <t>2021BU09951059</t>
  </si>
  <si>
    <t>buurten.00016ff5-1100-48c2-8d52-95f1c14140c0</t>
  </si>
  <si>
    <t>BU09951067</t>
  </si>
  <si>
    <t>Knarbos</t>
  </si>
  <si>
    <t>2021BU09951067</t>
  </si>
  <si>
    <t>buurten.94c092bb-25a4-4efd-bf6f-3a7ea7459797</t>
  </si>
  <si>
    <t>BU09951068</t>
  </si>
  <si>
    <t>Pijlstaartweg, Vleetweg, Larserweg</t>
  </si>
  <si>
    <t>2021BU09951068</t>
  </si>
  <si>
    <t>buurten.88e35a79-f166-4090-8b37-40bd76f22955</t>
  </si>
  <si>
    <t>BU09951069</t>
  </si>
  <si>
    <t>Vogelweg, Meeuwenweg, Pijlstaartweg</t>
  </si>
  <si>
    <t>2021BU09951069</t>
  </si>
  <si>
    <t>buurten.16d7a566-9a06-41b9-aa81-7d41385164e0</t>
  </si>
  <si>
    <t>BU09951070</t>
  </si>
  <si>
    <t>Gelderse Hout</t>
  </si>
  <si>
    <t>2021BU09951070</t>
  </si>
  <si>
    <t>buurten.e1fa5f70-e839-46fd-85f9-9bed9f08df41</t>
  </si>
  <si>
    <t>BU09951071</t>
  </si>
  <si>
    <t>Flevobos</t>
  </si>
  <si>
    <t>2021BU09951071</t>
  </si>
  <si>
    <t>buurten.29f11403-6f27-4b1e-8ec2-10eb165b5cb2</t>
  </si>
  <si>
    <t>BU09951073</t>
  </si>
  <si>
    <t>Overijsselse Hout, Hoefslag, Hondsdraf</t>
  </si>
  <si>
    <t>2021BU09951073</t>
  </si>
  <si>
    <t>buurten.55709a3a-75ef-469a-a65e-68fa4c70dcb9</t>
  </si>
  <si>
    <t>BU09951074</t>
  </si>
  <si>
    <t>Strand Houtribhoek, Houtribbos</t>
  </si>
  <si>
    <t>2021BU09951074</t>
  </si>
  <si>
    <t>buurten.c34d8a9d-7345-4f37-940b-02877dcad046</t>
  </si>
  <si>
    <t>BU09951075</t>
  </si>
  <si>
    <t>Overijsselse Hout, Jagersbos</t>
  </si>
  <si>
    <t>2021BU09951075</t>
  </si>
  <si>
    <t>buurten.1eeaf224-49eb-4f41-81fe-6ceb2cd1491b</t>
  </si>
  <si>
    <t>BU09951076</t>
  </si>
  <si>
    <t>Zuigerplaspark</t>
  </si>
  <si>
    <t>2021BU09951076</t>
  </si>
  <si>
    <t>buurten.b7dfd1f3-0741-4710-9002-09aa72f0741c</t>
  </si>
  <si>
    <t>BU09951078</t>
  </si>
  <si>
    <t>Larserplein</t>
  </si>
  <si>
    <t>2021BU09951078</t>
  </si>
  <si>
    <t>buurten.7ff269ca-ce12-4e23-9840-81f6ff94b132</t>
  </si>
  <si>
    <t>BU09951081</t>
  </si>
  <si>
    <t>Flevopoort II</t>
  </si>
  <si>
    <t>2021BU09951081</t>
  </si>
  <si>
    <t>buurten.4b02b94b-0d04-40c6-a59b-7ecbd88a30ef</t>
  </si>
  <si>
    <t>BU09951082</t>
  </si>
  <si>
    <t>Flevopoort I</t>
  </si>
  <si>
    <t>2021BU09951082</t>
  </si>
  <si>
    <t>buurten.c2230a77-df98-4436-945c-f8b898f0e8ac</t>
  </si>
  <si>
    <t>BU09951083</t>
  </si>
  <si>
    <t>Industrieterrein Oostervaart Oost</t>
  </si>
  <si>
    <t>2021BU09951083</t>
  </si>
  <si>
    <t>buurten.ae9a389a-919e-4527-9986-5b56403a519e</t>
  </si>
  <si>
    <t>BU09951084</t>
  </si>
  <si>
    <t>Industrieterrein Oostervaart Midden</t>
  </si>
  <si>
    <t>2021BU09951084</t>
  </si>
  <si>
    <t>buurten.014c3da5-9b4c-4e23-9501-24bd7c612f15</t>
  </si>
  <si>
    <t>BU09951085</t>
  </si>
  <si>
    <t>Industrieterrein Oostervaart West</t>
  </si>
  <si>
    <t>2021BU09951085</t>
  </si>
  <si>
    <t>buurten.f968f1b3-b6c5-4d8c-ad02-acb1b17935fa</t>
  </si>
  <si>
    <t>BU09951087</t>
  </si>
  <si>
    <t>Larservaartbos</t>
  </si>
  <si>
    <t>2021BU09951087</t>
  </si>
  <si>
    <t>buurten.b42ed024-f209-420b-be33-8b4a247692db</t>
  </si>
  <si>
    <t>BU09951088</t>
  </si>
  <si>
    <t>Bedrijvenpark Larserpoort</t>
  </si>
  <si>
    <t>2021BU09951088</t>
  </si>
  <si>
    <t>buurten.7adc395c-bb9e-413b-81ac-cad7383dcbca</t>
  </si>
  <si>
    <t>BU09951097</t>
  </si>
  <si>
    <t>Hollandse Hout</t>
  </si>
  <si>
    <t>2021BU09951097</t>
  </si>
  <si>
    <t>buurten.6f76c0a0-bb8e-471e-b57e-260be8996f0b</t>
  </si>
  <si>
    <t>BU09951098</t>
  </si>
  <si>
    <t>Oostvaardersplassen</t>
  </si>
  <si>
    <t>2021BU09951098</t>
  </si>
  <si>
    <t>buurten.84546cbe-5a7c-4751-88c5-b562e0385941</t>
  </si>
  <si>
    <t>BU09951111</t>
  </si>
  <si>
    <t>Flora West</t>
  </si>
  <si>
    <t>WK099511</t>
  </si>
  <si>
    <t>2021BU09951111</t>
  </si>
  <si>
    <t>buurten.b7b563da-5f01-4985-861b-11be6dd14295</t>
  </si>
  <si>
    <t>BU09951112</t>
  </si>
  <si>
    <t>Flora Midden</t>
  </si>
  <si>
    <t>2021BU09951112</t>
  </si>
  <si>
    <t>buurten.1e3d9af1-2953-46f6-a019-37bf5b1f3ab5</t>
  </si>
  <si>
    <t>BU09951113</t>
  </si>
  <si>
    <t>Flora Oost PIL</t>
  </si>
  <si>
    <t>2021BU09951113</t>
  </si>
  <si>
    <t>buurten.28989690-1a30-4494-bd7e-36e8d177d604</t>
  </si>
  <si>
    <t>BU09951121</t>
  </si>
  <si>
    <t>Woonhavenpad</t>
  </si>
  <si>
    <t>2021BU09951121</t>
  </si>
  <si>
    <t>buurten.f7f619da-3788-43aa-bb51-68e4a70ca4c6</t>
  </si>
  <si>
    <t>BU09951122</t>
  </si>
  <si>
    <t>Warande West</t>
  </si>
  <si>
    <t>2021BU09951122</t>
  </si>
  <si>
    <t>buurten.4eb5f683-e65f-4664-be4b-64adb577939b</t>
  </si>
  <si>
    <t>BU09951131</t>
  </si>
  <si>
    <t>Biomassa</t>
  </si>
  <si>
    <t>2021BU09951131</t>
  </si>
  <si>
    <t>buurten.7a84c60f-d65f-43b8-87f5-196f2da87660</t>
  </si>
  <si>
    <t>BU09951132</t>
  </si>
  <si>
    <t>Fauna, Bosvalkweg, Zuiderpoort</t>
  </si>
  <si>
    <t>2021BU09951132</t>
  </si>
  <si>
    <t>buurten.95e088bf-5b3d-4125-b338-08ed236c2327</t>
  </si>
  <si>
    <t>BU09951133</t>
  </si>
  <si>
    <t>Warande Oost</t>
  </si>
  <si>
    <t>2021BU09951133</t>
  </si>
  <si>
    <t>buurten.121ababf-5b9c-47a4-9222-8df3a5fb0ec1</t>
  </si>
  <si>
    <t>BU09951134</t>
  </si>
  <si>
    <t>Warande Oost/Midden</t>
  </si>
  <si>
    <t>2021BU09951134</t>
  </si>
  <si>
    <t>buurten.534afb9b-2c6f-432e-81b6-cc53302830c3</t>
  </si>
  <si>
    <t>BU09951149</t>
  </si>
  <si>
    <t>Warande Zuid</t>
  </si>
  <si>
    <t>2021BU09951149</t>
  </si>
  <si>
    <t>buurten.843e4f33-4c1e-4aa4-bafe-0b9dea9aee73</t>
  </si>
  <si>
    <t>BU09951161</t>
  </si>
  <si>
    <t>Warande Midden</t>
  </si>
  <si>
    <t>2021BU09951161</t>
  </si>
  <si>
    <t>buurten.74a59099-63de-4a16-b8b1-b52e2c3cd469</t>
  </si>
  <si>
    <t>BU15070000</t>
  </si>
  <si>
    <t>Griendtsveen</t>
  </si>
  <si>
    <t>WK150700</t>
  </si>
  <si>
    <t>2021BU15070000</t>
  </si>
  <si>
    <t>buurten.95e03a32-295c-48b0-b47a-b13ffa59b112</t>
  </si>
  <si>
    <t>BU15070009</t>
  </si>
  <si>
    <t>Verspreide huizen Griendtsveen</t>
  </si>
  <si>
    <t>2021BU15070009</t>
  </si>
  <si>
    <t>buurten.d151afcd-9f78-4fee-8085-2b7d222dc47d</t>
  </si>
  <si>
    <t>BU15070100</t>
  </si>
  <si>
    <t>America</t>
  </si>
  <si>
    <t>WK150701</t>
  </si>
  <si>
    <t>2021BU15070100</t>
  </si>
  <si>
    <t>buurten.606e32a8-9d01-410f-823b-d61895fc788c</t>
  </si>
  <si>
    <t>PL1507010002</t>
  </si>
  <si>
    <t>Spoor B: pilot en onderzoeken op weg naar aardgasvrij</t>
  </si>
  <si>
    <t>leren over techniek, financiering en burgerparticipatie</t>
  </si>
  <si>
    <t>glastuinbouw</t>
  </si>
  <si>
    <t>restwarmte (GLTB)</t>
  </si>
  <si>
    <t>BU15070101</t>
  </si>
  <si>
    <t>Meerdal</t>
  </si>
  <si>
    <t>2021BU15070101</t>
  </si>
  <si>
    <t>buurten.5b487e11-9a30-406b-84fb-932f30347d6f</t>
  </si>
  <si>
    <t>BU15070102</t>
  </si>
  <si>
    <t>Loohorst</t>
  </si>
  <si>
    <t>2021BU15070102</t>
  </si>
  <si>
    <t>buurten.991766bb-e9dd-40f8-962a-da30825bddb3</t>
  </si>
  <si>
    <t>BU15070109</t>
  </si>
  <si>
    <t>Verspreide huizen America</t>
  </si>
  <si>
    <t>2021BU15070109</t>
  </si>
  <si>
    <t>buurten.9b23802c-0a40-4787-9052-6a707540cae3</t>
  </si>
  <si>
    <t>PL1507010004</t>
  </si>
  <si>
    <t>BU15070200</t>
  </si>
  <si>
    <t>Meterik</t>
  </si>
  <si>
    <t>WK150702</t>
  </si>
  <si>
    <t>2021BU15070200</t>
  </si>
  <si>
    <t>buurten.9b10011f-032a-47f1-b959-cf9c4786031a</t>
  </si>
  <si>
    <t>BU15070209</t>
  </si>
  <si>
    <t>Verspreide huizen Meterik</t>
  </si>
  <si>
    <t>2021BU15070209</t>
  </si>
  <si>
    <t>buurten.69a20ee3-19c8-47cc-8715-7600836b3d21</t>
  </si>
  <si>
    <t>BU15070300</t>
  </si>
  <si>
    <t>Hegelsom</t>
  </si>
  <si>
    <t>WK150703</t>
  </si>
  <si>
    <t>2021BU15070300</t>
  </si>
  <si>
    <t>buurten.849a0c66-911d-4eec-b01c-39696b95ad7f</t>
  </si>
  <si>
    <t>BU15070309</t>
  </si>
  <si>
    <t>Verspreide huizen Hegelsom</t>
  </si>
  <si>
    <t>2021BU15070309</t>
  </si>
  <si>
    <t>buurten.0d7688cd-e30a-456d-a20a-56f38964c262</t>
  </si>
  <si>
    <t>BU15070400</t>
  </si>
  <si>
    <t>Horst-Centrum</t>
  </si>
  <si>
    <t>WK150704</t>
  </si>
  <si>
    <t>2021BU15070400</t>
  </si>
  <si>
    <t>buurten.390f28ba-24dc-4e87-bb22-a07c43a932cf</t>
  </si>
  <si>
    <t>PL1507010003</t>
  </si>
  <si>
    <t>Spoor C: intensieve aanpak voor isoleren meest kansrijke buurten of doelgroepen</t>
  </si>
  <si>
    <t>iedere woningeigenaar een gedetailleerd beeld te geven van de benodigde isolatie- (en ventilatie)maatregelen, kosten, opbrengsten en financiering.</t>
  </si>
  <si>
    <t>BU15070401</t>
  </si>
  <si>
    <t>Molenveld</t>
  </si>
  <si>
    <t>2021BU15070401</t>
  </si>
  <si>
    <t>buurten.f232cc75-706c-43b3-85af-4e472f5236ee</t>
  </si>
  <si>
    <t>BU15070402</t>
  </si>
  <si>
    <t>De Riet</t>
  </si>
  <si>
    <t>2021BU15070402</t>
  </si>
  <si>
    <t>buurten.5fdeb6aa-75cc-4334-be6b-69230c28dd90</t>
  </si>
  <si>
    <t>BU15070403</t>
  </si>
  <si>
    <t>Weisterbeek</t>
  </si>
  <si>
    <t>2021BU15070403</t>
  </si>
  <si>
    <t>buurten.60cebc1e-ed4f-4615-83ac-95d5c5100e2a</t>
  </si>
  <si>
    <t>BU15070404</t>
  </si>
  <si>
    <t>Nieuwstraat</t>
  </si>
  <si>
    <t>2021BU15070404</t>
  </si>
  <si>
    <t>buurten.7aeeb730-e704-4e67-b0aa-10a0a6070d34</t>
  </si>
  <si>
    <t>BU15070405</t>
  </si>
  <si>
    <t>Kappellerhof</t>
  </si>
  <si>
    <t>2021BU15070405</t>
  </si>
  <si>
    <t>buurten.e9502bc9-8590-455d-918b-640bed9f5e33</t>
  </si>
  <si>
    <t>BU15070406</t>
  </si>
  <si>
    <t>Berkelsbroek</t>
  </si>
  <si>
    <t>2021BU15070406</t>
  </si>
  <si>
    <t>buurten.90f919ea-c1db-4d57-b0df-3bf47a475be6</t>
  </si>
  <si>
    <t>BU15070407</t>
  </si>
  <si>
    <t>Stuksbeemden</t>
  </si>
  <si>
    <t>2021BU15070407</t>
  </si>
  <si>
    <t>buurten.00386457-224a-40b2-aff7-fedf9bc332d6</t>
  </si>
  <si>
    <t>BU15070408</t>
  </si>
  <si>
    <t>De Risselt</t>
  </si>
  <si>
    <t>2021BU15070408</t>
  </si>
  <si>
    <t>buurten.46b9aece-a3fb-46c5-9f11-edc038649634</t>
  </si>
  <si>
    <t>BU15070409</t>
  </si>
  <si>
    <t>De Afhang</t>
  </si>
  <si>
    <t>2021BU15070409</t>
  </si>
  <si>
    <t>buurten.5e139bf8-0ff3-44e5-9ff5-fb61d91c8bf1</t>
  </si>
  <si>
    <t>BU15070410</t>
  </si>
  <si>
    <t>2021BU15070410</t>
  </si>
  <si>
    <t>buurten.2ce00bb3-5804-48c7-9623-95858d43401c</t>
  </si>
  <si>
    <t>BU15070419</t>
  </si>
  <si>
    <t>Verspreide huizen Horst</t>
  </si>
  <si>
    <t>2021BU15070419</t>
  </si>
  <si>
    <t>buurten.9d486374-25c1-46a2-b7e2-aef4083bf4da</t>
  </si>
  <si>
    <t>BU15070500</t>
  </si>
  <si>
    <t>Melderslo</t>
  </si>
  <si>
    <t>WK150705</t>
  </si>
  <si>
    <t>2021BU15070500</t>
  </si>
  <si>
    <t>buurten.4a16fabe-5cf9-4562-b405-86ef8cc0df78</t>
  </si>
  <si>
    <t>BU15070509</t>
  </si>
  <si>
    <t>Verspreide huizen Melderslo</t>
  </si>
  <si>
    <t>2021BU15070509</t>
  </si>
  <si>
    <t>buurten.6b693af4-6fef-43d9-b922-6f862a5607b2</t>
  </si>
  <si>
    <t>BU15070600</t>
  </si>
  <si>
    <t>Broekhuizenvorst</t>
  </si>
  <si>
    <t>WK150706</t>
  </si>
  <si>
    <t>2021BU15070600</t>
  </si>
  <si>
    <t>buurten.a4ef3f2f-2571-40d6-b145-fe41cfe7a3ba</t>
  </si>
  <si>
    <t>BU15070609</t>
  </si>
  <si>
    <t>Verspreide huizen Broekhuizenvorst</t>
  </si>
  <si>
    <t>2021BU15070609</t>
  </si>
  <si>
    <t>buurten.f71cd8a2-9af4-409b-a26e-f4feda358684</t>
  </si>
  <si>
    <t>BU15070700</t>
  </si>
  <si>
    <t>Lottum</t>
  </si>
  <si>
    <t>WK150707</t>
  </si>
  <si>
    <t>2021BU15070700</t>
  </si>
  <si>
    <t>buurten.ea663974-f09e-43c6-87df-4259d193f7a8</t>
  </si>
  <si>
    <t>BU15070709</t>
  </si>
  <si>
    <t>Verspreide huizen Lottum</t>
  </si>
  <si>
    <t>2021BU15070709</t>
  </si>
  <si>
    <t>buurten.32f772de-d07f-4f7c-a7fa-56a7e85f813e</t>
  </si>
  <si>
    <t>BU15070800</t>
  </si>
  <si>
    <t>Grubbenvorst-Centrum</t>
  </si>
  <si>
    <t>WK150708</t>
  </si>
  <si>
    <t>2021BU15070800</t>
  </si>
  <si>
    <t>buurten.0d8418fb-b7ee-4b4c-b364-0b9eca5431cc</t>
  </si>
  <si>
    <t>BU15070801</t>
  </si>
  <si>
    <t>De Comert</t>
  </si>
  <si>
    <t>2021BU15070801</t>
  </si>
  <si>
    <t>buurten.39c00ca6-4d23-43f6-9648-72bd56905a5c</t>
  </si>
  <si>
    <t>BU15070802</t>
  </si>
  <si>
    <t>Reuvelt</t>
  </si>
  <si>
    <t>2021BU15070802</t>
  </si>
  <si>
    <t>buurten.5423d16c-0baf-4d43-88c9-65b01bd0c2e1</t>
  </si>
  <si>
    <t>BU15070803</t>
  </si>
  <si>
    <t>Middelreuvelt</t>
  </si>
  <si>
    <t>2021BU15070803</t>
  </si>
  <si>
    <t>buurten.1fce1048-325a-4998-84e2-5f120f489916</t>
  </si>
  <si>
    <t>BU15070804</t>
  </si>
  <si>
    <t>Tuinhaversveld</t>
  </si>
  <si>
    <t>2021BU15070804</t>
  </si>
  <si>
    <t>buurten.ad35f5f5-b748-484b-95f3-9b9b03d29171</t>
  </si>
  <si>
    <t>BU15070809</t>
  </si>
  <si>
    <t>Verspreide huizen Grubbenvorst</t>
  </si>
  <si>
    <t>2021BU15070809</t>
  </si>
  <si>
    <t>buurten.16d09a0f-9406-4218-b009-70a28e5533a3</t>
  </si>
  <si>
    <t>BU15070900</t>
  </si>
  <si>
    <t>WK150709</t>
  </si>
  <si>
    <t>2021BU15070900</t>
  </si>
  <si>
    <t>buurten.3ba94690-efd8-47a3-846a-2239e9845b3a</t>
  </si>
  <si>
    <t>BU15070909</t>
  </si>
  <si>
    <t>Verspreide huizen Broekhuizen</t>
  </si>
  <si>
    <t>2021BU15070909</t>
  </si>
  <si>
    <t>buurten.a7d1dd0f-e3a4-49d5-9bbe-3a21041f8d81</t>
  </si>
  <si>
    <t>BU15071000</t>
  </si>
  <si>
    <t>Sevenum</t>
  </si>
  <si>
    <t>WK150710</t>
  </si>
  <si>
    <t>2021BU15071000</t>
  </si>
  <si>
    <t>buurten.67ae45a5-4c39-491d-b053-5b86aa262773</t>
  </si>
  <si>
    <t>BU15071001</t>
  </si>
  <si>
    <t>De Schatberg</t>
  </si>
  <si>
    <t>2021BU15071001</t>
  </si>
  <si>
    <t>buurten.dfda3c3c-fb5a-4196-ba9f-19c7ecae45cd</t>
  </si>
  <si>
    <t>BU15071009</t>
  </si>
  <si>
    <t>Verspreide huizen Sevenum</t>
  </si>
  <si>
    <t>2021BU15071009</t>
  </si>
  <si>
    <t>buurten.9b34f6d7-f9ac-4a09-afe1-a0a5825ccc2b</t>
  </si>
  <si>
    <t>BU15071100</t>
  </si>
  <si>
    <t>Kronenberg</t>
  </si>
  <si>
    <t>WK150711</t>
  </si>
  <si>
    <t>2021BU15071100</t>
  </si>
  <si>
    <t>buurten.3283bafe-a237-4c19-924f-b1907d9b5cea</t>
  </si>
  <si>
    <t>Spoor B: pilot Kronenberg</t>
  </si>
  <si>
    <t>BU15071109</t>
  </si>
  <si>
    <t>Verspreide huizen Kronenberg</t>
  </si>
  <si>
    <t>2021BU15071109</t>
  </si>
  <si>
    <t>buurten.530dab4e-2340-47d8-b5db-40df6fd6e7b4</t>
  </si>
  <si>
    <t>BU15071200</t>
  </si>
  <si>
    <t>Evertsoord</t>
  </si>
  <si>
    <t>WK150712</t>
  </si>
  <si>
    <t>2021BU15071200</t>
  </si>
  <si>
    <t>buurten.6ee06b70-0d2a-4a8a-ad69-fc3d3847d664</t>
  </si>
  <si>
    <t>BU15071209</t>
  </si>
  <si>
    <t>Verspreide huizen Evertsoord</t>
  </si>
  <si>
    <t>2021BU15071209</t>
  </si>
  <si>
    <t>buurten.7a16fb5c-7300-4b25-a545-513d347cb4c1</t>
  </si>
  <si>
    <t>BU15071300</t>
  </si>
  <si>
    <t>Meerlo</t>
  </si>
  <si>
    <t>WK150713</t>
  </si>
  <si>
    <t>2021BU15071300</t>
  </si>
  <si>
    <t>buurten.b697df3c-8a37-465a-8fa6-78ad4f8e2cdb</t>
  </si>
  <si>
    <t>BU15071309</t>
  </si>
  <si>
    <t>Verspreide huizen Meerlo</t>
  </si>
  <si>
    <t>2021BU15071309</t>
  </si>
  <si>
    <t>buurten.081d48d7-5f5d-4b71-b6a0-19d7f720165b</t>
  </si>
  <si>
    <t>BU15071400</t>
  </si>
  <si>
    <t>Tienray</t>
  </si>
  <si>
    <t>WK150714</t>
  </si>
  <si>
    <t>2021BU15071400</t>
  </si>
  <si>
    <t>buurten.c82b5cf6-75d5-4294-84fd-ceb6bf0553a4</t>
  </si>
  <si>
    <t>BU15071409</t>
  </si>
  <si>
    <t>Verspreide huizen Tienray</t>
  </si>
  <si>
    <t>2021BU15071409</t>
  </si>
  <si>
    <t>buurten.ada90b13-722e-4cea-8350-e2be08f5029e</t>
  </si>
  <si>
    <t>BU15071500</t>
  </si>
  <si>
    <t>Swolgen</t>
  </si>
  <si>
    <t>WK150715</t>
  </si>
  <si>
    <t>2021BU15071500</t>
  </si>
  <si>
    <t>buurten.e01a4e49-34fa-4699-8b17-f621f2ecc205</t>
  </si>
  <si>
    <t>het meeste draagvlak onder bewoners, de woningcorporaties en andere betrokken partijen</t>
  </si>
  <si>
    <t>BU15071509</t>
  </si>
  <si>
    <t>Verspreide huizen Swolgen</t>
  </si>
  <si>
    <t>2021BU15071509</t>
  </si>
  <si>
    <t>buurten.aa5b55b6-ec3f-4431-ae05-8f3cf05e0ea4</t>
  </si>
  <si>
    <t>BU15090000</t>
  </si>
  <si>
    <t>Ulft-Centrum en Ulft-Oost</t>
  </si>
  <si>
    <t>WK150900</t>
  </si>
  <si>
    <t>2021BU15090000</t>
  </si>
  <si>
    <t>buurten.48e33f30-05e8-4cf6-a92d-12adf2d88713</t>
  </si>
  <si>
    <t>BU15090001</t>
  </si>
  <si>
    <t>Ulft-West</t>
  </si>
  <si>
    <t>2021BU15090001</t>
  </si>
  <si>
    <t>buurten.bfe90e88-77e5-4fab-91af-2e71b8f4655a</t>
  </si>
  <si>
    <t>BU15090002</t>
  </si>
  <si>
    <t>Ulft-Noord</t>
  </si>
  <si>
    <t>2021BU15090002</t>
  </si>
  <si>
    <t>buurten.07a04a37-519d-42b9-b600-612a0f155ca0</t>
  </si>
  <si>
    <t>BU15090003</t>
  </si>
  <si>
    <t>Etten</t>
  </si>
  <si>
    <t>2021BU15090003</t>
  </si>
  <si>
    <t>buurten.19e76ef7-1952-4d70-b9d8-4238e9efc4a7</t>
  </si>
  <si>
    <t>BU15090004</t>
  </si>
  <si>
    <t>Varsselder en Veldhunten</t>
  </si>
  <si>
    <t>2021BU15090004</t>
  </si>
  <si>
    <t>buurten.7dd8d7f8-89c3-434b-946e-fb0f8fb537c9</t>
  </si>
  <si>
    <t>BU15090007</t>
  </si>
  <si>
    <t>Verspreide huizen Varsselder</t>
  </si>
  <si>
    <t>2021BU15090007</t>
  </si>
  <si>
    <t>buurten.9763c927-e20d-4e09-910b-933a414d6ab7</t>
  </si>
  <si>
    <t>BU15090008</t>
  </si>
  <si>
    <t>Verspreide huizen Etten</t>
  </si>
  <si>
    <t>2021BU15090008</t>
  </si>
  <si>
    <t>buurten.679d45dd-09ab-49fb-8de8-5caf0b1ac0e9</t>
  </si>
  <si>
    <t>BU15090009</t>
  </si>
  <si>
    <t>Verspreide huizen Ulft</t>
  </si>
  <si>
    <t>2021BU15090009</t>
  </si>
  <si>
    <t>buurten.368675f2-637d-4e14-810b-1f46862d6d8f</t>
  </si>
  <si>
    <t>BU15090100</t>
  </si>
  <si>
    <t>Gendringen</t>
  </si>
  <si>
    <t>WK150901</t>
  </si>
  <si>
    <t>2021BU15090100</t>
  </si>
  <si>
    <t>buurten.c5c127dd-084d-4476-af69-98d9dbd30c4f</t>
  </si>
  <si>
    <t>BU15090101</t>
  </si>
  <si>
    <t>Megchelen</t>
  </si>
  <si>
    <t>2021BU15090101</t>
  </si>
  <si>
    <t>buurten.272dc23f-f2d8-4100-9a4f-97ccbb9c9253</t>
  </si>
  <si>
    <t>BU15090102</t>
  </si>
  <si>
    <t>Netterden</t>
  </si>
  <si>
    <t>2021BU15090102</t>
  </si>
  <si>
    <t>buurten.eafcf634-bb62-4ba0-8a6c-c0f815a8b141</t>
  </si>
  <si>
    <t>BU15090103</t>
  </si>
  <si>
    <t>Milt en Wieken</t>
  </si>
  <si>
    <t>2021BU15090103</t>
  </si>
  <si>
    <t>buurten.11f1c033-928c-4c50-b353-5140469aadbf</t>
  </si>
  <si>
    <t>BU15090104</t>
  </si>
  <si>
    <t>Breedenbroek</t>
  </si>
  <si>
    <t>2021BU15090104</t>
  </si>
  <si>
    <t>buurten.e65921f9-eeea-46d3-9435-2419f99d19a1</t>
  </si>
  <si>
    <t>BU15090105</t>
  </si>
  <si>
    <t>Verspreide huizen Megchelen</t>
  </si>
  <si>
    <t>2021BU15090105</t>
  </si>
  <si>
    <t>buurten.3eb6be7e-2da6-444c-8948-8eaef150cd6f</t>
  </si>
  <si>
    <t>BU15090106</t>
  </si>
  <si>
    <t>Verspreide huizen Gendringen</t>
  </si>
  <si>
    <t>2021BU15090106</t>
  </si>
  <si>
    <t>buurten.dfea482e-6cc4-422f-8d7f-bb4a2e8a673f</t>
  </si>
  <si>
    <t>BU15090107</t>
  </si>
  <si>
    <t>Verspreide huizen Netterden</t>
  </si>
  <si>
    <t>2021BU15090107</t>
  </si>
  <si>
    <t>buurten.34028ccb-7316-4cd0-98e0-d56529427b94</t>
  </si>
  <si>
    <t>BU15090108</t>
  </si>
  <si>
    <t>Verspreide huizen Voorst</t>
  </si>
  <si>
    <t>2021BU15090108</t>
  </si>
  <si>
    <t>buurten.07ab7541-06d1-4fb2-bf6c-1078108f961e</t>
  </si>
  <si>
    <t>BU15090109</t>
  </si>
  <si>
    <t>Verspreide huizen Breedenbroek</t>
  </si>
  <si>
    <t>2021BU15090109</t>
  </si>
  <si>
    <t>buurten.a358cec7-89a0-4f40-8beb-89936b36f385</t>
  </si>
  <si>
    <t>BU15090200</t>
  </si>
  <si>
    <t>Terborg</t>
  </si>
  <si>
    <t>WK150902</t>
  </si>
  <si>
    <t>2021BU15090200</t>
  </si>
  <si>
    <t>buurten.c5346509-8ec8-4a69-bfe6-6faab018cb56</t>
  </si>
  <si>
    <t>BU15090201</t>
  </si>
  <si>
    <t>Terborg-Oost</t>
  </si>
  <si>
    <t>2021BU15090201</t>
  </si>
  <si>
    <t>buurten.f34dd39a-8f30-4656-8aa9-1c552a7875c8</t>
  </si>
  <si>
    <t>Silvolde aardgasvrij-klaar maken</t>
  </si>
  <si>
    <t>BU15090202</t>
  </si>
  <si>
    <t>Silvolde</t>
  </si>
  <si>
    <t>2021BU15090202</t>
  </si>
  <si>
    <t>buurten.7f640da7-9c46-452e-ad62-19d98cf07e83</t>
  </si>
  <si>
    <t>PL1509010002</t>
  </si>
  <si>
    <t>Doel behalen door:- Opgaven in de buurt te koppelen aan elkaar (verduurzamen corporatiebezit Wonion - 300 woningen)- In gesprek met bewoners om te bepalen hoe zij hun woningen kunnen verduurzamen- Zo veel mogelijk aansluiten op bestaande (energie)initiat</t>
  </si>
  <si>
    <t>BU15090203</t>
  </si>
  <si>
    <t>Nieuwdorp Bontebrug</t>
  </si>
  <si>
    <t>2021BU15090203</t>
  </si>
  <si>
    <t>buurten.74f71a09-034a-48fd-9410-705b5c4e157f</t>
  </si>
  <si>
    <t>BU15090207</t>
  </si>
  <si>
    <t>Verspreide huizen Terborg en Heuven</t>
  </si>
  <si>
    <t>2021BU15090207</t>
  </si>
  <si>
    <t>buurten.357589a4-5216-4fbd-ab93-a7b10f80bdca</t>
  </si>
  <si>
    <t>BU15090208</t>
  </si>
  <si>
    <t>Verspreide huizen Silvolde</t>
  </si>
  <si>
    <t>2021BU15090208</t>
  </si>
  <si>
    <t>buurten.39a7602f-e92d-4c0a-958b-72ee2a316567</t>
  </si>
  <si>
    <t>BU15090300</t>
  </si>
  <si>
    <t>Varsseveld</t>
  </si>
  <si>
    <t>WK150903</t>
  </si>
  <si>
    <t>2021BU15090300</t>
  </si>
  <si>
    <t>buurten.cf7bf95f-e28d-4fdd-a295-60a15ad9fdef</t>
  </si>
  <si>
    <t>PL1509010001</t>
  </si>
  <si>
    <t>Varsseveld (centraal)</t>
  </si>
  <si>
    <t>Doel behalen door:- Opgaven in de buurt te koppelen aan elkaar (verduurzamen corporatiebezit Wonion - 80 woningen)- In gesprek met bewoners om te bepalen hoe zij hun woningen kunnen verduurzamen- Zo veel mogelijk aansluiten op bestaande (energie)initiati</t>
  </si>
  <si>
    <t>Varsseveld klaar maken voor de toekomst; het aardgasvrij-klaar maken van Varsseveld.</t>
  </si>
  <si>
    <t>BU15090301</t>
  </si>
  <si>
    <t>Westendorp</t>
  </si>
  <si>
    <t>2021BU15090301</t>
  </si>
  <si>
    <t>buurten.32dc708f-1341-42dc-a99a-65ec4dcaa960</t>
  </si>
  <si>
    <t>BU15090302</t>
  </si>
  <si>
    <t>Sinderen</t>
  </si>
  <si>
    <t>2021BU15090302</t>
  </si>
  <si>
    <t>buurten.256ee244-b663-4c71-a41a-1c869349f281</t>
  </si>
  <si>
    <t>BU15090303</t>
  </si>
  <si>
    <t>Heelweg</t>
  </si>
  <si>
    <t>2021BU15090303</t>
  </si>
  <si>
    <t>buurten.10675c31-eee3-4499-b9f2-30e845c7f157</t>
  </si>
  <si>
    <t>BU15090306</t>
  </si>
  <si>
    <t>Verspreide huizen Westendorp</t>
  </si>
  <si>
    <t>2021BU15090306</t>
  </si>
  <si>
    <t>buurten.94facce1-8e83-43c9-bfeb-fdacaaa8b1cc</t>
  </si>
  <si>
    <t>BU15090307</t>
  </si>
  <si>
    <t>Verspreide huizen Heelweg</t>
  </si>
  <si>
    <t>2021BU15090307</t>
  </si>
  <si>
    <t>buurten.af49ea3a-953e-4fff-bd4a-a21e58ba605a</t>
  </si>
  <si>
    <t>BU15090308</t>
  </si>
  <si>
    <t>Verspreide huizen Varsseveld</t>
  </si>
  <si>
    <t>2021BU15090308</t>
  </si>
  <si>
    <t>buurten.d1e196db-db5a-4a50-8e7f-f1e7823d03a8</t>
  </si>
  <si>
    <t>BU15090309</t>
  </si>
  <si>
    <t>Verspreide huizen Sinderen</t>
  </si>
  <si>
    <t>2021BU15090309</t>
  </si>
  <si>
    <t>buurten.97b35229-9546-430c-8dcc-cb2a4fd81a2e</t>
  </si>
  <si>
    <t>BU15250101</t>
  </si>
  <si>
    <t>De Rodes</t>
  </si>
  <si>
    <t>WK152501</t>
  </si>
  <si>
    <t>2021BU15250101</t>
  </si>
  <si>
    <t>buurten.f6ccecfb-cff4-4b26-a459-8d43060bbcbe</t>
  </si>
  <si>
    <t>BU15250102</t>
  </si>
  <si>
    <t>De Knip</t>
  </si>
  <si>
    <t>2021BU15250102</t>
  </si>
  <si>
    <t>buurten.d0edc594-5377-48a6-a282-82b6daa5ac48</t>
  </si>
  <si>
    <t>BU15250103</t>
  </si>
  <si>
    <t>Everlasting</t>
  </si>
  <si>
    <t>2021BU15250103</t>
  </si>
  <si>
    <t>buurten.a30a7287-40d9-4573-b1fa-7deadf6927e0</t>
  </si>
  <si>
    <t>BU15250104</t>
  </si>
  <si>
    <t>Over de Brug</t>
  </si>
  <si>
    <t>2021BU15250104</t>
  </si>
  <si>
    <t>buurten.463eac19-856a-4f0b-a0bc-3f6d4aa1c2a4</t>
  </si>
  <si>
    <t>BU15250201</t>
  </si>
  <si>
    <t>WK152502</t>
  </si>
  <si>
    <t>2021BU15250201</t>
  </si>
  <si>
    <t>buurten.ec52f0ad-abb4-4332-8737-448ae4f733b1</t>
  </si>
  <si>
    <t>BU15250202</t>
  </si>
  <si>
    <t>Kruiden Noord</t>
  </si>
  <si>
    <t>2021BU15250202</t>
  </si>
  <si>
    <t>buurten.5c753b77-9b49-4850-abfb-0fb531da0e3b</t>
  </si>
  <si>
    <t>BU15250203</t>
  </si>
  <si>
    <t>Kruiden Zuid</t>
  </si>
  <si>
    <t>2021BU15250203</t>
  </si>
  <si>
    <t>buurten.87a2e10b-2f70-42e6-8147-3095628ba3d9</t>
  </si>
  <si>
    <t>BU15250204</t>
  </si>
  <si>
    <t>Vissenbuurt</t>
  </si>
  <si>
    <t>2021BU15250204</t>
  </si>
  <si>
    <t>buurten.26bbfe18-028c-4f6b-809a-eaca06f92da1</t>
  </si>
  <si>
    <t>BU15250205</t>
  </si>
  <si>
    <t>Schouten</t>
  </si>
  <si>
    <t>2021BU15250205</t>
  </si>
  <si>
    <t>buurten.269ae8f4-c0b4-49d1-a72f-25513922d6a7</t>
  </si>
  <si>
    <t>BU15250301</t>
  </si>
  <si>
    <t>Componisten</t>
  </si>
  <si>
    <t>WK152503</t>
  </si>
  <si>
    <t>2021BU15250301</t>
  </si>
  <si>
    <t>buurten.35e2c841-8260-4dd8-95db-809a460708f9</t>
  </si>
  <si>
    <t>BU15250302</t>
  </si>
  <si>
    <t>Bollenbuurt</t>
  </si>
  <si>
    <t>2021BU15250302</t>
  </si>
  <si>
    <t>buurten.e0c0fd89-2ec3-49f1-9b7c-de6eb1edf590</t>
  </si>
  <si>
    <t>BU15250303</t>
  </si>
  <si>
    <t>Bolbloemen</t>
  </si>
  <si>
    <t>2021BU15250303</t>
  </si>
  <si>
    <t>buurten.54343822-11f3-4e99-8652-cebb3190b511</t>
  </si>
  <si>
    <t>BU15250304</t>
  </si>
  <si>
    <t>Hooghkamer</t>
  </si>
  <si>
    <t>2021BU15250304</t>
  </si>
  <si>
    <t>buurten.a96543d1-fb90-4800-ada2-4463207bc848</t>
  </si>
  <si>
    <t>BU15250401</t>
  </si>
  <si>
    <t>WK152504</t>
  </si>
  <si>
    <t>2021BU15250401</t>
  </si>
  <si>
    <t>buurten.f40b38eb-bf80-43a9-b763-9c6451f49d95</t>
  </si>
  <si>
    <t>BU15250402</t>
  </si>
  <si>
    <t>Buurtschap Teijlingen</t>
  </si>
  <si>
    <t>2021BU15250402</t>
  </si>
  <si>
    <t>buurten.3f3bb9ae-7f8a-4c65-ac74-36d18e8ffd13</t>
  </si>
  <si>
    <t>BU15250403</t>
  </si>
  <si>
    <t>Boekhorstpolder</t>
  </si>
  <si>
    <t>2021BU15250403</t>
  </si>
  <si>
    <t>buurten.e02ea399-527b-49da-95be-44339acfce87</t>
  </si>
  <si>
    <t>BU15250404</t>
  </si>
  <si>
    <t>Elsgeesterpolder</t>
  </si>
  <si>
    <t>2021BU15250404</t>
  </si>
  <si>
    <t>buurten.239b1720-6f7d-4537-9bc2-46fdb4aa4a17</t>
  </si>
  <si>
    <t>BU15250405</t>
  </si>
  <si>
    <t>Voorhout buitengebied</t>
  </si>
  <si>
    <t>2021BU15250405</t>
  </si>
  <si>
    <t>buurten.e5b12c36-9ab3-4410-848d-81dc9e315cf4</t>
  </si>
  <si>
    <t>BU15251101</t>
  </si>
  <si>
    <t>Postbuurt</t>
  </si>
  <si>
    <t>WK152511</t>
  </si>
  <si>
    <t>2021BU15251101</t>
  </si>
  <si>
    <t>buurten.2e365396-672c-4ddb-bfa3-73beedf76615</t>
  </si>
  <si>
    <t>BU15251102</t>
  </si>
  <si>
    <t>2021BU15251102</t>
  </si>
  <si>
    <t>buurten.0a749c93-31d4-4f4f-a9ae-62c00db716c9</t>
  </si>
  <si>
    <t>BU15251103</t>
  </si>
  <si>
    <t>Wasbeek</t>
  </si>
  <si>
    <t>2021BU15251103</t>
  </si>
  <si>
    <t>buurten.af7afcfa-c611-434d-abd5-ca09b7322df1</t>
  </si>
  <si>
    <t>BU15251104</t>
  </si>
  <si>
    <t>Langeveld</t>
  </si>
  <si>
    <t>2021BU15251104</t>
  </si>
  <si>
    <t>buurten.56e9b849-1911-474d-b1d4-4e873154f01e</t>
  </si>
  <si>
    <t>BU15251201</t>
  </si>
  <si>
    <t>WK152512</t>
  </si>
  <si>
    <t>2021BU15251201</t>
  </si>
  <si>
    <t>buurten.4bebe606-50ef-45e6-b22d-db8a14aab618</t>
  </si>
  <si>
    <t>BU15251202</t>
  </si>
  <si>
    <t>Kooibuurt</t>
  </si>
  <si>
    <t>2021BU15251202</t>
  </si>
  <si>
    <t>buurten.834bbbb5-b32c-4c89-bde2-40f275e949ab</t>
  </si>
  <si>
    <t>BU15251203</t>
  </si>
  <si>
    <t>Kagerweide</t>
  </si>
  <si>
    <t>2021BU15251203</t>
  </si>
  <si>
    <t>buurten.2a0bda33-33d1-45b7-a6a5-cc4a45bc3ed3</t>
  </si>
  <si>
    <t>BU15251204</t>
  </si>
  <si>
    <t>2021BU15251204</t>
  </si>
  <si>
    <t>buurten.f9e820db-0cfe-4cd5-a9e2-e7681f9e282a</t>
  </si>
  <si>
    <t>BU15251205</t>
  </si>
  <si>
    <t>Mennepark</t>
  </si>
  <si>
    <t>2021BU15251205</t>
  </si>
  <si>
    <t>buurten.deef1dc7-d59e-4f5a-90f2-2a6b1dd1e73d</t>
  </si>
  <si>
    <t>BU15251206</t>
  </si>
  <si>
    <t>2021BU15251206</t>
  </si>
  <si>
    <t>buurten.5d89df1e-1087-44d6-85af-213465ca524a</t>
  </si>
  <si>
    <t>BU15251207</t>
  </si>
  <si>
    <t>Vrouwenpolderbuurt</t>
  </si>
  <si>
    <t>2021BU15251207</t>
  </si>
  <si>
    <t>buurten.3282a75c-e7f6-48ab-99b1-7473087f8447</t>
  </si>
  <si>
    <t>BU15251208</t>
  </si>
  <si>
    <t>2021BU15251208</t>
  </si>
  <si>
    <t>buurten.5d6e3d1d-7a0c-4d80-91ce-25e7d33bc88d</t>
  </si>
  <si>
    <t>BU15251301</t>
  </si>
  <si>
    <t>Rode Molenbuurt</t>
  </si>
  <si>
    <t>WK152513</t>
  </si>
  <si>
    <t>2021BU15251301</t>
  </si>
  <si>
    <t>buurten.a3e53e5c-3242-405e-8272-c1c0536b6343</t>
  </si>
  <si>
    <t>BU15251302</t>
  </si>
  <si>
    <t>Wetenschapsbuurt</t>
  </si>
  <si>
    <t>2021BU15251302</t>
  </si>
  <si>
    <t>buurten.7db57f12-1b52-4cb5-bacf-50d4168476f2</t>
  </si>
  <si>
    <t>BU15251303</t>
  </si>
  <si>
    <t>Jagtlust</t>
  </si>
  <si>
    <t>2021BU15251303</t>
  </si>
  <si>
    <t>buurten.58d9a095-5a2f-4c93-ab03-5cb3be1533b9</t>
  </si>
  <si>
    <t>BU15251304</t>
  </si>
  <si>
    <t>2021BU15251304</t>
  </si>
  <si>
    <t>buurten.a4e62f2d-40d8-4d36-b450-152739b5b63f</t>
  </si>
  <si>
    <t>BU15251401</t>
  </si>
  <si>
    <t>Overteylingen</t>
  </si>
  <si>
    <t>WK152514</t>
  </si>
  <si>
    <t>2021BU15251401</t>
  </si>
  <si>
    <t>buurten.faff0a0d-4e13-4b67-a30c-fc61ccfd4f9f</t>
  </si>
  <si>
    <t>BU15251402</t>
  </si>
  <si>
    <t>Kasteelbuurt</t>
  </si>
  <si>
    <t>2021BU15251402</t>
  </si>
  <si>
    <t>buurten.613b6ec1-b471-408b-b1a1-dff8e95614b6</t>
  </si>
  <si>
    <t>BU15251403</t>
  </si>
  <si>
    <t>Horsten en Vorsten</t>
  </si>
  <si>
    <t>2021BU15251403</t>
  </si>
  <si>
    <t>buurten.de0c96f6-77f5-429e-aa50-57d5201d375f</t>
  </si>
  <si>
    <t>BU15251404</t>
  </si>
  <si>
    <t>Koningshuysbuurt</t>
  </si>
  <si>
    <t>2021BU15251404</t>
  </si>
  <si>
    <t>buurten.e94c4c5e-ed34-4a9d-979e-71cc55db78eb</t>
  </si>
  <si>
    <t>BU15251405</t>
  </si>
  <si>
    <t>2021BU15251405</t>
  </si>
  <si>
    <t>buurten.4f948fd4-f6ff-4e74-8d72-e744c810a7b3</t>
  </si>
  <si>
    <t>BU15251406</t>
  </si>
  <si>
    <t>2021BU15251406</t>
  </si>
  <si>
    <t>buurten.907c9567-342e-45c9-9d21-164dfb802bce</t>
  </si>
  <si>
    <t>BU15251407</t>
  </si>
  <si>
    <t>2021BU15251407</t>
  </si>
  <si>
    <t>buurten.dec2591c-b6db-45b9-9319-471f5d9d0879</t>
  </si>
  <si>
    <t>BU15251408</t>
  </si>
  <si>
    <t>2021BU15251408</t>
  </si>
  <si>
    <t>buurten.93dd635d-701b-4e4a-bb29-e64009b88e11</t>
  </si>
  <si>
    <t>BU15251501</t>
  </si>
  <si>
    <t>Sassenheim buitengebied Noord</t>
  </si>
  <si>
    <t>WK152515</t>
  </si>
  <si>
    <t>2021BU15251501</t>
  </si>
  <si>
    <t>buurten.e11be14c-a504-495d-8a7a-dc44c27f088a</t>
  </si>
  <si>
    <t>BU15251502</t>
  </si>
  <si>
    <t>Sassenheim buitengebied Oost</t>
  </si>
  <si>
    <t>2021BU15251502</t>
  </si>
  <si>
    <t>buurten.a6d60616-5e96-43ce-8eee-a9f66a03dfb9</t>
  </si>
  <si>
    <t>BU15251503</t>
  </si>
  <si>
    <t>Sassenheim buitengebied Zuid</t>
  </si>
  <si>
    <t>2021BU15251503</t>
  </si>
  <si>
    <t>buurten.34e29d6b-6f27-4c07-9b9f-9b59e941511b</t>
  </si>
  <si>
    <t>BU15252101</t>
  </si>
  <si>
    <t>WK152521</t>
  </si>
  <si>
    <t>2021BU15252101</t>
  </si>
  <si>
    <t>buurten.424b1212-66cd-43fd-958e-ad45691beac8</t>
  </si>
  <si>
    <t>BU15252102</t>
  </si>
  <si>
    <t>Kloosterland-Endepoel</t>
  </si>
  <si>
    <t>2021BU15252102</t>
  </si>
  <si>
    <t>buurten.df8a6365-34b4-40eb-b944-76db08e23173</t>
  </si>
  <si>
    <t>BU15252103</t>
  </si>
  <si>
    <t>Westeinde-Lommerlust</t>
  </si>
  <si>
    <t>2021BU15252103</t>
  </si>
  <si>
    <t>buurten.13dc61d6-2cb0-4291-b738-3106fbbd3856</t>
  </si>
  <si>
    <t>BU15252104</t>
  </si>
  <si>
    <t>Veerpolder</t>
  </si>
  <si>
    <t>2021BU15252104</t>
  </si>
  <si>
    <t>buurten.0751f31d-3504-4bfa-88bd-27927d669572</t>
  </si>
  <si>
    <t>BU15252201</t>
  </si>
  <si>
    <t>Hennepoel</t>
  </si>
  <si>
    <t>WK152522</t>
  </si>
  <si>
    <t>2021BU15252201</t>
  </si>
  <si>
    <t>buurten.4bdc1a53-312a-412d-a899-a71312365aa8</t>
  </si>
  <si>
    <t>BU15252202</t>
  </si>
  <si>
    <t>Warmond buitengebied-Oosteinde</t>
  </si>
  <si>
    <t>2021BU15252202</t>
  </si>
  <si>
    <t>buurten.7128c4c9-5870-46b3-8aa6-7519478f3eca</t>
  </si>
  <si>
    <t>BU15810000</t>
  </si>
  <si>
    <t>Doorn-Centrum</t>
  </si>
  <si>
    <t>WK158100</t>
  </si>
  <si>
    <t>2021BU15810000</t>
  </si>
  <si>
    <t>buurten.c4cc49c9-82f2-41bd-8b28-4c4141fa1223</t>
  </si>
  <si>
    <t>PL1581010002</t>
  </si>
  <si>
    <t>Oosterlaan en omgeving in Driebergen, Doorn Centrum en Leersum Noordoost.</t>
  </si>
  <si>
    <t>In drie wijken met een bovengemiddelde hoge warmtevraag werken we we via een wijkisolatieplan uit welke isolatiemaatregelen kunnen worden ingezet.</t>
  </si>
  <si>
    <t>Minimumniveau</t>
  </si>
  <si>
    <t>BU15810001</t>
  </si>
  <si>
    <t>Doorn - Boswijk</t>
  </si>
  <si>
    <t>2021BU15810001</t>
  </si>
  <si>
    <t>buurten.7e15d646-733b-4d20-a5c5-0e5272e481a3</t>
  </si>
  <si>
    <t>BU15810002</t>
  </si>
  <si>
    <t>Doorn-Noordwest</t>
  </si>
  <si>
    <t>2021BU15810002</t>
  </si>
  <si>
    <t>buurten.a1b0a10a-ec56-4b60-966b-8afb1a510baf</t>
  </si>
  <si>
    <t>Amerongen Noordwest- aan bosrand/Koenestraat, Doorn-West, Doornde Wijngaard, Wildbaan-Dennenburg in Driebergen en de Hofjes/de Driesprong in Maarn</t>
  </si>
  <si>
    <t>BU15810003</t>
  </si>
  <si>
    <t>Doorn-Zuid</t>
  </si>
  <si>
    <t>2021BU15810003</t>
  </si>
  <si>
    <t>buurten.e9889f0b-1258-4031-a369-357ea7b92821</t>
  </si>
  <si>
    <t>BU15810004</t>
  </si>
  <si>
    <t>Doorn-Zuidoost</t>
  </si>
  <si>
    <t>2021BU15810004</t>
  </si>
  <si>
    <t>buurten.699e17b0-4c48-4516-9b8e-d816cec5cfb5</t>
  </si>
  <si>
    <t>PL1581010003</t>
  </si>
  <si>
    <t>In vijf wijken waar meer dan 90 procent eengezinswoningen uit de bouwperiode tussen 1950 tot 1990 te vinden zijn, werken we via een wijkisolatieplan uit welke isolatiemaatregelen kunnen worden ingezet. Eventueel kan ook de hybride warmtepompen worden mee</t>
  </si>
  <si>
    <t>BU15810007</t>
  </si>
  <si>
    <t>Doorn - Kaapse Bossen</t>
  </si>
  <si>
    <t>2021BU15810007</t>
  </si>
  <si>
    <t>buurten.6cead817-5d83-48ee-91b9-da8641c8c5c0</t>
  </si>
  <si>
    <t>BU15810008</t>
  </si>
  <si>
    <t>Doorn - Hydepark-Moleneind</t>
  </si>
  <si>
    <t>2021BU15810008</t>
  </si>
  <si>
    <t>buurten.f912b5c2-b7e9-4ac7-8bc2-cc3840e1aed6</t>
  </si>
  <si>
    <t>BU15810009</t>
  </si>
  <si>
    <t>Doorn - Moersbergen-Tuilland</t>
  </si>
  <si>
    <t>2021BU15810009</t>
  </si>
  <si>
    <t>buurten.9b3b7179-fe8e-4a99-859c-c4f57e1ed019</t>
  </si>
  <si>
    <t>BU15810101</t>
  </si>
  <si>
    <t>Driebergen - Heidestein-Bornia-Noordhout</t>
  </si>
  <si>
    <t>WK158101</t>
  </si>
  <si>
    <t>2021BU15810101</t>
  </si>
  <si>
    <t>buurten.006faf1b-167a-447a-8460-33fdda2bc51c</t>
  </si>
  <si>
    <t>BU15810102</t>
  </si>
  <si>
    <t>Driebergerbroek-Sterkenburg</t>
  </si>
  <si>
    <t>2021BU15810102</t>
  </si>
  <si>
    <t>buurten.28136361-6b5a-4894-bf2a-6560cd291042</t>
  </si>
  <si>
    <t>BU15810103</t>
  </si>
  <si>
    <t>Driebergen-Noord</t>
  </si>
  <si>
    <t>2021BU15810103</t>
  </si>
  <si>
    <t>buurten.bf501272-8b29-45e4-9ff0-844f8c6fcf53</t>
  </si>
  <si>
    <t>BU15810104</t>
  </si>
  <si>
    <t>Driebergen - Stationsgebied</t>
  </si>
  <si>
    <t>2021BU15810104</t>
  </si>
  <si>
    <t>buurten.ad570a8e-e08e-45a0-a27b-fda867cd80e1</t>
  </si>
  <si>
    <t>BU15810105</t>
  </si>
  <si>
    <t>Driebergen-Noordwest</t>
  </si>
  <si>
    <t>2021BU15810105</t>
  </si>
  <si>
    <t>buurten.92d790ec-945d-4223-9f5f-9c261a006974</t>
  </si>
  <si>
    <t>BU15810106</t>
  </si>
  <si>
    <t>Driebergen-Centrum</t>
  </si>
  <si>
    <t>2021BU15810106</t>
  </si>
  <si>
    <t>buurten.7ea6fcab-1f58-4430-acfd-bfa62a4af70b</t>
  </si>
  <si>
    <t>BU15810107</t>
  </si>
  <si>
    <t>Driebergen-West</t>
  </si>
  <si>
    <t>2021BU15810107</t>
  </si>
  <si>
    <t>buurten.a4c6df02-61c6-4adf-8d57-894a94081ebc</t>
  </si>
  <si>
    <t>BU15810108</t>
  </si>
  <si>
    <t>Driebergen-Zuidwest</t>
  </si>
  <si>
    <t>2021BU15810108</t>
  </si>
  <si>
    <t>buurten.a92a3d35-a2d0-43c5-99a9-476a6af64814</t>
  </si>
  <si>
    <t>Wildbaan-Dennenburg</t>
  </si>
  <si>
    <t>onderzoekend. Onderzoek in uitvoering</t>
  </si>
  <si>
    <t>De samenwerkende partijen gaan aan de slag met het verder uitwerken van de businesscase</t>
  </si>
  <si>
    <t>We werken verder aan warmtenet in de wijk Wildbaan-Dennenbrug in Driebergen met de rioolwaterzuiveringsinstallatie als beoogde warmtebron. In deze wijk is al voor de totstandkoming van de Transitievisie onderzoek gedaan en met bewoners gesproken. We zien</t>
  </si>
  <si>
    <t>RWZI Driebergen</t>
  </si>
  <si>
    <t>BU15810109</t>
  </si>
  <si>
    <t>Driebergen-Oost en Zuid</t>
  </si>
  <si>
    <t>2021BU15810109</t>
  </si>
  <si>
    <t>buurten.415786f3-6c9e-4439-b929-0ec6777ee4ff</t>
  </si>
  <si>
    <t>BU15810110</t>
  </si>
  <si>
    <t>Driebergen - De Horst-De Akker</t>
  </si>
  <si>
    <t>2021BU15810110</t>
  </si>
  <si>
    <t>buurten.6f99b64a-5dfd-49ab-935e-036d9a81377b</t>
  </si>
  <si>
    <t>BU15810200</t>
  </si>
  <si>
    <t>Leersum-Dorp</t>
  </si>
  <si>
    <t>WK158102</t>
  </si>
  <si>
    <t>2021BU15810200</t>
  </si>
  <si>
    <t>buurten.7bdbdb72-07ba-4932-a61b-cc9f0235541c</t>
  </si>
  <si>
    <t>BU15810201</t>
  </si>
  <si>
    <t>Leersum - Maarsbergseweg</t>
  </si>
  <si>
    <t>2021BU15810201</t>
  </si>
  <si>
    <t>buurten.66ed1273-29f7-4816-b7d9-f6496f813276</t>
  </si>
  <si>
    <t>BU15810206</t>
  </si>
  <si>
    <t>Leersum - Hoogstraat</t>
  </si>
  <si>
    <t>2021BU15810206</t>
  </si>
  <si>
    <t>buurten.8071c74c-5ad5-45b5-a998-b0b4ca9549dd</t>
  </si>
  <si>
    <t>BU15810207</t>
  </si>
  <si>
    <t>Leersum - Darthuizen-Zuylestein</t>
  </si>
  <si>
    <t>2021BU15810207</t>
  </si>
  <si>
    <t>buurten.d3c4c37e-bb44-44ac-932e-6ea714216080</t>
  </si>
  <si>
    <t>BU15810208</t>
  </si>
  <si>
    <t>Leersumse Veld-De Kop</t>
  </si>
  <si>
    <t>2021BU15810208</t>
  </si>
  <si>
    <t>buurten.25c60192-1202-4620-8cde-9f12aea96c94</t>
  </si>
  <si>
    <t>BU15810209</t>
  </si>
  <si>
    <t>Leersum - Ginkel</t>
  </si>
  <si>
    <t>2021BU15810209</t>
  </si>
  <si>
    <t>buurten.5eb80d78-50e6-4ffc-8254-86c1e656be25</t>
  </si>
  <si>
    <t>BU15810300</t>
  </si>
  <si>
    <t>Amerongen-Dorp</t>
  </si>
  <si>
    <t>WK158103</t>
  </si>
  <si>
    <t>2021BU15810300</t>
  </si>
  <si>
    <t>buurten.bbb16125-3cc1-4852-8766-3f8e5a11a7ae</t>
  </si>
  <si>
    <t>BU15810302</t>
  </si>
  <si>
    <t>Overberg</t>
  </si>
  <si>
    <t>2021BU15810302</t>
  </si>
  <si>
    <t>buurten.2d823b3c-221f-46cb-878d-df5c2a763b46</t>
  </si>
  <si>
    <t>BU15810308</t>
  </si>
  <si>
    <t>Amerongse Berg</t>
  </si>
  <si>
    <t>2021BU15810308</t>
  </si>
  <si>
    <t>buurten.1dac4ce7-a6db-45b0-9849-60bae9ec47e9</t>
  </si>
  <si>
    <t>BU15810309</t>
  </si>
  <si>
    <t>Ameronger Bovenpolder-uiterwaarden</t>
  </si>
  <si>
    <t>2021BU15810309</t>
  </si>
  <si>
    <t>buurten.e464638a-d578-4e47-b2f0-e9ef9e4a3ac5</t>
  </si>
  <si>
    <t>BU15810400</t>
  </si>
  <si>
    <t>Maarn-Dorp</t>
  </si>
  <si>
    <t>WK158104</t>
  </si>
  <si>
    <t>2021BU15810400</t>
  </si>
  <si>
    <t>buurten.ddb71b8c-ad5e-44f8-827c-795b652eaa8a</t>
  </si>
  <si>
    <t>BU15810402</t>
  </si>
  <si>
    <t>Maarsbergen-Dorp</t>
  </si>
  <si>
    <t>2021BU15810402</t>
  </si>
  <si>
    <t>buurten.388e5895-2aff-4eb4-99a6-8dae17311246</t>
  </si>
  <si>
    <t>BU15810403</t>
  </si>
  <si>
    <t>Maarsbergen-Valkenheide</t>
  </si>
  <si>
    <t>2021BU15810403</t>
  </si>
  <si>
    <t>buurten.7bfdbb56-02ff-4b1b-8682-d528d235168d</t>
  </si>
  <si>
    <t>BU15810408</t>
  </si>
  <si>
    <t>Maarn - Maarsbergen - Bosgebied</t>
  </si>
  <si>
    <t>2021BU15810408</t>
  </si>
  <si>
    <t>buurten.d8f644e8-451b-4984-8440-372cd33342e0</t>
  </si>
  <si>
    <t>BU15810409</t>
  </si>
  <si>
    <t>Maarsbergen - De Meent</t>
  </si>
  <si>
    <t>2021BU15810409</t>
  </si>
  <si>
    <t>buurten.55e48b89-9de8-4550-b247-d6f27fae3192</t>
  </si>
  <si>
    <t>BU15860101</t>
  </si>
  <si>
    <t>WK158601</t>
  </si>
  <si>
    <t>2021BU15860101</t>
  </si>
  <si>
    <t>buurten.bea9ee89-6ae6-49f7-ad2a-58bf8898a5da</t>
  </si>
  <si>
    <t>PL1586010006</t>
  </si>
  <si>
    <t>Seriematige jaren 60/70 bouw en jaren 80 bouw gemengd (Noord-West, Oosteres, Broekdijk, Het Blik, Hooilandt Zand, Banninghof,Papendijk, Den Esch,Veld Oost, Veld West, Schatberg</t>
  </si>
  <si>
    <t>Onderzoek starten naar warmtenet uit TEA of TEO</t>
  </si>
  <si>
    <t>Informeren bewoners en verduurzaming faciliteren. Het is voor woningen in deze wijken betrekkelijk makkelijk over te gaan op lagetemperatuurtechnieken.</t>
  </si>
  <si>
    <t>Extra isolatie eventueel nodig, einddoel niet gespecificeerd</t>
  </si>
  <si>
    <t>BU15860102</t>
  </si>
  <si>
    <t>Schatberg</t>
  </si>
  <si>
    <t>2021BU15860102</t>
  </si>
  <si>
    <t>buurten.e89e4c0b-6e38-4c76-85bc-bcbbf3bc0ea2</t>
  </si>
  <si>
    <t>Herbouw op korte termijn van het zorgcentrum Molenberg biedt kansen voor een LT TEO warmtenet uit Grolse gracht of de Groenlose Slinge.</t>
  </si>
  <si>
    <t>De vooroorlogse panden waaronder stadsgezichten zijn lastiger na te isoleren zowel technisch als door regelgeving uit gemeentelijk onderzoek blijkt echter dat verduurzaming d.m.v. maatwerk toch goed mogelijk is.</t>
  </si>
  <si>
    <t>LT Warmtenet voor zorgcentrum Molenberg en omringende panden kan gevoed worden uit oppervlaktewater Grolse Gracht of Groenlose Slinge. Ook kijken naar potentie restwarmte RWZI.</t>
  </si>
  <si>
    <t>LT warmte: aquathermie (TEO) en/of aquathermie (RWZI)</t>
  </si>
  <si>
    <t>BU15860103</t>
  </si>
  <si>
    <t>Den Esch</t>
  </si>
  <si>
    <t>2021BU15860103</t>
  </si>
  <si>
    <t>buurten.6817c1c2-bc34-4487-8488-730283408c95</t>
  </si>
  <si>
    <t>BU15860104</t>
  </si>
  <si>
    <t>Hooiland</t>
  </si>
  <si>
    <t>2021BU15860104</t>
  </si>
  <si>
    <t>buurten.4e4dc617-d3e8-490f-a5b3-6a80c21b43c0</t>
  </si>
  <si>
    <t>PL1586010001</t>
  </si>
  <si>
    <t>Bedrijventerreinen/industriegebieden (Brandemate, Den Sliem, Laarberg, Lindebrook, De Kamp Zuid, Nieuwe Kamp, Oude Kamp)</t>
  </si>
  <si>
    <t>Een belangrijk obstakel is op dit moment de beperking in het terugleveren van elektriciteit. Dit vraagt om een oplossing</t>
  </si>
  <si>
    <t>BU15860105</t>
  </si>
  <si>
    <t>2021BU15860105</t>
  </si>
  <si>
    <t>buurten.bdcb16ad-5caa-44fe-ba54-9735ab386293</t>
  </si>
  <si>
    <t>Seriematige jaren 60-70 bouw en woningcorporatiebezit maakt het gemakkelijker om seriematig te isoleren, in te kopen of over te gaan op (klein) collectief. De ligging van riool persleidingen en de Slinge biedt mogelijkheden voor TEA en/of TEO warmtenette</t>
  </si>
  <si>
    <t>BU15860106</t>
  </si>
  <si>
    <t>Veld Oost</t>
  </si>
  <si>
    <t>2021BU15860106</t>
  </si>
  <si>
    <t>buurten.df40a6b4-e254-4e8b-90d3-ae0b20c032ad</t>
  </si>
  <si>
    <t>BU15860107</t>
  </si>
  <si>
    <t>Veld West</t>
  </si>
  <si>
    <t>2021BU15860107</t>
  </si>
  <si>
    <t>buurten.5b78e5c2-8dbb-4cf9-8875-3f3500c71b0a</t>
  </si>
  <si>
    <t>BU15860108</t>
  </si>
  <si>
    <t>Broek</t>
  </si>
  <si>
    <t>2021BU15860108</t>
  </si>
  <si>
    <t>buurten.d0c2f808-d34e-4f9f-9f2a-9e6cc47560b2</t>
  </si>
  <si>
    <t>PL1586010004</t>
  </si>
  <si>
    <t>Oude buurten, gemengde functie, gemengde jaren (Binnenstad Groenlo, Centrum, Broek, Groenlo-Zuid (oude deel))</t>
  </si>
  <si>
    <t>Mogelijk, na onderzoek: TEA uit rioolwaterzuiveringsinstalatie voor Lichtenvoorde, TEO uit Groenlose Slinge voor Groenlo</t>
  </si>
  <si>
    <t>BU15860109</t>
  </si>
  <si>
    <t>2021BU15860109</t>
  </si>
  <si>
    <t>buurten.60c0ad5e-973a-477c-acd6-5110e6da4970</t>
  </si>
  <si>
    <t>BU15860110</t>
  </si>
  <si>
    <t>2021BU15860110</t>
  </si>
  <si>
    <t>buurten.5dc57ef0-1ef4-43a2-b4f8-1df67e052c07</t>
  </si>
  <si>
    <t>BU15860111</t>
  </si>
  <si>
    <t>Flierbeek</t>
  </si>
  <si>
    <t>2021BU15860111</t>
  </si>
  <si>
    <t>buurten.4c73dc63-92f0-4972-b167-0c5d2e611960</t>
  </si>
  <si>
    <t>PL1586010005</t>
  </si>
  <si>
    <t>Gebouwd na 1992 (Hartrijze, Groenlo-Zuid (nieuwe deel) Marveld,Zuid-West, Flierbeek)</t>
  </si>
  <si>
    <t>BU15860112</t>
  </si>
  <si>
    <t>Lindebrook</t>
  </si>
  <si>
    <t>2021BU15860112</t>
  </si>
  <si>
    <t>buurten.74d30c17-e8ff-40e7-99d2-4bfd8c4a0645</t>
  </si>
  <si>
    <t>Nieuwe(re) bedrijventerreinen Laarberg en Lindebrook hebben potentie voor laagtemperatuur (LT) warmte. Actief communiceren: Afstemming met bedrijven; zij komen vaak met een eigen initiatief. We willen hen voldoende vrijheid hiervoor geven en onderzoeken</t>
  </si>
  <si>
    <t>BU15860113</t>
  </si>
  <si>
    <t>Nieuwe Kamp</t>
  </si>
  <si>
    <t>2021BU15860113</t>
  </si>
  <si>
    <t>buurten.b071ddde-d5a2-43fd-9271-77885eb711de</t>
  </si>
  <si>
    <t>BU15860114</t>
  </si>
  <si>
    <t>Oude Kamp</t>
  </si>
  <si>
    <t>2021BU15860114</t>
  </si>
  <si>
    <t>buurten.2c22b152-38cd-4f87-94f4-98e53d01050f</t>
  </si>
  <si>
    <t>BU15860115</t>
  </si>
  <si>
    <t>De Kamp Zuid</t>
  </si>
  <si>
    <t>2021BU15860115</t>
  </si>
  <si>
    <t>buurten.dd6c5a31-0826-4a60-aad5-d98fa518eda8</t>
  </si>
  <si>
    <t>BU15860116</t>
  </si>
  <si>
    <t>Buitengebied Lichtenvoorde</t>
  </si>
  <si>
    <t>2021BU15860116</t>
  </si>
  <si>
    <t>buurten.dd45e05f-de83-46ad-88a3-94a014832cd0</t>
  </si>
  <si>
    <t>BU15860201</t>
  </si>
  <si>
    <t>Bebouwde kom Harreveld</t>
  </si>
  <si>
    <t>WK158602</t>
  </si>
  <si>
    <t>2021BU15860201</t>
  </si>
  <si>
    <t>buurten.17536845-9a16-42a7-b741-431f334461b6</t>
  </si>
  <si>
    <t>PL1586010002</t>
  </si>
  <si>
    <t>Kleine kernen (Bebouwde kom LieveldeBebouwde kom HarreveldBebouwde kom ZieuwentBebouwde kom MarienveldeZwolleBebouwde kom Vragender)</t>
  </si>
  <si>
    <t>Bij de overgang op individuele technieken en kleinschalige collectieven is het betrekken van inwoners belangrijk. Een aparte benadering rekening houdend met de identiteit van de kleine kernen is hierbij een aandachtspunt.</t>
  </si>
  <si>
    <t>Deze techniekkeuze volgt uit zowel de routekaartsessie als uit de Startanalyse en hangt samen met de lage bouwdichtheid en het (relatief lage) aantal woningen. De bouwkenmerken zijn echter soortgelijk dus er zijn overeenkomsten in de te treffen (isolatie</t>
  </si>
  <si>
    <t>BU15860202</t>
  </si>
  <si>
    <t>Buitengebied Harreveld</t>
  </si>
  <si>
    <t>2021BU15860202</t>
  </si>
  <si>
    <t>buurten.679ff5d1-9941-42bd-a807-10749368a293</t>
  </si>
  <si>
    <t>BU15860301</t>
  </si>
  <si>
    <t>Bebouwde kom Zieuwent</t>
  </si>
  <si>
    <t>WK158603</t>
  </si>
  <si>
    <t>2021BU15860301</t>
  </si>
  <si>
    <t>buurten.1c18c12b-7b78-4fe8-84ce-ed134db954bd</t>
  </si>
  <si>
    <t>BU15860302</t>
  </si>
  <si>
    <t>Buitengebied Zieuwent</t>
  </si>
  <si>
    <t>2021BU15860302</t>
  </si>
  <si>
    <t>buurten.976226f9-6d01-4092-b3ee-84e409630768</t>
  </si>
  <si>
    <t>BU15860401</t>
  </si>
  <si>
    <t>Bebouwde kom Lievelde</t>
  </si>
  <si>
    <t>WK158604</t>
  </si>
  <si>
    <t>2021BU15860401</t>
  </si>
  <si>
    <t>buurten.72b2420e-b1e7-4c0d-8de4-b733ad7f8656</t>
  </si>
  <si>
    <t>BU15860402</t>
  </si>
  <si>
    <t>Buitengebied Lievelde</t>
  </si>
  <si>
    <t>2021BU15860402</t>
  </si>
  <si>
    <t>buurten.97e64d9e-44aa-4dc6-98b4-0df3c089542d</t>
  </si>
  <si>
    <t>BU15860501</t>
  </si>
  <si>
    <t>Bebouwde kom Vragender</t>
  </si>
  <si>
    <t>WK158605</t>
  </si>
  <si>
    <t>2021BU15860501</t>
  </si>
  <si>
    <t>buurten.941d05af-6e66-4536-b2ed-d7122c064262</t>
  </si>
  <si>
    <t>BU15860502</t>
  </si>
  <si>
    <t>Buitengebied Vragender</t>
  </si>
  <si>
    <t>2021BU15860502</t>
  </si>
  <si>
    <t>buurten.67b654d5-45bb-483c-a8ff-9b4e5e5597d8</t>
  </si>
  <si>
    <t>BU15860601</t>
  </si>
  <si>
    <t>Binnenstad Groenlo</t>
  </si>
  <si>
    <t>WK158606</t>
  </si>
  <si>
    <t>2021BU15860601</t>
  </si>
  <si>
    <t>buurten.06654e77-872c-4302-8ee6-279ac2e4740a</t>
  </si>
  <si>
    <t>BU15860602</t>
  </si>
  <si>
    <t>Het Blik</t>
  </si>
  <si>
    <t>2021BU15860602</t>
  </si>
  <si>
    <t>buurten.69e13bec-e0c6-43a4-9c80-76ea984aab7c</t>
  </si>
  <si>
    <t>BU15860603</t>
  </si>
  <si>
    <t>Noord-West</t>
  </si>
  <si>
    <t>2021BU15860603</t>
  </si>
  <si>
    <t>buurten.60c28c83-35c9-44a0-a6fe-7c028355a46d</t>
  </si>
  <si>
    <t>BU15860604</t>
  </si>
  <si>
    <t>Banninghof</t>
  </si>
  <si>
    <t>2021BU15860604</t>
  </si>
  <si>
    <t>buurten.a581517b-a041-461c-8b8b-b1bd259b0795</t>
  </si>
  <si>
    <t>BU15860605</t>
  </si>
  <si>
    <t>Papendijk</t>
  </si>
  <si>
    <t>2021BU15860605</t>
  </si>
  <si>
    <t>buurten.74795149-c153-40ea-b455-0bc82ac6fac3</t>
  </si>
  <si>
    <t>BU15860606</t>
  </si>
  <si>
    <t>hartreize</t>
  </si>
  <si>
    <t>2021BU15860606</t>
  </si>
  <si>
    <t>buurten.f2fa666c-3d10-430e-b531-8565315d87ee</t>
  </si>
  <si>
    <t>BU15860607</t>
  </si>
  <si>
    <t>Groenlo-Zuid</t>
  </si>
  <si>
    <t>2021BU15860607</t>
  </si>
  <si>
    <t>buurten.a29661ca-793f-496f-a404-bb02896de73e</t>
  </si>
  <si>
    <t>BU15860608</t>
  </si>
  <si>
    <t>Marveld</t>
  </si>
  <si>
    <t>2021BU15860608</t>
  </si>
  <si>
    <t>buurten.8bf5a7fd-bb83-4a37-9e14-e185b645c19c</t>
  </si>
  <si>
    <t>BU15860609</t>
  </si>
  <si>
    <t>Bedrijventerrein Brandemat</t>
  </si>
  <si>
    <t>2021BU15860609</t>
  </si>
  <si>
    <t>buurten.e121b4ea-6e62-482f-91f4-a11c432df81d</t>
  </si>
  <si>
    <t>BU15860610</t>
  </si>
  <si>
    <t>Oosteres</t>
  </si>
  <si>
    <t>2021BU15860610</t>
  </si>
  <si>
    <t>buurten.d24bacaf-69d0-4baa-9f5e-54610d3d339a</t>
  </si>
  <si>
    <t>BU15860611</t>
  </si>
  <si>
    <t>Noordrand</t>
  </si>
  <si>
    <t>2021BU15860611</t>
  </si>
  <si>
    <t>buurten.9bb004e1-668d-4e0d-bd91-2cd39c92c311</t>
  </si>
  <si>
    <t>BU15860612</t>
  </si>
  <si>
    <t>IndustrieterreinDen Sliem</t>
  </si>
  <si>
    <t>2021BU15860612</t>
  </si>
  <si>
    <t>buurten.adc0ec5d-8800-48e8-8b90-3f90a5014e74</t>
  </si>
  <si>
    <t>BU15860613</t>
  </si>
  <si>
    <t>Industrieterrein Laarberg</t>
  </si>
  <si>
    <t>2021BU15860613</t>
  </si>
  <si>
    <t>buurten.f71fad2d-fede-46e7-86d8-7c5b74c736df</t>
  </si>
  <si>
    <t>BU15860614</t>
  </si>
  <si>
    <t>2021BU15860614</t>
  </si>
  <si>
    <t>buurten.73b058b5-2714-480a-b202-795230e6fb89</t>
  </si>
  <si>
    <t>BU15860615</t>
  </si>
  <si>
    <t>Buitengebied Groenlo</t>
  </si>
  <si>
    <t>2021BU15860615</t>
  </si>
  <si>
    <t>buurten.aa73a1db-9e0c-4bca-8e29-99edaf42d149</t>
  </si>
  <si>
    <t>BU15860701</t>
  </si>
  <si>
    <t>Bebowde kom Marienvelde</t>
  </si>
  <si>
    <t>WK158607</t>
  </si>
  <si>
    <t>2021BU15860701</t>
  </si>
  <si>
    <t>buurten.9dfbce98-4cbe-46c6-8d51-334e8c092b82</t>
  </si>
  <si>
    <t>BU15860702</t>
  </si>
  <si>
    <t>Buitengebied Marienvelde</t>
  </si>
  <si>
    <t>2021BU15860702</t>
  </si>
  <si>
    <t>buurten.46a36a98-c75a-4b6f-885d-8eac9d803429</t>
  </si>
  <si>
    <t>BU15980101</t>
  </si>
  <si>
    <t>Berkmeerdijk</t>
  </si>
  <si>
    <t>WK159801</t>
  </si>
  <si>
    <t>2021BU15980101</t>
  </si>
  <si>
    <t>buurten.070b41a6-195b-497a-81c3-c915e57a9264</t>
  </si>
  <si>
    <t>geen keuze gemaakt. In deze buurten staan veel oude panden. We wachten technologische ontwikkelingen en de ervaringen in de andere buurten af voordat we besluiten welke warmtevoorziening hier komt.</t>
  </si>
  <si>
    <t>BU15980102</t>
  </si>
  <si>
    <t>Obdam Verspreide huizen West</t>
  </si>
  <si>
    <t>2021BU15980102</t>
  </si>
  <si>
    <t>buurten.2b3dde2e-8bbf-4078-adc4-476781f913ff</t>
  </si>
  <si>
    <t>PL1598010041</t>
  </si>
  <si>
    <t>In concept (onderzoekend). In dit gebied is inzet van een warmtenet een mogelijkheid. Inzet van een warmtenet betekent vaak ontzorging van inwoners, de gemeente en een warmtebedrijf spelen daar een grotere rol. Een warmtenet gebied aanwijzen als eerste v</t>
  </si>
  <si>
    <t>BU15980103</t>
  </si>
  <si>
    <t>Klipper en omgeving</t>
  </si>
  <si>
    <t>2021BU15980103</t>
  </si>
  <si>
    <t>buurten.104cfad1-b5bd-4785-8852-42ccf978adb8</t>
  </si>
  <si>
    <t>PL1598010001</t>
  </si>
  <si>
    <t>Obdam</t>
  </si>
  <si>
    <t>In concept (verkennend). In het westelijke gedeelte van Obdam starten we met een onderzoek naar een aquathermie toepassing. Ook bekijken we de mogelijkheden om de gebouwen in dit gebied zover te isoleren en klaar te maken zodat ze klaar zijn voor inzet v</t>
  </si>
  <si>
    <t>Voorsorterend. Een midden temperatuur warmtenet met aquathermie uit oppervlaktewater als. Het alternatief is inzet van elektrische warmtepompen. Een verkenning naar zonthermie zou ook kunnen worden verkend.</t>
  </si>
  <si>
    <t>Aardgasvrij in 2030</t>
  </si>
  <si>
    <t>BU15980104</t>
  </si>
  <si>
    <t>Weerestraat en omgeving</t>
  </si>
  <si>
    <t>2021BU15980104</t>
  </si>
  <si>
    <t>buurten.7eee48cf-973d-4759-9111-258b8fd51f91</t>
  </si>
  <si>
    <t>BU15980105</t>
  </si>
  <si>
    <t>Handelskade en omgeving</t>
  </si>
  <si>
    <t>2021BU15980105</t>
  </si>
  <si>
    <t>buurten.124d8dea-879d-4104-bbb1-94a36262a178</t>
  </si>
  <si>
    <t>concept. De dorpskern van Obdam is erg gemengd: de bouwjaren zijn divers en er staan winkels, bedrijven, voorzieningen en woningen. Er staan vrij veel oude gebouwen en monumenten die lastig te verduurzamen zijn. Ook voor de oude, wijdverspreide, lintbebo</t>
  </si>
  <si>
    <t>BU15980106</t>
  </si>
  <si>
    <t>Reigerlaan Obdam en omgeving</t>
  </si>
  <si>
    <t>2021BU15980106</t>
  </si>
  <si>
    <t>buurten.8d9f313b-f847-4062-8ce8-32064b250ff3</t>
  </si>
  <si>
    <t>BU15980107</t>
  </si>
  <si>
    <t>Dokter Lohmanstraat en omgeving</t>
  </si>
  <si>
    <t>2021BU15980107</t>
  </si>
  <si>
    <t>buurten.3867abd0-25c3-4174-a469-7db666067f9c</t>
  </si>
  <si>
    <t>Obdam west</t>
  </si>
  <si>
    <t>Voorsorterend. De woningen in deze buurt zijn na isolatie goed geschikt voor een elektrische warmtepomp. Daarnaast is de warmtevraagdichtheid groot genoeg om de mogelijkheden voor een warmtenet te verkennen. Het warmtenet zal mogelijk gevoed kunnen worde</t>
  </si>
  <si>
    <t>BU15980108</t>
  </si>
  <si>
    <t>Bedrijventerrein Braken</t>
  </si>
  <si>
    <t>2021BU15980108</t>
  </si>
  <si>
    <t>buurten.c3237bac-a11e-4f26-8d19-5a40480ebf9d</t>
  </si>
  <si>
    <t>PL1598010029</t>
  </si>
  <si>
    <t>Lint</t>
  </si>
  <si>
    <t>BU15980109</t>
  </si>
  <si>
    <t>Dorpsstraat en omgeving</t>
  </si>
  <si>
    <t>2021BU15980109</t>
  </si>
  <si>
    <t>buurten.47ef9349-964c-4b6a-82ec-c9925488834f</t>
  </si>
  <si>
    <t>BU15980110</t>
  </si>
  <si>
    <t>Laan van Meerweijde en omgeving</t>
  </si>
  <si>
    <t>2021BU15980110</t>
  </si>
  <si>
    <t>buurten.0f418724-d5d7-49c3-878a-371674846691</t>
  </si>
  <si>
    <t>PL1598010031</t>
  </si>
  <si>
    <t>Obdam_midden</t>
  </si>
  <si>
    <t>BU15980111</t>
  </si>
  <si>
    <t>Nijenburglaan en omgeving</t>
  </si>
  <si>
    <t>2021BU15980111</t>
  </si>
  <si>
    <t>buurten.81d64140-c83a-4afe-877d-adb9ba2138bc</t>
  </si>
  <si>
    <t>BU15980112</t>
  </si>
  <si>
    <t>Duinweid en omgeving</t>
  </si>
  <si>
    <t>2021BU15980112</t>
  </si>
  <si>
    <t>buurten.a93111ec-a2a1-426f-9524-63d7c3f39b63</t>
  </si>
  <si>
    <t>PL1598010033</t>
  </si>
  <si>
    <t>Obdam_oost</t>
  </si>
  <si>
    <t>BU15980113</t>
  </si>
  <si>
    <t>Obdam Verspreide huizen Oost</t>
  </si>
  <si>
    <t>2021BU15980113</t>
  </si>
  <si>
    <t>buurten.50ff263c-d97d-4683-9602-8a851882392d</t>
  </si>
  <si>
    <t>BU15980201</t>
  </si>
  <si>
    <t>Hensbroek Verspreide huizen</t>
  </si>
  <si>
    <t>WK159802</t>
  </si>
  <si>
    <t>2021BU15980201</t>
  </si>
  <si>
    <t>buurten.09be81e7-3d3e-411c-a8a0-bae7a7ed2c15</t>
  </si>
  <si>
    <t>BU15980202</t>
  </si>
  <si>
    <t>Dorpsweg en omgeving</t>
  </si>
  <si>
    <t>2021BU15980202</t>
  </si>
  <si>
    <t>buurten.8a85dace-c990-4719-aad3-84b8fc0b1139</t>
  </si>
  <si>
    <t>PL1598010028</t>
  </si>
  <si>
    <t>Hensbroek</t>
  </si>
  <si>
    <t>BU15980203</t>
  </si>
  <si>
    <t>Wogmeer West</t>
  </si>
  <si>
    <t>2021BU15980203</t>
  </si>
  <si>
    <t>buurten.f56ced16-f88a-4d34-a236-38f33d8f3990</t>
  </si>
  <si>
    <t>PL1598010023</t>
  </si>
  <si>
    <t>BU15980301</t>
  </si>
  <si>
    <t>Wogmeer Oost</t>
  </si>
  <si>
    <t>WK159803</t>
  </si>
  <si>
    <t>2021BU15980301</t>
  </si>
  <si>
    <t>buurten.ef8e2a3a-87c7-47b1-8b3e-5b65b6b4846b</t>
  </si>
  <si>
    <t>PL1598010009</t>
  </si>
  <si>
    <t>Spierdijk</t>
  </si>
  <si>
    <t>BU15980302</t>
  </si>
  <si>
    <t>Spierdijk Verspreide huizen</t>
  </si>
  <si>
    <t>2021BU15980302</t>
  </si>
  <si>
    <t>buurten.a28c8f01-9133-45ed-ab95-0ec82ded0d55</t>
  </si>
  <si>
    <t>BU15980303</t>
  </si>
  <si>
    <t>Spierdijkerweg en omgeving</t>
  </si>
  <si>
    <t>2021BU15980303</t>
  </si>
  <si>
    <t>buurten.ebc663e2-6d5c-4166-8503-c1ccc3d23369</t>
  </si>
  <si>
    <t>BU15980401</t>
  </si>
  <si>
    <t>Zuidermeer Verspreide huizen West</t>
  </si>
  <si>
    <t>WK159804</t>
  </si>
  <si>
    <t>2021BU15980401</t>
  </si>
  <si>
    <t>buurten.248f185b-995a-4f1f-9408-af47e352e65c</t>
  </si>
  <si>
    <t>PL1598010007</t>
  </si>
  <si>
    <t>Zuidermeer</t>
  </si>
  <si>
    <t>BU15980402</t>
  </si>
  <si>
    <t>Zuidermeerweg en omgeving</t>
  </si>
  <si>
    <t>2021BU15980402</t>
  </si>
  <si>
    <t>buurten.3350e698-3d1c-4380-9582-729b76320f60</t>
  </si>
  <si>
    <t>BU15980403</t>
  </si>
  <si>
    <t>Baarsdorpermeer</t>
  </si>
  <si>
    <t>2021BU15980403</t>
  </si>
  <si>
    <t>buurten.1f27d7a6-a4e3-4f2c-ad51-669e3d0a8928</t>
  </si>
  <si>
    <t>BU15980501</t>
  </si>
  <si>
    <t>Bobeldijk en omgeving</t>
  </si>
  <si>
    <t>WK159805</t>
  </si>
  <si>
    <t>2021BU15980501</t>
  </si>
  <si>
    <t>buurten.663d9297-8a2a-4552-b392-ec83d5e55faa</t>
  </si>
  <si>
    <t>PL1598010042</t>
  </si>
  <si>
    <t>BU15980502</t>
  </si>
  <si>
    <t>2021BU15980502</t>
  </si>
  <si>
    <t>buurten.d52e2452-b0f4-4e84-9d70-05c10a321e3b</t>
  </si>
  <si>
    <t>PL1598010014</t>
  </si>
  <si>
    <t>BU15980503</t>
  </si>
  <si>
    <t>Kerkebuurt</t>
  </si>
  <si>
    <t>2021BU15980503</t>
  </si>
  <si>
    <t>buurten.dd9ef47c-7f30-487f-899e-aaf451987270</t>
  </si>
  <si>
    <t>PL1598010006</t>
  </si>
  <si>
    <t>In concept (onderzoekend). In het westen van Berkhout zal er worden onderzocht of een (klein collectieve) toepassing aquathermie systemen mogelijk is. Ook in Berkhout zal worden gekeken naar de mogelijkheden om de gebouwen in dit gebied zover te isoleren</t>
  </si>
  <si>
    <t>BU15980504</t>
  </si>
  <si>
    <t>Slagterslaan en omgeving</t>
  </si>
  <si>
    <t>2021BU15980504</t>
  </si>
  <si>
    <t>buurten.985ec09a-ad56-4872-854a-4d1117d0b838</t>
  </si>
  <si>
    <t>BU15980505</t>
  </si>
  <si>
    <t>Bruggevaart en omgeving</t>
  </si>
  <si>
    <t>2021BU15980505</t>
  </si>
  <si>
    <t>buurten.fa784add-2cd1-4e0a-99f6-3ccf71f8bd8b</t>
  </si>
  <si>
    <t>BU15980506</t>
  </si>
  <si>
    <t>2021BU15980506</t>
  </si>
  <si>
    <t>buurten.77b42faf-a173-4a17-ae4f-1e51dee4bb02</t>
  </si>
  <si>
    <t>BU15980507</t>
  </si>
  <si>
    <t>Berkhout Verspreide huizen Zuid</t>
  </si>
  <si>
    <t>2021BU15980507</t>
  </si>
  <si>
    <t>buurten.2e149fce-03d0-420d-9220-e124bc18228e</t>
  </si>
  <si>
    <t>BU15980601</t>
  </si>
  <si>
    <t>WK159806</t>
  </si>
  <si>
    <t>2021BU15980601</t>
  </si>
  <si>
    <t>buurten.9aa1a827-8833-46f3-b9ec-0d3f18a0ee65</t>
  </si>
  <si>
    <t>BU15980602</t>
  </si>
  <si>
    <t>Ursem Verspreide huizen Noord</t>
  </si>
  <si>
    <t>2021BU15980602</t>
  </si>
  <si>
    <t>buurten.fe13beea-f08c-4240-8207-cb873e9aa7a7</t>
  </si>
  <si>
    <t>In concept (onderzoekend). In Ursem zal worden onderzocht of de warmte uit de RWZI kan worden toegepast in de buurten. Daarbij kan eventueel ook warmte uit oppervlaktewater worden onderzocht. Daarnaast bekijken we de mogelijkheden om de gebouwen in dit g</t>
  </si>
  <si>
    <t>BU15980603</t>
  </si>
  <si>
    <t>Reigerlaan Ursem en omgeving</t>
  </si>
  <si>
    <t>2021BU15980603</t>
  </si>
  <si>
    <t>buurten.492ce306-5699-46dd-9063-e37ddc1ebc51</t>
  </si>
  <si>
    <t>PL1598010036</t>
  </si>
  <si>
    <t>Voorsorterend. Een midden temperatuur warmtenet met warmte uit de RWZI in Ursem. Ook kan er warmte uit het oppervlaktewater in rond de dorpskern worden gewonnen. Het alternatief is inzet van elektrische warmtepompen. Zonthermie als bron zou ook verder ku</t>
  </si>
  <si>
    <t>BU15980604</t>
  </si>
  <si>
    <t>Drechterlandsedijk en omgeving</t>
  </si>
  <si>
    <t>2021BU15980604</t>
  </si>
  <si>
    <t>buurten.ea22b0a9-fa07-4802-9459-86db768b163b</t>
  </si>
  <si>
    <t>PL1598010011</t>
  </si>
  <si>
    <t>BU15980605</t>
  </si>
  <si>
    <t>Ruijterstraat en omgeving</t>
  </si>
  <si>
    <t>2021BU15980605</t>
  </si>
  <si>
    <t>buurten.43ab00d5-96b2-42ce-a0df-b963c098bddd</t>
  </si>
  <si>
    <t>BU15980606</t>
  </si>
  <si>
    <t>Zuidgouw en omgeving</t>
  </si>
  <si>
    <t>2021BU15980606</t>
  </si>
  <si>
    <t>buurten.ec97290c-3da3-4221-80ec-e323efe4375d</t>
  </si>
  <si>
    <t>PL1598010037</t>
  </si>
  <si>
    <t>BU15980607</t>
  </si>
  <si>
    <t>Tuinderij en omgeving</t>
  </si>
  <si>
    <t>2021BU15980607</t>
  </si>
  <si>
    <t>buurten.727d22c6-46fd-410b-b2b2-99b260e0e8ea</t>
  </si>
  <si>
    <t>PL1598010038</t>
  </si>
  <si>
    <t>BU15980608</t>
  </si>
  <si>
    <t>Geesterland en omgeving</t>
  </si>
  <si>
    <t>2021BU15980608</t>
  </si>
  <si>
    <t>buurten.79e66634-ad0a-4199-93de-e2ffb4dbe8c9</t>
  </si>
  <si>
    <t>BU15980609</t>
  </si>
  <si>
    <t>Ursem Verspreide huizen Oost</t>
  </si>
  <si>
    <t>2021BU15980609</t>
  </si>
  <si>
    <t>buurten.a5a3d0dc-e551-4afb-9684-aa3beba18017</t>
  </si>
  <si>
    <t>BU15980610</t>
  </si>
  <si>
    <t>Mijzerdijk</t>
  </si>
  <si>
    <t>2021BU15980610</t>
  </si>
  <si>
    <t>buurten.cf934feb-9081-46a7-9f01-2e96466ef858</t>
  </si>
  <si>
    <t>BU15980701</t>
  </si>
  <si>
    <t>De Goorn Verspreide huizen</t>
  </si>
  <si>
    <t>WK159807</t>
  </si>
  <si>
    <t>2021BU15980701</t>
  </si>
  <si>
    <t>buurten.1d1b49bd-6ee0-45d2-8ccf-8479bef5c32c</t>
  </si>
  <si>
    <t>PL1598010002</t>
  </si>
  <si>
    <t>De Goorn</t>
  </si>
  <si>
    <t>BU15980702</t>
  </si>
  <si>
    <t>Singel en omgeving</t>
  </si>
  <si>
    <t>2021BU15980702</t>
  </si>
  <si>
    <t>buurten.093ef18c-740a-4635-a882-fdde96d42e13</t>
  </si>
  <si>
    <t>PL1598010005</t>
  </si>
  <si>
    <t>BU15980703</t>
  </si>
  <si>
    <t>Pastoor Lemeerstraat en omgeving</t>
  </si>
  <si>
    <t>2021BU15980703</t>
  </si>
  <si>
    <t>buurten.dcb4bbc0-3e64-4349-ac5e-4da0b194bd4e</t>
  </si>
  <si>
    <t>BU15980704</t>
  </si>
  <si>
    <t>De Goorn en omgeving</t>
  </si>
  <si>
    <t>2021BU15980704</t>
  </si>
  <si>
    <t>buurten.c2a00fe3-a0f0-4a5f-a9d1-1dbd086dea56</t>
  </si>
  <si>
    <t>BU15980705</t>
  </si>
  <si>
    <t>Rietgras en omgeving</t>
  </si>
  <si>
    <t>2021BU15980705</t>
  </si>
  <si>
    <t>buurten.f1e4304c-6bf3-4f94-954e-b92af81f8a45</t>
  </si>
  <si>
    <t>PL1598010003</t>
  </si>
  <si>
    <t>BU15980706</t>
  </si>
  <si>
    <t>Kanteel en omgeving</t>
  </si>
  <si>
    <t>2021BU15980706</t>
  </si>
  <si>
    <t>buurten.b67b53f9-780f-4bc2-bcb8-dda6b3f85706</t>
  </si>
  <si>
    <t>BU15980707</t>
  </si>
  <si>
    <t>Kantbeugel en omgeving</t>
  </si>
  <si>
    <t>2021BU15980707</t>
  </si>
  <si>
    <t>buurten.e0adcf22-1e16-4a4d-841e-d949ece3276f</t>
  </si>
  <si>
    <t>BU15980708</t>
  </si>
  <si>
    <t>Bedrijventerrein Vredemaker</t>
  </si>
  <si>
    <t>2021BU15980708</t>
  </si>
  <si>
    <t>buurten.a8807ae9-8873-424c-bdc6-8cbea2561bb1</t>
  </si>
  <si>
    <t>BU15980709</t>
  </si>
  <si>
    <t>De Goorn Buitenroede en omgeving</t>
  </si>
  <si>
    <t>2021BU15980709</t>
  </si>
  <si>
    <t>buurten.7a45b0ad-aba3-4828-a55c-0dd6c26eab0a</t>
  </si>
  <si>
    <t>BU15980801</t>
  </si>
  <si>
    <t>Avenhorn Verspreide huizen West</t>
  </si>
  <si>
    <t>WK159808</t>
  </si>
  <si>
    <t>2021BU15980801</t>
  </si>
  <si>
    <t>buurten.796da7c0-ee59-4a98-ad25-7e3ca0a0943d</t>
  </si>
  <si>
    <t>BU15980802</t>
  </si>
  <si>
    <t>West en omgeving</t>
  </si>
  <si>
    <t>2021BU15980802</t>
  </si>
  <si>
    <t>buurten.b321ac6d-1909-41c5-ac46-166261ef8334</t>
  </si>
  <si>
    <t>PL1598010043</t>
  </si>
  <si>
    <t>Avenhorn</t>
  </si>
  <si>
    <t>BU15980803</t>
  </si>
  <si>
    <t>Alver en omgeving</t>
  </si>
  <si>
    <t>2021BU15980803</t>
  </si>
  <si>
    <t>buurten.863b39ab-ab7b-4814-a860-21189632ae1d</t>
  </si>
  <si>
    <t>PL1598010004</t>
  </si>
  <si>
    <t>Avehorn</t>
  </si>
  <si>
    <t>In concept (verkennend). In Avenhorn zal worden verkend of er mogelijkheden zijn voor aquathermie toepassingen. Hierbij zal ook de mogelijkheden om restwarmte van bakkerij Pater te benutten worden bekeken. Als alternatief zijn de woningen geschikt te mak</t>
  </si>
  <si>
    <t>Voorsorterend. Een midden temperatuur warmtenet met aquathermie uit oppervlaktewater als bron. Ook is er mogelijk midden/lage temperatuur restwarmte beschikbaar van de bakkerij Pater. Het alternatief is inzet van elektrische warmtepompen Zonthermie als b</t>
  </si>
  <si>
    <t>BU15980804</t>
  </si>
  <si>
    <t>Wieken en omgeving</t>
  </si>
  <si>
    <t>2021BU15980804</t>
  </si>
  <si>
    <t>buurten.cd070fe1-f8e0-4883-b17c-86ed53ef4a40</t>
  </si>
  <si>
    <t>BU15980805</t>
  </si>
  <si>
    <t>Het Veer en omgeving</t>
  </si>
  <si>
    <t>2021BU15980805</t>
  </si>
  <si>
    <t>buurten.c4f3da2a-69eb-4930-b3aa-bee0af119f21</t>
  </si>
  <si>
    <t>BU15980806</t>
  </si>
  <si>
    <t>Jaagweg en omgeving</t>
  </si>
  <si>
    <t>2021BU15980806</t>
  </si>
  <si>
    <t>buurten.86ef2459-d1c2-4e88-acff-85bef55f9503</t>
  </si>
  <si>
    <t>BU15980807</t>
  </si>
  <si>
    <t>Avenhorn Buitenroede en omgeving</t>
  </si>
  <si>
    <t>2021BU15980807</t>
  </si>
  <si>
    <t>buurten.5aa4c37f-8c7e-4dd5-9c31-7cbc904dd681</t>
  </si>
  <si>
    <t>BU15980808</t>
  </si>
  <si>
    <t>Grosthuizen</t>
  </si>
  <si>
    <t>2021BU15980808</t>
  </si>
  <si>
    <t>buurten.d89fc7bf-31b7-463a-a7e6-d3f393416c03</t>
  </si>
  <si>
    <t>PL1598010013</t>
  </si>
  <si>
    <t>BU15980901</t>
  </si>
  <si>
    <t>Scharwoude Verspreide huizen</t>
  </si>
  <si>
    <t>WK159809</t>
  </si>
  <si>
    <t>2021BU15980901</t>
  </si>
  <si>
    <t>buurten.bbdc34c9-5e5d-45a6-8a6c-8aabc47325b4</t>
  </si>
  <si>
    <t>Scharwoude</t>
  </si>
  <si>
    <t>BU15980902</t>
  </si>
  <si>
    <t>Scharwoude en omgeving</t>
  </si>
  <si>
    <t>2021BU15980902</t>
  </si>
  <si>
    <t>buurten.945e8225-4e6f-4d1a-aeae-6e48650a130e</t>
  </si>
  <si>
    <t>PL1598010008</t>
  </si>
  <si>
    <t>BU15981001</t>
  </si>
  <si>
    <t>Oudendijk Verspreide huizen</t>
  </si>
  <si>
    <t>WK159810</t>
  </si>
  <si>
    <t>2021BU15981001</t>
  </si>
  <si>
    <t>buurten.ed93d57d-55bb-4fa5-9baf-103ddc19ef46</t>
  </si>
  <si>
    <t>BU15981002</t>
  </si>
  <si>
    <t>Lange weide en omgeving</t>
  </si>
  <si>
    <t>2021BU15981002</t>
  </si>
  <si>
    <t>buurten.96b39f2f-8ce1-4982-a6d8-9bf1cb30bc1c</t>
  </si>
  <si>
    <t>PL1598010012</t>
  </si>
  <si>
    <t>BU16211111</t>
  </si>
  <si>
    <t>Dorp Bergschenhoek</t>
  </si>
  <si>
    <t>WK162111</t>
  </si>
  <si>
    <t>2021BU16211111</t>
  </si>
  <si>
    <t>buurten.67aefad8-320b-46bd-81e1-2e1e12657c84</t>
  </si>
  <si>
    <t>PL1621010002</t>
  </si>
  <si>
    <t>Hereiking alternatieven in 2021</t>
  </si>
  <si>
    <t>BU16211121</t>
  </si>
  <si>
    <t>2021BU16211121</t>
  </si>
  <si>
    <t>buurten.5e4cf23a-afd4-4be1-99c0-1e3ec76882bd</t>
  </si>
  <si>
    <t>BU16211211</t>
  </si>
  <si>
    <t>Bergsche Ackers</t>
  </si>
  <si>
    <t>WK162112</t>
  </si>
  <si>
    <t>2021BU16211211</t>
  </si>
  <si>
    <t>buurten.ec9d1bad-b328-4cbd-af24-504764797238</t>
  </si>
  <si>
    <t>BU16211221</t>
  </si>
  <si>
    <t>Oosteindsche Ackers</t>
  </si>
  <si>
    <t>2021BU16211221</t>
  </si>
  <si>
    <t>buurten.7f6ec69e-96af-486f-ae9e-3e53f3b52681</t>
  </si>
  <si>
    <t>BU16211231</t>
  </si>
  <si>
    <t>Ackerse Zoom</t>
  </si>
  <si>
    <t>2021BU16211231</t>
  </si>
  <si>
    <t>buurten.f7e952d1-be49-4c9d-adc0-eb6f397bc677</t>
  </si>
  <si>
    <t>BU16211311</t>
  </si>
  <si>
    <t>WK162113</t>
  </si>
  <si>
    <t>2021BU16211311</t>
  </si>
  <si>
    <t>buurten.e0072ce5-c896-4b30-8b53-fe7f2adb9027</t>
  </si>
  <si>
    <t>PL1621010001</t>
  </si>
  <si>
    <t>Eilandenbuurt en Bleiswijk zuid</t>
  </si>
  <si>
    <t>deelname particulier bezit, financiele ondersteuning voor bewoners</t>
  </si>
  <si>
    <t>BU16211321</t>
  </si>
  <si>
    <t>2021BU16211321</t>
  </si>
  <si>
    <t>buurten.27c98d2f-8f91-429a-960c-37fe3ae5b4a1</t>
  </si>
  <si>
    <t>BU16211331</t>
  </si>
  <si>
    <t>Boterdorpse Zoom</t>
  </si>
  <si>
    <t>2021BU16211331</t>
  </si>
  <si>
    <t>buurten.30c55bfb-4386-4883-a862-864efc9d6fd0</t>
  </si>
  <si>
    <t>BU16211411</t>
  </si>
  <si>
    <t>Wilderszijde</t>
  </si>
  <si>
    <t>WK162114</t>
  </si>
  <si>
    <t>2021BU16211411</t>
  </si>
  <si>
    <t>buurten.fa011de3-c435-4ad0-803d-2eeda408e7db</t>
  </si>
  <si>
    <t>BU16211514</t>
  </si>
  <si>
    <t>Bergse Nos</t>
  </si>
  <si>
    <t>WK162115</t>
  </si>
  <si>
    <t>2021BU16211514</t>
  </si>
  <si>
    <t>buurten.a2c4bf5d-3eed-4e74-9eb6-d4ddc04ada2f</t>
  </si>
  <si>
    <t>BU16211522</t>
  </si>
  <si>
    <t>Schreyracker</t>
  </si>
  <si>
    <t>2021BU16211522</t>
  </si>
  <si>
    <t>buurten.3ec5f21b-d6b0-47cf-82ad-d6c85532724a</t>
  </si>
  <si>
    <t>BU16211531</t>
  </si>
  <si>
    <t>Hoeksekade</t>
  </si>
  <si>
    <t>2021BU16211531</t>
  </si>
  <si>
    <t>buurten.43c7a5f8-c71b-486b-a7bc-968bc758b9dd</t>
  </si>
  <si>
    <t>BU16211543</t>
  </si>
  <si>
    <t>Weg en Land</t>
  </si>
  <si>
    <t>2021BU16211543</t>
  </si>
  <si>
    <t>buurten.24e20770-c2ed-4e9b-9f56-d210519ba05a</t>
  </si>
  <si>
    <t>BU16211552</t>
  </si>
  <si>
    <t>Warmoeziersweg</t>
  </si>
  <si>
    <t>2021BU16211552</t>
  </si>
  <si>
    <t>buurten.a3c41095-bf7c-4b40-81bd-a27351981893</t>
  </si>
  <si>
    <t>BU16212111</t>
  </si>
  <si>
    <t>Berkel Dorp</t>
  </si>
  <si>
    <t>WK162121</t>
  </si>
  <si>
    <t>2021BU16212111</t>
  </si>
  <si>
    <t>buurten.5b7e9c92-7e3d-4e72-8a65-4114004837f8</t>
  </si>
  <si>
    <t>BU16212121</t>
  </si>
  <si>
    <t>Parkbuurt</t>
  </si>
  <si>
    <t>2021BU16212121</t>
  </si>
  <si>
    <t>buurten.e69aaf3c-21a8-4750-b728-8dc7d49b7bfe</t>
  </si>
  <si>
    <t>PL1621010005</t>
  </si>
  <si>
    <t>BU16212131</t>
  </si>
  <si>
    <t>2021BU16212131</t>
  </si>
  <si>
    <t>buurten.0d6c531a-c268-4650-9c9f-eca924b03c49</t>
  </si>
  <si>
    <t>BU16212144</t>
  </si>
  <si>
    <t>Annie M.G. Schmidtpark Midden</t>
  </si>
  <si>
    <t>2021BU16212144</t>
  </si>
  <si>
    <t>buurten.82ee3a31-7b90-4ec3-af01-bde5232fd50d</t>
  </si>
  <si>
    <t>BU16212211</t>
  </si>
  <si>
    <t>Bomen- en Struikenbuurt</t>
  </si>
  <si>
    <t>WK162122</t>
  </si>
  <si>
    <t>2021BU16212211</t>
  </si>
  <si>
    <t>buurten.5a796af7-176c-4685-855c-33d9ea3b58dc</t>
  </si>
  <si>
    <t>BU16212221</t>
  </si>
  <si>
    <t>2021BU16212221</t>
  </si>
  <si>
    <t>buurten.27ba9cd9-f2c5-4a3c-950a-7d759803d6c2</t>
  </si>
  <si>
    <t>BU16212231</t>
  </si>
  <si>
    <t>Edelsteenbuurt</t>
  </si>
  <si>
    <t>2021BU16212231</t>
  </si>
  <si>
    <t>buurten.b84a5883-8e4a-4432-8430-9a2470628881</t>
  </si>
  <si>
    <t>BU16212241</t>
  </si>
  <si>
    <t>2021BU16212241</t>
  </si>
  <si>
    <t>buurten.fc200182-4632-4450-be03-5419d8638cb5</t>
  </si>
  <si>
    <t>BU16212254</t>
  </si>
  <si>
    <t>Annie M.G. Schmidtpark Noord</t>
  </si>
  <si>
    <t>2021BU16212254</t>
  </si>
  <si>
    <t>buurten.8e5fdadc-8e95-4f2d-b563-63d9f62547e0</t>
  </si>
  <si>
    <t>BU16212311</t>
  </si>
  <si>
    <t>WK162123</t>
  </si>
  <si>
    <t>2021BU16212311</t>
  </si>
  <si>
    <t>buurten.db1d90a0-d5b6-4854-9794-b4372920b0c1</t>
  </si>
  <si>
    <t>BU16212321</t>
  </si>
  <si>
    <t>2021BU16212321</t>
  </si>
  <si>
    <t>buurten.27b58e23-44d8-4177-963d-c786c5d63110</t>
  </si>
  <si>
    <t>BU16212331</t>
  </si>
  <si>
    <t>2021BU16212331</t>
  </si>
  <si>
    <t>buurten.a432bc2a-cbf9-4983-bf6c-7acc179e940b</t>
  </si>
  <si>
    <t>BU16212412</t>
  </si>
  <si>
    <t>WK162124</t>
  </si>
  <si>
    <t>2021BU16212412</t>
  </si>
  <si>
    <t>buurten.49568fed-d22a-41e5-845c-305fdd5ceea9</t>
  </si>
  <si>
    <t>PL1926010011</t>
  </si>
  <si>
    <t>BU16212511</t>
  </si>
  <si>
    <t>WK162125</t>
  </si>
  <si>
    <t>2021BU16212511</t>
  </si>
  <si>
    <t>buurten.bf26063d-012a-40e5-95ce-c06e58c21e89</t>
  </si>
  <si>
    <t>BU16212521</t>
  </si>
  <si>
    <t>Parc Rodenrijs</t>
  </si>
  <si>
    <t>2021BU16212521</t>
  </si>
  <si>
    <t>buurten.21953325-6621-4532-96af-b8fc0bbd787a</t>
  </si>
  <si>
    <t>BU16212531</t>
  </si>
  <si>
    <t>2021BU16212531</t>
  </si>
  <si>
    <t>buurten.543e9fed-4401-4e27-9222-2699876df58a</t>
  </si>
  <si>
    <t>BU16212541</t>
  </si>
  <si>
    <t>Weidebloembuurt</t>
  </si>
  <si>
    <t>2021BU16212541</t>
  </si>
  <si>
    <t>buurten.f704f02b-26be-4052-b93a-86000255b2b0</t>
  </si>
  <si>
    <t>BU16212611</t>
  </si>
  <si>
    <t>Rodenrijse Zoom</t>
  </si>
  <si>
    <t>WK162126</t>
  </si>
  <si>
    <t>2021BU16212611</t>
  </si>
  <si>
    <t>buurten.d5e55339-baff-4763-b7ef-501af8a70eb4</t>
  </si>
  <si>
    <t>BU16212621</t>
  </si>
  <si>
    <t>Bonfut</t>
  </si>
  <si>
    <t>2021BU16212621</t>
  </si>
  <si>
    <t>buurten.c223f7f9-ce11-493c-9eae-3cad158ff48f</t>
  </si>
  <si>
    <t>BU16212633</t>
  </si>
  <si>
    <t>Berkelse Poort</t>
  </si>
  <si>
    <t>2021BU16212633</t>
  </si>
  <si>
    <t>buurten.0034e6ea-7af5-401c-9979-99d44c80970e</t>
  </si>
  <si>
    <t>BU16212644</t>
  </si>
  <si>
    <t>Annie M.G. Schmidtpark Zuid</t>
  </si>
  <si>
    <t>2021BU16212644</t>
  </si>
  <si>
    <t>buurten.eb187ab6-845b-48db-ae2b-74f37cf8159a</t>
  </si>
  <si>
    <t>BU16212711</t>
  </si>
  <si>
    <t>Bolwerk</t>
  </si>
  <si>
    <t>WK162127</t>
  </si>
  <si>
    <t>2021BU16212711</t>
  </si>
  <si>
    <t>buurten.28fc51fc-8e5e-4d92-b62f-62e84f67d160</t>
  </si>
  <si>
    <t>BU16212721</t>
  </si>
  <si>
    <t>Gouden Griffelbuurt</t>
  </si>
  <si>
    <t>2021BU16212721</t>
  </si>
  <si>
    <t>buurten.d46b3e9b-b45f-4e2b-a813-edf358d10453</t>
  </si>
  <si>
    <t>BU16212731</t>
  </si>
  <si>
    <t>Gouden Uilbuurt</t>
  </si>
  <si>
    <t>2021BU16212731</t>
  </si>
  <si>
    <t>buurten.2d199a59-9655-41b4-813d-22594d9e0065</t>
  </si>
  <si>
    <t>BU16212741</t>
  </si>
  <si>
    <t>Buurt 2741</t>
  </si>
  <si>
    <t>2021BU16212741</t>
  </si>
  <si>
    <t>buurten.4abce739-d683-4ce4-85cc-3eaacda17a21</t>
  </si>
  <si>
    <t>BU16212814</t>
  </si>
  <si>
    <t>Vlinderstrik</t>
  </si>
  <si>
    <t>WK162128</t>
  </si>
  <si>
    <t>2021BU16212814</t>
  </si>
  <si>
    <t>buurten.a42c2d42-1bb6-4c30-9e9d-6d12545353f4</t>
  </si>
  <si>
    <t>BU16212823</t>
  </si>
  <si>
    <t>Spoorhaven</t>
  </si>
  <si>
    <t>2021BU16212823</t>
  </si>
  <si>
    <t>buurten.dbe9a6bb-e3b5-48d7-98f8-9b2d5f7bd57f</t>
  </si>
  <si>
    <t>BU16212833</t>
  </si>
  <si>
    <t>Bedrijventerrein Rodenrijs</t>
  </si>
  <si>
    <t>2021BU16212833</t>
  </si>
  <si>
    <t>buurten.1c882a28-c893-437a-88be-19e63888c821</t>
  </si>
  <si>
    <t>BU16212843</t>
  </si>
  <si>
    <t>Oudeland</t>
  </si>
  <si>
    <t>2021BU16212843</t>
  </si>
  <si>
    <t>buurten.dce0a42f-14b8-49f8-bc24-acaa7cd1584b</t>
  </si>
  <si>
    <t>BU16212851</t>
  </si>
  <si>
    <t>Buurt 2851</t>
  </si>
  <si>
    <t>2021BU16212851</t>
  </si>
  <si>
    <t>buurten.ae567f48-eccc-4738-9b0e-76ab3a8062a5</t>
  </si>
  <si>
    <t>BU16212864</t>
  </si>
  <si>
    <t>Bergboezem</t>
  </si>
  <si>
    <t>2021BU16212864</t>
  </si>
  <si>
    <t>buurten.3e3e5cd4-9c4f-4a65-b896-e7695140e9ae</t>
  </si>
  <si>
    <t>BU16213111</t>
  </si>
  <si>
    <t>WK162131</t>
  </si>
  <si>
    <t>2021BU16213111</t>
  </si>
  <si>
    <t>buurten.e0fada43-6727-4bb0-956a-66d5c1569921</t>
  </si>
  <si>
    <t>bestaand warmtenet Eneco uitbreiden, of leiding over Oost, of geothermie</t>
  </si>
  <si>
    <t>bestaande warmtenet uitbreiden of geothermie</t>
  </si>
  <si>
    <t>BU16213121</t>
  </si>
  <si>
    <t>2021BU16213121</t>
  </si>
  <si>
    <t>buurten.cb937f27-b95c-4719-b426-78935bcd9400</t>
  </si>
  <si>
    <t>BU16213133</t>
  </si>
  <si>
    <t>De Hoefslag</t>
  </si>
  <si>
    <t>2021BU16213133</t>
  </si>
  <si>
    <t>buurten.cd7b3132-0dab-43f8-a73f-37e2fdc78373</t>
  </si>
  <si>
    <t>BU16213141</t>
  </si>
  <si>
    <t>2021BU16213141</t>
  </si>
  <si>
    <t>buurten.fa57e660-c9f5-4d49-93d7-6d7632130f9e</t>
  </si>
  <si>
    <t>BU16213162</t>
  </si>
  <si>
    <t>2021BU16213162</t>
  </si>
  <si>
    <t>buurten.e425b8c8-d244-4ee7-91cc-169848c2ebcb</t>
  </si>
  <si>
    <t>BU16213211</t>
  </si>
  <si>
    <t>WK162132</t>
  </si>
  <si>
    <t>2021BU16213211</t>
  </si>
  <si>
    <t>buurten.000c668e-2852-4b33-9564-32dbfa640fa2</t>
  </si>
  <si>
    <t>BU16213221</t>
  </si>
  <si>
    <t>2021BU16213221</t>
  </si>
  <si>
    <t>buurten.61abd6b7-6b1e-42a8-966c-cfbc5e17469f</t>
  </si>
  <si>
    <t>BU16213231</t>
  </si>
  <si>
    <t>2021BU16213231</t>
  </si>
  <si>
    <t>buurten.46346518-bc7d-483c-9e57-39bc53eb75d1</t>
  </si>
  <si>
    <t>BU16213242</t>
  </si>
  <si>
    <t>Merenveld</t>
  </si>
  <si>
    <t>2021BU16213242</t>
  </si>
  <si>
    <t>buurten.a0c7c4a3-1afb-46ca-a115-7a1502098c48</t>
  </si>
  <si>
    <t>BU16213251</t>
  </si>
  <si>
    <t>2021BU16213251</t>
  </si>
  <si>
    <t>buurten.69e2c703-b1e7-468d-bcd6-6b0f83a5b27e</t>
  </si>
  <si>
    <t>BU16213261</t>
  </si>
  <si>
    <t>2021BU16213261</t>
  </si>
  <si>
    <t>buurten.6e35943c-7446-4dfc-b0a2-b9fb8e60ebae</t>
  </si>
  <si>
    <t>BU16213312</t>
  </si>
  <si>
    <t>Overbuurtse Polder</t>
  </si>
  <si>
    <t>WK162133</t>
  </si>
  <si>
    <t>2021BU16213312</t>
  </si>
  <si>
    <t>buurten.3f0da147-08c5-4735-9c77-f0ce643ae4e5</t>
  </si>
  <si>
    <t>BU16213323</t>
  </si>
  <si>
    <t>Klappolder</t>
  </si>
  <si>
    <t>2021BU16213323</t>
  </si>
  <si>
    <t>buurten.92e726aa-6b15-4c5b-87ee-5df0d84c8054</t>
  </si>
  <si>
    <t>BU16213334</t>
  </si>
  <si>
    <t>Rotte Zoom</t>
  </si>
  <si>
    <t>2021BU16213334</t>
  </si>
  <si>
    <t>buurten.890546fc-4f5b-42ff-8e1b-e99c6b7bb732</t>
  </si>
  <si>
    <t>BU16213344</t>
  </si>
  <si>
    <t>Kruisweg</t>
  </si>
  <si>
    <t>2021BU16213344</t>
  </si>
  <si>
    <t>buurten.7e67babf-3a67-44eb-a072-69e37c5b5938</t>
  </si>
  <si>
    <t>BU16213353</t>
  </si>
  <si>
    <t>Prisma</t>
  </si>
  <si>
    <t>2021BU16213353</t>
  </si>
  <si>
    <t>buurten.059502f4-57f3-403e-b5ab-0fcab974ffed</t>
  </si>
  <si>
    <t>BU16400000</t>
  </si>
  <si>
    <t>Kern Heythuysen</t>
  </si>
  <si>
    <t>WK164000</t>
  </si>
  <si>
    <t>2021BU16400000</t>
  </si>
  <si>
    <t>buurten.804abf72-6794-41e6-948b-55ded442d759</t>
  </si>
  <si>
    <t>BU16400001</t>
  </si>
  <si>
    <t>Verspreide huizen Heythuysen</t>
  </si>
  <si>
    <t>2021BU16400001</t>
  </si>
  <si>
    <t>buurten.dcb8e681-c376-4153-8537-73de6ac1370a</t>
  </si>
  <si>
    <t>BU16400100</t>
  </si>
  <si>
    <t>Kern Heibloem</t>
  </si>
  <si>
    <t>WK164001</t>
  </si>
  <si>
    <t>2021BU16400100</t>
  </si>
  <si>
    <t>buurten.6ff318cd-bd05-4540-9867-8060bbc3b56f</t>
  </si>
  <si>
    <t>BU16400101</t>
  </si>
  <si>
    <t>Verspreide huizen Heibloem</t>
  </si>
  <si>
    <t>2021BU16400101</t>
  </si>
  <si>
    <t>buurten.b506871b-93c8-455f-b60c-880d912c7fe4</t>
  </si>
  <si>
    <t>BU16400200</t>
  </si>
  <si>
    <t>Kern Roggel</t>
  </si>
  <si>
    <t>WK164002</t>
  </si>
  <si>
    <t>2021BU16400200</t>
  </si>
  <si>
    <t>buurten.2aa8bb55-5ce0-4d9d-ab63-d94fba3a7e10</t>
  </si>
  <si>
    <t>BU16400201</t>
  </si>
  <si>
    <t>Verspreide huizen Roggel</t>
  </si>
  <si>
    <t>2021BU16400201</t>
  </si>
  <si>
    <t>buurten.d6eefaf7-a303-4682-ae2f-a3e66ec0b9dd</t>
  </si>
  <si>
    <t>BU16400300</t>
  </si>
  <si>
    <t>Kern Neer</t>
  </si>
  <si>
    <t>WK164003</t>
  </si>
  <si>
    <t>2021BU16400300</t>
  </si>
  <si>
    <t>buurten.28ca5b3b-a944-4ddc-8348-5f03a72c703d</t>
  </si>
  <si>
    <t>BU16400301</t>
  </si>
  <si>
    <t>Verspreide huizen Neer</t>
  </si>
  <si>
    <t>2021BU16400301</t>
  </si>
  <si>
    <t>buurten.00330860-c6e7-491c-8600-a404da37d733</t>
  </si>
  <si>
    <t>BU16400400</t>
  </si>
  <si>
    <t>Kern Nunhem</t>
  </si>
  <si>
    <t>WK164004</t>
  </si>
  <si>
    <t>2021BU16400400</t>
  </si>
  <si>
    <t>buurten.6906f850-566a-40d6-909f-891891019c18</t>
  </si>
  <si>
    <t>BU16400401</t>
  </si>
  <si>
    <t>Verspreide huizen Nunhem</t>
  </si>
  <si>
    <t>2021BU16400401</t>
  </si>
  <si>
    <t>buurten.f27aa8a2-baf5-43fb-92e9-108cb82a98d3</t>
  </si>
  <si>
    <t>BU16400500</t>
  </si>
  <si>
    <t>Kern Haelen</t>
  </si>
  <si>
    <t>WK164005</t>
  </si>
  <si>
    <t>2021BU16400500</t>
  </si>
  <si>
    <t>buurten.30e093e8-f876-44fd-b23d-456ad68cc0a9</t>
  </si>
  <si>
    <t>BU16400501</t>
  </si>
  <si>
    <t>Verspreide huizen Haelen</t>
  </si>
  <si>
    <t>2021BU16400501</t>
  </si>
  <si>
    <t>buurten.ed1c1d8b-f172-466b-8635-3038fc7ee8f4</t>
  </si>
  <si>
    <t>BU16400600</t>
  </si>
  <si>
    <t>Kern Buggenum</t>
  </si>
  <si>
    <t>WK164006</t>
  </si>
  <si>
    <t>2021BU16400600</t>
  </si>
  <si>
    <t>buurten.cd10455c-b0bc-480a-9240-b75a039f8d50</t>
  </si>
  <si>
    <t>BU16400601</t>
  </si>
  <si>
    <t>Verspreide huizen Buggenum</t>
  </si>
  <si>
    <t>2021BU16400601</t>
  </si>
  <si>
    <t>buurten.13df54c7-7365-4121-9a76-5e02b8eaef28</t>
  </si>
  <si>
    <t>BU16400700</t>
  </si>
  <si>
    <t>Kern Horn</t>
  </si>
  <si>
    <t>WK164007</t>
  </si>
  <si>
    <t>2021BU16400700</t>
  </si>
  <si>
    <t>buurten.85abe553-e128-460c-b108-9b3984dd678f</t>
  </si>
  <si>
    <t>BU16400701</t>
  </si>
  <si>
    <t>Verspreide huizen Horn</t>
  </si>
  <si>
    <t>2021BU16400701</t>
  </si>
  <si>
    <t>buurten.52d843b8-4a8c-4bc5-9d6b-e71fd32a90e4</t>
  </si>
  <si>
    <t>BU16400800</t>
  </si>
  <si>
    <t>Kern Baexem</t>
  </si>
  <si>
    <t>WK164008</t>
  </si>
  <si>
    <t>2021BU16400800</t>
  </si>
  <si>
    <t>buurten.97d8fa4a-6f70-4351-b0ee-d8799b703561</t>
  </si>
  <si>
    <t>BU16400801</t>
  </si>
  <si>
    <t>Verspreide huizen Baexem</t>
  </si>
  <si>
    <t>2021BU16400801</t>
  </si>
  <si>
    <t>buurten.a87b8fe6-4f5f-441f-88ed-a5ea02cdd925</t>
  </si>
  <si>
    <t>BU16400900</t>
  </si>
  <si>
    <t>Kern Kelpen-Oler</t>
  </si>
  <si>
    <t>WK164009</t>
  </si>
  <si>
    <t>2021BU16400900</t>
  </si>
  <si>
    <t>buurten.8931cb0d-e752-4b30-a57c-4760b0f050ff</t>
  </si>
  <si>
    <t>BU16400901</t>
  </si>
  <si>
    <t>Verspreide huizen Kelpen-Oler</t>
  </si>
  <si>
    <t>2021BU16400901</t>
  </si>
  <si>
    <t>buurten.3599adaa-4571-4561-8070-b8725a5c8074</t>
  </si>
  <si>
    <t>BU16401000</t>
  </si>
  <si>
    <t>Kern Grathem</t>
  </si>
  <si>
    <t>WK164010</t>
  </si>
  <si>
    <t>2021BU16401000</t>
  </si>
  <si>
    <t>buurten.e36de094-8146-4776-932f-360e2cf3a0e8</t>
  </si>
  <si>
    <t>BU16401001</t>
  </si>
  <si>
    <t>Verspreide huizen Grathem</t>
  </si>
  <si>
    <t>2021BU16401001</t>
  </si>
  <si>
    <t>buurten.b0c4b9cd-4ecc-4ed5-9feb-573a7460b048</t>
  </si>
  <si>
    <t>BU16401100</t>
  </si>
  <si>
    <t>Kern Ell</t>
  </si>
  <si>
    <t>WK164011</t>
  </si>
  <si>
    <t>2021BU16401100</t>
  </si>
  <si>
    <t>buurten.d2356e15-e6fd-47b9-b4c8-30a5c7ac0629</t>
  </si>
  <si>
    <t>BU16401101</t>
  </si>
  <si>
    <t>Verspreide huizen Ell</t>
  </si>
  <si>
    <t>2021BU16401101</t>
  </si>
  <si>
    <t>buurten.6980acba-c1ec-4e13-89ad-d4741f68ecbc</t>
  </si>
  <si>
    <t>BU16401200</t>
  </si>
  <si>
    <t>Kern Haler</t>
  </si>
  <si>
    <t>WK164012</t>
  </si>
  <si>
    <t>2021BU16401200</t>
  </si>
  <si>
    <t>buurten.d2c673a6-7cff-4754-94e0-904996d448fe</t>
  </si>
  <si>
    <t>BU16401201</t>
  </si>
  <si>
    <t>Verspreide huizen Haler</t>
  </si>
  <si>
    <t>2021BU16401201</t>
  </si>
  <si>
    <t>buurten.d7b82399-fa94-4764-b135-7bb5effc93e7</t>
  </si>
  <si>
    <t>BU16401300</t>
  </si>
  <si>
    <t>Kern Hunsel</t>
  </si>
  <si>
    <t>WK164013</t>
  </si>
  <si>
    <t>2021BU16401300</t>
  </si>
  <si>
    <t>buurten.8bd35cdb-aebe-4a6c-bce9-662a53686ba8</t>
  </si>
  <si>
    <t>BU16401301</t>
  </si>
  <si>
    <t>Verspreide huizen Hunsel</t>
  </si>
  <si>
    <t>2021BU16401301</t>
  </si>
  <si>
    <t>buurten.d7fd2687-17b0-4e1c-8c3a-61e754b6fd90</t>
  </si>
  <si>
    <t>BU16401400</t>
  </si>
  <si>
    <t>Kern Neeritter</t>
  </si>
  <si>
    <t>WK164014</t>
  </si>
  <si>
    <t>2021BU16401400</t>
  </si>
  <si>
    <t>buurten.13ed3d34-6ff7-4767-9340-1801aa69c759</t>
  </si>
  <si>
    <t>BU16401401</t>
  </si>
  <si>
    <t>Verspreide huizen Neeritter</t>
  </si>
  <si>
    <t>2021BU16401401</t>
  </si>
  <si>
    <t>buurten.a2009fa6-3cbb-4526-9321-bd0183f1ef4a</t>
  </si>
  <si>
    <t>BU16401500</t>
  </si>
  <si>
    <t>Kern Ittervoort</t>
  </si>
  <si>
    <t>WK164015</t>
  </si>
  <si>
    <t>2021BU16401500</t>
  </si>
  <si>
    <t>buurten.0b17fc71-a4db-4609-b143-a257d1f4ece8</t>
  </si>
  <si>
    <t>BU16401501</t>
  </si>
  <si>
    <t>Verspreide huizen Ittervoort</t>
  </si>
  <si>
    <t>2021BU16401501</t>
  </si>
  <si>
    <t>buurten.0bd03f79-4ac0-40f5-88f3-61e79ba34e7c</t>
  </si>
  <si>
    <t>BU16410000</t>
  </si>
  <si>
    <t>Maasbracht</t>
  </si>
  <si>
    <t>WK164100</t>
  </si>
  <si>
    <t>GM1641</t>
  </si>
  <si>
    <t>Maasgouw</t>
  </si>
  <si>
    <t>2021BU16410000</t>
  </si>
  <si>
    <t>buurten.99673bd3-b060-4a0a-aa56-dca7ff3d20c5</t>
  </si>
  <si>
    <t>BU16410001</t>
  </si>
  <si>
    <t>Brachterbeek</t>
  </si>
  <si>
    <t>2021BU16410001</t>
  </si>
  <si>
    <t>buurten.3b6c9456-8ac1-4866-b1c2-cdb4219da709</t>
  </si>
  <si>
    <t>BU16410009</t>
  </si>
  <si>
    <t>Verspreide huizen Het Vonderen</t>
  </si>
  <si>
    <t>2021BU16410009</t>
  </si>
  <si>
    <t>buurten.36e2861f-9d0f-46a0-80a4-d84cceb55633</t>
  </si>
  <si>
    <t>BU16410100</t>
  </si>
  <si>
    <t>Linne</t>
  </si>
  <si>
    <t>WK164101</t>
  </si>
  <si>
    <t>2021BU16410100</t>
  </si>
  <si>
    <t>buurten.69ceb072-70d1-49bb-9478-8aba7732295e</t>
  </si>
  <si>
    <t>BU16410109</t>
  </si>
  <si>
    <t>Verspreide huizen Linnerveld en Weerd</t>
  </si>
  <si>
    <t>2021BU16410109</t>
  </si>
  <si>
    <t>buurten.70f15086-547e-41a1-9236-6a2cbcd460da</t>
  </si>
  <si>
    <t>BU16410200</t>
  </si>
  <si>
    <t>Stevensweert waaronder Bilt</t>
  </si>
  <si>
    <t>WK164102</t>
  </si>
  <si>
    <t>2021BU16410200</t>
  </si>
  <si>
    <t>buurten.aad59539-684b-4f64-8a62-e891a0b7f1d2</t>
  </si>
  <si>
    <t>BU16410201</t>
  </si>
  <si>
    <t>Eiland-Brandt</t>
  </si>
  <si>
    <t>2021BU16410201</t>
  </si>
  <si>
    <t>buurten.03bd587e-2d96-4228-a274-bbb765fdb28b</t>
  </si>
  <si>
    <t>BU16410300</t>
  </si>
  <si>
    <t>Laak</t>
  </si>
  <si>
    <t>WK164103</t>
  </si>
  <si>
    <t>2021BU16410300</t>
  </si>
  <si>
    <t>buurten.3b9b007e-2fd4-47bd-be45-4dcf6303e4b2</t>
  </si>
  <si>
    <t>BU16410301</t>
  </si>
  <si>
    <t>Ohé</t>
  </si>
  <si>
    <t>2021BU16410301</t>
  </si>
  <si>
    <t>buurten.96cbb58e-a589-4f14-809b-f417751ab73c</t>
  </si>
  <si>
    <t>BU16410400</t>
  </si>
  <si>
    <t>Thorn</t>
  </si>
  <si>
    <t>WK164104</t>
  </si>
  <si>
    <t>2021BU16410400</t>
  </si>
  <si>
    <t>buurten.769ad974-a618-49cf-b977-6badbcb2eff4</t>
  </si>
  <si>
    <t>BU16410409</t>
  </si>
  <si>
    <t>Verspreide huizen Thorn</t>
  </si>
  <si>
    <t>2021BU16410409</t>
  </si>
  <si>
    <t>buurten.06c98cd0-c363-4a7f-ab68-3ee3a03ecd8b</t>
  </si>
  <si>
    <t>BU16410500</t>
  </si>
  <si>
    <t>Heel</t>
  </si>
  <si>
    <t>WK164105</t>
  </si>
  <si>
    <t>2021BU16410500</t>
  </si>
  <si>
    <t>buurten.777932e6-7879-4184-b513-20a628096a83</t>
  </si>
  <si>
    <t>BU16410501</t>
  </si>
  <si>
    <t>Panheel</t>
  </si>
  <si>
    <t>2021BU16410501</t>
  </si>
  <si>
    <t>buurten.c89e5bbd-69ed-4693-9fdd-5a6d3772afc3</t>
  </si>
  <si>
    <t>BU16410509</t>
  </si>
  <si>
    <t>Verspreide huizen Heel</t>
  </si>
  <si>
    <t>2021BU16410509</t>
  </si>
  <si>
    <t>buurten.db880219-383a-4b1d-801b-3e220fcb0845</t>
  </si>
  <si>
    <t>BU16410600</t>
  </si>
  <si>
    <t>Beegden</t>
  </si>
  <si>
    <t>WK164106</t>
  </si>
  <si>
    <t>2021BU16410600</t>
  </si>
  <si>
    <t>buurten.12581210-f861-4813-9b3d-d73381b13b0d</t>
  </si>
  <si>
    <t>BU16410700</t>
  </si>
  <si>
    <t>Wessem</t>
  </si>
  <si>
    <t>WK164107</t>
  </si>
  <si>
    <t>2021BU16410700</t>
  </si>
  <si>
    <t>buurten.0846b0de-dc46-436c-803b-36ade1703e68</t>
  </si>
  <si>
    <t>BU16520000</t>
  </si>
  <si>
    <t>Gemert-Centrum</t>
  </si>
  <si>
    <t>WK165200</t>
  </si>
  <si>
    <t>2021BU16520000</t>
  </si>
  <si>
    <t>buurten.4f138a65-1e23-49da-833a-bada873ce8cf</t>
  </si>
  <si>
    <t>PL1652010001</t>
  </si>
  <si>
    <t>Gemert-West</t>
  </si>
  <si>
    <t>In concept (onderzoekend). Op korte termijn (tussen 2022 en 2025) zal er worden gekeken naar de wenselijkheid om groen gas in te zetten in gemeente Gemert-Bakel. Daarna kan eventueel worden gestart met bouw van een biovergister en groen gas levering. ong</t>
  </si>
  <si>
    <t>Voorsorterend. De inzet van lokaal opgewekt groen gas. Er is veel potentie in de gemeente om afvalstromen (grotendeels uit mest) te verwerken tot biogas.</t>
  </si>
  <si>
    <t>BU16520001</t>
  </si>
  <si>
    <t>Gemert-Noord</t>
  </si>
  <si>
    <t>2021BU16520001</t>
  </si>
  <si>
    <t>buurten.43df8e03-a703-45a3-8e21-544d5fb93685</t>
  </si>
  <si>
    <t>Gemert-Noord natuurlijk termijn</t>
  </si>
  <si>
    <t>BU16520002</t>
  </si>
  <si>
    <t>Gemert-Oost</t>
  </si>
  <si>
    <t>2021BU16520002</t>
  </si>
  <si>
    <t>buurten.0c2cfa3c-ce58-41e9-a64e-803c642f84a0</t>
  </si>
  <si>
    <t>PL1652010003</t>
  </si>
  <si>
    <t>Industrieterrein Sheiweg</t>
  </si>
  <si>
    <t>BU16520003</t>
  </si>
  <si>
    <t>Industrieterrein Scheiweg</t>
  </si>
  <si>
    <t>2021BU16520003</t>
  </si>
  <si>
    <t>buurten.6d0aa0ed-85f0-4df4-bf69-5c4197b5a21b</t>
  </si>
  <si>
    <t>PL1652010015</t>
  </si>
  <si>
    <t>In concept (orienterend). In deze gebieden zien we kansen of ontwikkelingen waar de gemeente, samen met belanghebbenden, tijdig op wil inspelen. Dit zijn in gemeente Gemert-Bakel de gebieden waar groen gas een mogelijkheid is. In deze gebieden staan ook</t>
  </si>
  <si>
    <t>BU16520004</t>
  </si>
  <si>
    <t>Doonheide</t>
  </si>
  <si>
    <t>2021BU16520004</t>
  </si>
  <si>
    <t>buurten.d8705aee-f10e-4a6d-aacd-70cc0218d4e6</t>
  </si>
  <si>
    <t>PL1652010002</t>
  </si>
  <si>
    <t>In concept (onderzoekend). Voor deze buurten starten we met een onderzoek naar de inzet van een warmtenet. Ook bekijken we de mogelijkheden om de gebouwen in dit gebied zover te isoleren dat ze klaar zijn voor inzet van een aardgas alternatief (aardgasvr</t>
  </si>
  <si>
    <t>Voorsorterend. Onderzoek naar haalbaarheid warmtenet. Aardgasvrij-ready maken voor evt. andere oplossingen.</t>
  </si>
  <si>
    <t>BU16520007</t>
  </si>
  <si>
    <t>Verspreide huizen Kampen-Esdonk</t>
  </si>
  <si>
    <t>2021BU16520007</t>
  </si>
  <si>
    <t>buurten.00b5956e-f2eb-4ca2-add3-5a40b029a9b7</t>
  </si>
  <si>
    <t>PL1652010004</t>
  </si>
  <si>
    <t>BU16520008</t>
  </si>
  <si>
    <t>Verspreide huizen Broekkant</t>
  </si>
  <si>
    <t>2021BU16520008</t>
  </si>
  <si>
    <t>buurten.edc1baaf-5eca-44a2-b14f-8402a3fb5202</t>
  </si>
  <si>
    <t>PL1652010017</t>
  </si>
  <si>
    <t>Gemert-oost naturlijk termijn</t>
  </si>
  <si>
    <t>BU16520009</t>
  </si>
  <si>
    <t>Verspreide huizen Rooije Hoef</t>
  </si>
  <si>
    <t>2021BU16520009</t>
  </si>
  <si>
    <t>buurten.caf5e791-75e2-4afd-8b77-612b01bd9e30</t>
  </si>
  <si>
    <t>BU16520100</t>
  </si>
  <si>
    <t>Handel</t>
  </si>
  <si>
    <t>WK165201</t>
  </si>
  <si>
    <t>2021BU16520100</t>
  </si>
  <si>
    <t>buurten.61f7173f-1ea8-4c1b-b950-fec2107afe58</t>
  </si>
  <si>
    <t>PL1652010012</t>
  </si>
  <si>
    <t>BU16520108</t>
  </si>
  <si>
    <t>Verspreide huizen Verreheide</t>
  </si>
  <si>
    <t>2021BU16520108</t>
  </si>
  <si>
    <t>buurten.5d0759d2-0033-45d7-81f9-b63e0b132b4d</t>
  </si>
  <si>
    <t>BU16520109</t>
  </si>
  <si>
    <t>Verspreide huizen Heereveld</t>
  </si>
  <si>
    <t>2021BU16520109</t>
  </si>
  <si>
    <t>buurten.84cfb841-4ddb-4f6d-9a8b-1ab9acaeca7b</t>
  </si>
  <si>
    <t>BU16520200</t>
  </si>
  <si>
    <t>WK165202</t>
  </si>
  <si>
    <t>2021BU16520200</t>
  </si>
  <si>
    <t>buurten.8310c2ad-f78e-4e19-88c8-64818c3e43c5</t>
  </si>
  <si>
    <t>PL1652010013</t>
  </si>
  <si>
    <t>BU16520208</t>
  </si>
  <si>
    <t>Verspreide huizen Milschot-Tereyken</t>
  </si>
  <si>
    <t>2021BU16520208</t>
  </si>
  <si>
    <t>buurten.c1d6c130-d66b-4221-8892-7884476b6274</t>
  </si>
  <si>
    <t>BU16520209</t>
  </si>
  <si>
    <t>Verspreide huizen Mortelse Peel</t>
  </si>
  <si>
    <t>2021BU16520209</t>
  </si>
  <si>
    <t>buurten.1bbb82a1-913f-4d04-bf1c-827b6a2156fb</t>
  </si>
  <si>
    <t>BU16520300</t>
  </si>
  <si>
    <t>Elsendorp</t>
  </si>
  <si>
    <t>WK165203</t>
  </si>
  <si>
    <t>2021BU16520300</t>
  </si>
  <si>
    <t>buurten.245e6202-9580-4e17-91f1-3eed6ea8fe93</t>
  </si>
  <si>
    <t>PL1652010011</t>
  </si>
  <si>
    <t>Esendorp</t>
  </si>
  <si>
    <t>In concept (afwachtend). In deze gebieden hangt het tempo af van de kans om aan te sluiten op een klein collectief warmtenet. Als een klein-collectieve oplossing de meest aantrekkelijke oplossing blijkt, dan zal hier mogelijk voor worden gekozen. Omdat i</t>
  </si>
  <si>
    <t>Voorkeursoptie. In deze gebieden hangt het tempo af van de kans om aan te sluiten op een klein collectief warmtenet. Als een klein-collectieve oplossing de meest aantrekkelijke oplossing blijkt, dan zal hier mogelijk voor worden gekozen.</t>
  </si>
  <si>
    <t>BU16520309</t>
  </si>
  <si>
    <t>Verspreide huizen Elsendorp</t>
  </si>
  <si>
    <t>2021BU16520309</t>
  </si>
  <si>
    <t>buurten.46402632-d006-44e2-8d42-c854e29f37ba</t>
  </si>
  <si>
    <t>BU16520400</t>
  </si>
  <si>
    <t>Bakel</t>
  </si>
  <si>
    <t>WK165204</t>
  </si>
  <si>
    <t>2021BU16520400</t>
  </si>
  <si>
    <t>buurten.06b9a61e-5a4b-4fa0-a96f-b923833677ef</t>
  </si>
  <si>
    <t>PL1652010006</t>
  </si>
  <si>
    <t>Bakel Zuid</t>
  </si>
  <si>
    <t>BU16520408</t>
  </si>
  <si>
    <t>Verspreide huizen Grotelse Heide en Esp</t>
  </si>
  <si>
    <t>2021BU16520408</t>
  </si>
  <si>
    <t>buurten.07deca2a-de62-4bef-b6da-504fb451a1fb</t>
  </si>
  <si>
    <t>PL1652010007</t>
  </si>
  <si>
    <t>Bakel noord</t>
  </si>
  <si>
    <t>BU16520409</t>
  </si>
  <si>
    <t>Verspreide huizen ten zuidwesten van Bakel</t>
  </si>
  <si>
    <t>2021BU16520409</t>
  </si>
  <si>
    <t>buurten.1d92580a-914c-4aa5-9c40-280649b9a0cd</t>
  </si>
  <si>
    <t>BU16520500</t>
  </si>
  <si>
    <t>Milheeze</t>
  </si>
  <si>
    <t>WK165205</t>
  </si>
  <si>
    <t>2021BU16520500</t>
  </si>
  <si>
    <t>buurten.f66136fa-bbd8-4f62-8fb1-f880bb45e160</t>
  </si>
  <si>
    <t>PL1652010005</t>
  </si>
  <si>
    <t>Milheeze oost</t>
  </si>
  <si>
    <t>BU16520508</t>
  </si>
  <si>
    <t>Verspreide huizen Groote Peel</t>
  </si>
  <si>
    <t>2021BU16520508</t>
  </si>
  <si>
    <t>buurten.b097e822-0a2b-439c-a7fa-799048560777</t>
  </si>
  <si>
    <t>BU16520509</t>
  </si>
  <si>
    <t>Verspreide huizen Milheeze</t>
  </si>
  <si>
    <t>2021BU16520509</t>
  </si>
  <si>
    <t>buurten.23773a30-a7dc-4922-8bd9-bc2a8d8ee6e1</t>
  </si>
  <si>
    <t>BU16520600</t>
  </si>
  <si>
    <t>De Rips</t>
  </si>
  <si>
    <t>WK165206</t>
  </si>
  <si>
    <t>2021BU16520600</t>
  </si>
  <si>
    <t>buurten.71b29e7a-3558-4944-93a4-22919b12f90d</t>
  </si>
  <si>
    <t>PL1652010010</t>
  </si>
  <si>
    <t>BU16520609</t>
  </si>
  <si>
    <t>Verspreide huizen Rips</t>
  </si>
  <si>
    <t>2021BU16520609</t>
  </si>
  <si>
    <t>buurten.56acf422-db1b-47b6-b80d-db065e927e44</t>
  </si>
  <si>
    <t>BU16550101</t>
  </si>
  <si>
    <t>Oud Gastel</t>
  </si>
  <si>
    <t>WK165501</t>
  </si>
  <si>
    <t>2021BU16550101</t>
  </si>
  <si>
    <t>buurten.fc2eaea3-517d-4cd3-b40d-78727cf57431</t>
  </si>
  <si>
    <t>PL1655010003</t>
  </si>
  <si>
    <t>Bedrijventerrein Oud-Gastel</t>
  </si>
  <si>
    <t>Oud-Gastel</t>
  </si>
  <si>
    <t>Definitief (orienterend). In gebieden waar we op middellange termijn starten voorzien we tussen 2030 en 2045 volgende stappen te gaan nemen. We kunnen dan voortbouwen op de ervaringen uit de verkenningsbuurten.</t>
  </si>
  <si>
    <t>In concept (verkennend). In Oud-Gastel zien we kansen voor een warmtenet. Met een verkenning willen we uitzoeken hoe dit haalbaar zou kunnen zijn. We willen in de eerste plaats kijken of het mogelijk is met warmte uit het Mark-Vlietkanaal en/of de Blanke</t>
  </si>
  <si>
    <t>Voorkeursoptie.  Warmtepomp voorzien als eindoplossing</t>
  </si>
  <si>
    <t>Het doel is om in de transitie van bedrijventerreinen zoveel mogelijk aan te sluiten op natuurlijke (gebieds-) ontwikkelingen van het bedrijventerrein zelf.</t>
  </si>
  <si>
    <t>Verkennen mogelijkheden warmtenet</t>
  </si>
  <si>
    <t>BU16550102</t>
  </si>
  <si>
    <t>Stoof</t>
  </si>
  <si>
    <t>2021BU16550102</t>
  </si>
  <si>
    <t>buurten.99711045-8493-4905-ba59-95d2d60eb0cc</t>
  </si>
  <si>
    <t>Lint Oud Gastel Groen gas</t>
  </si>
  <si>
    <t>In concept (afwachtend). Er zijn verschillende buurten met een diversiteit van gebouwen, waarvan een deel (vooroorlogse woningen) lastig te verduurzamen is. Hier starten we pas op de lange termijn, namelijk tussen 2040 en 2050.</t>
  </si>
  <si>
    <t>Voorsorterend. Door specifiek in deze buurten langer te wachten kan er maximaal gebruik worden gemaakt van ontwikkelingen en prijsdalingen. Ook weten we op deze manier of er (gedeeltelijk) kan worden aangehaakt bij een warmtenet in aangrenzende buurten.</t>
  </si>
  <si>
    <t>Isolatie en hybride op korte termijn, aardgasvrij (al dan niet met groen gas) op lange termijn</t>
  </si>
  <si>
    <t>BU16550109</t>
  </si>
  <si>
    <t>Verspreide huizen Oud Gastel</t>
  </si>
  <si>
    <t>2021BU16550109</t>
  </si>
  <si>
    <t>buurten.4fa4085d-c2fb-47a2-a3bf-8661a396af79</t>
  </si>
  <si>
    <t>Bedrijventerrein Borchwerf II</t>
  </si>
  <si>
    <t>Oud Gastel All electric</t>
  </si>
  <si>
    <t>BU16550201</t>
  </si>
  <si>
    <t>WK165502</t>
  </si>
  <si>
    <t>2021BU16550201</t>
  </si>
  <si>
    <t>buurten.7aa0eb07-1618-434c-897f-6ac8da976eb5</t>
  </si>
  <si>
    <t>omgevingswarmte en/of aquathermie en/of restwarmte</t>
  </si>
  <si>
    <t>BU16550209</t>
  </si>
  <si>
    <t>Verspreide huizen Stampersgat</t>
  </si>
  <si>
    <t>2021BU16550209</t>
  </si>
  <si>
    <t>buurten.2aa91ce8-02ff-4fdd-aced-47934712da53</t>
  </si>
  <si>
    <t>Lint Stampersgat groen gas</t>
  </si>
  <si>
    <t>BU16550301</t>
  </si>
  <si>
    <t>Oudenbosch-Centrum</t>
  </si>
  <si>
    <t>WK165503</t>
  </si>
  <si>
    <t>2021BU16550301</t>
  </si>
  <si>
    <t>buurten.463baa94-d31f-42fa-ae12-d4b0da9b94b6</t>
  </si>
  <si>
    <t>PL1655010006</t>
  </si>
  <si>
    <t>Oudenbosch centrum groen gas cluster</t>
  </si>
  <si>
    <t>Definitief (orienterend). Op middellange termijn willen we vooral aan de slag met buurten waar een warmtenet een optie kan zijn. We kunnen dan voortbouwen op de ervaringen uit de verkenningsbuurten.</t>
  </si>
  <si>
    <t>In concept (afwachtend). Op middellange termijn willen we vooral aan de slag met buurten waar een warmtenet een optie kan zijn. We kunnen dan voortbouwen op de ervaringen uit de verkenningsbuurten.</t>
  </si>
  <si>
    <t>Definitief. Warmtenet voorzien</t>
  </si>
  <si>
    <t>voorsorterend. Keuze te maken tussen warmtenet of warmtepompen.</t>
  </si>
  <si>
    <t>Aquathermie, TEA</t>
  </si>
  <si>
    <t>omgevingswarmte en/of aquathermie (TEA)</t>
  </si>
  <si>
    <t>BU16550302</t>
  </si>
  <si>
    <t>Pagnevaart</t>
  </si>
  <si>
    <t>2021BU16550302</t>
  </si>
  <si>
    <t>buurten.3bf14568-aa53-44dd-84c7-af88ac6aba72</t>
  </si>
  <si>
    <t>PL1655010008</t>
  </si>
  <si>
    <t>Albano lob C</t>
  </si>
  <si>
    <t>In concept (verkennend). In het zuiden van Oudenbosch (Albano lob C) willen we samen met inwoners verkennen wat er nodig is om als gehele wijk aardgasvrij te worden. Dan is het gasnet niet langer meer nodig. Onze verwachting is dat een individuele oploss</t>
  </si>
  <si>
    <t>Aardgasvrij op korte termijn</t>
  </si>
  <si>
    <t>BU16550303</t>
  </si>
  <si>
    <t>Velletri</t>
  </si>
  <si>
    <t>2021BU16550303</t>
  </si>
  <si>
    <t>buurten.379d6db4-e6f2-47ce-93ed-3d4b67645b3a</t>
  </si>
  <si>
    <t>PL1655010009</t>
  </si>
  <si>
    <t>Bedrijventerrein Oudenbosch Bosschendijk</t>
  </si>
  <si>
    <t>Oudenbosch Velletri</t>
  </si>
  <si>
    <t>In concept (afwachtend). Het doel is om in de transitie van bedrijventerreinen zoveel mogelijk aan te sluiten op natuurlijke (gebieds-) ontwikkelingen van het bedrijventerrein zelf.</t>
  </si>
  <si>
    <t>geen keuze gemaakt. Er is nog geen voorkeur voor de techniek op de bedrijventerreinen. Er kan worden gekeken naar de optie voor een warmtenet.</t>
  </si>
  <si>
    <t>Elektra, omgevingswarmte of aquathermie, TEA</t>
  </si>
  <si>
    <t>BU16550304</t>
  </si>
  <si>
    <t>Spui</t>
  </si>
  <si>
    <t>2021BU16550304</t>
  </si>
  <si>
    <t>buurten.64c880e9-7905-42c9-a389-c23fe70c0e5c</t>
  </si>
  <si>
    <t>Bedrijventerrein Oudenbosch Industrieweg I &amp; II</t>
  </si>
  <si>
    <t>Oudenbosch centrum e.o warmtenet</t>
  </si>
  <si>
    <t>aquathermie (TEA)</t>
  </si>
  <si>
    <t>BU16550305</t>
  </si>
  <si>
    <t>Albano</t>
  </si>
  <si>
    <t>2021BU16550305</t>
  </si>
  <si>
    <t>buurten.2f7c6397-e149-48dd-8d64-5d851cd97eb4</t>
  </si>
  <si>
    <t>PL1655010007</t>
  </si>
  <si>
    <t>Oudenbosch Albano</t>
  </si>
  <si>
    <t>BU16550307</t>
  </si>
  <si>
    <t>Verspreide huizen Kuivezand en omgeving</t>
  </si>
  <si>
    <t>2021BU16550307</t>
  </si>
  <si>
    <t>buurten.07d5626c-924b-4e7f-950b-3baeed078013</t>
  </si>
  <si>
    <t>BU16550308</t>
  </si>
  <si>
    <t>Verspreide huizen ten noorden van Oudenbosch</t>
  </si>
  <si>
    <t>2021BU16550308</t>
  </si>
  <si>
    <t>buurten.40868203-8ac2-4bae-b209-0fd90ab3b333</t>
  </si>
  <si>
    <t>Bedrijventerrein Oudlandsedijk</t>
  </si>
  <si>
    <t>BU16550309</t>
  </si>
  <si>
    <t>Verspreide huizen ten zuiden van Oudenbosch</t>
  </si>
  <si>
    <t>2021BU16550309</t>
  </si>
  <si>
    <t>buurten.3bb178f0-511c-43b5-a613-4e8bfa0e28ae</t>
  </si>
  <si>
    <t>Hoeven Linten Groen gas</t>
  </si>
  <si>
    <t>BU16550401</t>
  </si>
  <si>
    <t>WK165504</t>
  </si>
  <si>
    <t>2021BU16550401</t>
  </si>
  <si>
    <t>buurten.77af0298-8f8f-4dab-9422-9d016ed84e6a</t>
  </si>
  <si>
    <t>Bedrijventerrein Hoeven De Hoge Akker</t>
  </si>
  <si>
    <t>Hoeven West All-electric</t>
  </si>
  <si>
    <t>omgevingswarmte en/of aquathermie</t>
  </si>
  <si>
    <t>BU16550402</t>
  </si>
  <si>
    <t>Achter 't Hof</t>
  </si>
  <si>
    <t>2021BU16550402</t>
  </si>
  <si>
    <t>buurten.7b45bb31-d6a5-4498-b7b9-cdcb8dd26926</t>
  </si>
  <si>
    <t>PL1655010011</t>
  </si>
  <si>
    <t>BU16550403</t>
  </si>
  <si>
    <t>2021BU16550403</t>
  </si>
  <si>
    <t>buurten.bc56184c-b835-4d77-b5d3-d4f4d833b0c9</t>
  </si>
  <si>
    <t>BU16550408</t>
  </si>
  <si>
    <t>Verspreide huizen ten zuiden van Hoeven</t>
  </si>
  <si>
    <t>2021BU16550408</t>
  </si>
  <si>
    <t>buurten.14cb9ba6-9740-4899-af92-cb0a24ca8666</t>
  </si>
  <si>
    <t>Hoeven Villapark Panjevaart</t>
  </si>
  <si>
    <t>BU16550409</t>
  </si>
  <si>
    <t>Verspreide huizen ten noorden van Hoeven</t>
  </si>
  <si>
    <t>2021BU16550409</t>
  </si>
  <si>
    <t>buurten.b6fc17b3-7560-4b73-80b0-fae8172673d3</t>
  </si>
  <si>
    <t>Behalve technische en financiele argumenten speelt ook mee in hoeverre bedrijven een gezamenlijke aanpak prefereren. Gezamenlijkheid ontzorgt ondernemers deels en kan financiele voordelen hebben. Denk bijvoorbeeld aan een gezamenlijk inkoopproces. Anderz</t>
  </si>
  <si>
    <t>BU16550501</t>
  </si>
  <si>
    <t>Bosschenhoofd</t>
  </si>
  <si>
    <t>WK165505</t>
  </si>
  <si>
    <t>2021BU16550501</t>
  </si>
  <si>
    <t>buurten.4d9ac587-e5d8-4a21-a358-b85294c5d755</t>
  </si>
  <si>
    <t>Bedrijventerrein Breda Airport</t>
  </si>
  <si>
    <t>BU16550509</t>
  </si>
  <si>
    <t>Verspreide huizen Bosschenhoofd</t>
  </si>
  <si>
    <t>2021BU16550509</t>
  </si>
  <si>
    <t>buurten.b6ed4a27-fb18-460c-98cb-00a733459dd0</t>
  </si>
  <si>
    <t>BU16580000</t>
  </si>
  <si>
    <t>Heeze</t>
  </si>
  <si>
    <t>WK165800</t>
  </si>
  <si>
    <t>Heeze-Leende</t>
  </si>
  <si>
    <t>2021BU16580000</t>
  </si>
  <si>
    <t>buurten.8323faa2-59cc-408d-b5f0-39c620e21341</t>
  </si>
  <si>
    <t>PL1658010001</t>
  </si>
  <si>
    <t>PL1658010015</t>
  </si>
  <si>
    <t>Buitengebieden</t>
  </si>
  <si>
    <t>Heeze Zuid</t>
  </si>
  <si>
    <t>In concept (onderzoekend). Voor deze buurt starten wij met een onderzoek naar de inzet van een warmtenet en kijken wij naar de inzet van groen gas in combinatie met isoleren en hybride warmtepomp. De haalbaarheid en het financiele plaatje van een warmten</t>
  </si>
  <si>
    <t>Voorkeursoptie: De inzet van lokaal opgewekt groen gas. Er is veel potentie in de gemeente om afvalstromen te verwerken tot biogas. Dit biogas kan worden opgewaardeerd tot groen gas dat zonder verdere aanpassing via het bestaande gasnet naar huizen kan w</t>
  </si>
  <si>
    <t>Vanwege de goede betaalbaarheid van groen gas en omdat het ruim aanwezig is in de gemeente, wordt in dit verkenningsgebied ook gekeken of de overstap (eventueel als tussenstap) kan worden gemaakt naar groen gas. Op korte termijn is het in ieder geval mog</t>
  </si>
  <si>
    <t>Als blijkt dat de alternatieven voor aardgas technisch en financieel haalbaar zijn, wordt ervan af begin 2023 getoetst of er kan worden echt gestart met uitvoering door samen met inwoners en betrokkenen vast te stellen of het een haalbare overstap is. Al</t>
  </si>
  <si>
    <t>Elektra, gas en omgevingswarmte of rioolgemaal warmte</t>
  </si>
  <si>
    <t>omgevingswarmte en/of aquathermie (riool)</t>
  </si>
  <si>
    <t>BU16580001</t>
  </si>
  <si>
    <t>Bedrijventerrein De Poortmannen</t>
  </si>
  <si>
    <t>2021BU16580001</t>
  </si>
  <si>
    <t>buurten.cf5e7852-58a6-4ef2-a47f-f2dfeae964c8</t>
  </si>
  <si>
    <t>PL1658010004</t>
  </si>
  <si>
    <t>PL1658010013</t>
  </si>
  <si>
    <t>In concept (orienterend). De warmtedichtheid op het bedrijventerrein De Poortmannen is ook bekeken. Deze is minder nauwkeurig te bepalen, maar ligt ook redelijk hoog. Afhankelijk van beschikbaarheid van een warmtebron en de mogelijkheden voor koppeling v</t>
  </si>
  <si>
    <t>Of groen gas zal worden ingezet is afhankelijk van de prijsontwikkeling, wensen vanuit de leveranciers van het groen gas (veelal agrarische bedrijven), de wensen van de netbeheerder, BlueSphere, en de wensen qua landelijke verdeling van groen gas. Voor e</t>
  </si>
  <si>
    <t>Onderzoek doen naar de gebieden die in aanmerking komen voor groen gas, voornamelijk de dorpskernen. Er wordt gekeken naar de wenselijkheid van de inzet van groen gas.</t>
  </si>
  <si>
    <t>BU16580009</t>
  </si>
  <si>
    <t>Verspreide huizen Heeze</t>
  </si>
  <si>
    <t>2021BU16580009</t>
  </si>
  <si>
    <t>buurten.96e0d702-6197-4baf-b1fc-085162b95219</t>
  </si>
  <si>
    <t>Akert</t>
  </si>
  <si>
    <t>BU16580100</t>
  </si>
  <si>
    <t>Leende</t>
  </si>
  <si>
    <t>WK165801</t>
  </si>
  <si>
    <t>2021BU16580100</t>
  </si>
  <si>
    <t>buurten.a722fe83-ab33-42d2-b636-3a237f2b5a45</t>
  </si>
  <si>
    <t>PL1658010007</t>
  </si>
  <si>
    <t>PL1658010014</t>
  </si>
  <si>
    <t>Villawijk Boschhoven</t>
  </si>
  <si>
    <t>In concept (onderzoekend). Voor deze buurt starten wij met een onderzoek naar de inzet van een of meerdere klein-collectieve oplossingen of de inzet van individuele warmtepompen per woning. Ook bekijken wij de betaalbaarheid om de gebouwen in dit gebied</t>
  </si>
  <si>
    <t>Voorsorterend. Voor de huizen in dit gebied past de inzet van eenindividuele warmtepomp of een kleinschalig collectief op basis van warmtepompen het beste omdat dehuizen redelijk ver uit elkaar liggen.</t>
  </si>
  <si>
    <t>Er zijn een aantal inwoners bezig met plannen om de buurt aardgasvrij te maken. Wij faciliteren hen graag en mogelijk kunnen wij samen deze geenteresseerde inwoners ook anderen enthousiasmeren en draagvlak vergroten.Voor grotere delen van de gemeente is</t>
  </si>
  <si>
    <t>BU16580101</t>
  </si>
  <si>
    <t>2021BU16580101</t>
  </si>
  <si>
    <t>buurten.6595a1ff-1899-45df-b05c-acbfa80293a1</t>
  </si>
  <si>
    <t>BU16580108</t>
  </si>
  <si>
    <t>Verspreide huizen Groote Heide</t>
  </si>
  <si>
    <t>2021BU16580108</t>
  </si>
  <si>
    <t>buurten.d3ac913d-4b40-422d-9b9c-1857ffcf18a8</t>
  </si>
  <si>
    <t>BU16580109</t>
  </si>
  <si>
    <t>Verspreide huizen Zevenhuizense Heide</t>
  </si>
  <si>
    <t>2021BU16580109</t>
  </si>
  <si>
    <t>buurten.e3f34892-d182-4f1a-8aae-3ef67bf7cccd</t>
  </si>
  <si>
    <t>BU16580200</t>
  </si>
  <si>
    <t>Leenderstrijp</t>
  </si>
  <si>
    <t>WK165802</t>
  </si>
  <si>
    <t>2021BU16580200</t>
  </si>
  <si>
    <t>buurten.0e4cd9dd-0e8b-4790-966d-dc467723c87d</t>
  </si>
  <si>
    <t>PL1658010009</t>
  </si>
  <si>
    <t>In concept (orienterend). Op de korte/middellange termijn gaan wij onderzoek doen naar de gebieden in de gemeente die in aanmerking komen voor de inzet van groen gas. Het gaat in ieder geval om de dorpskernen en mogelijk alle woningen in de gemeente.</t>
  </si>
  <si>
    <t>BU16580209</t>
  </si>
  <si>
    <t>Verspreide huizen Dijkse Heide</t>
  </si>
  <si>
    <t>2021BU16580209</t>
  </si>
  <si>
    <t>buurten.90243767-e001-4436-81df-cd42aea78f86</t>
  </si>
  <si>
    <t>BU16580300</t>
  </si>
  <si>
    <t>Sterksel</t>
  </si>
  <si>
    <t>WK165803</t>
  </si>
  <si>
    <t>2021BU16580300</t>
  </si>
  <si>
    <t>buurten.4e38fda8-6074-46e3-9681-0fe9b479ab40</t>
  </si>
  <si>
    <t>PL1658010006</t>
  </si>
  <si>
    <t>BU16580308</t>
  </si>
  <si>
    <t>Verspreide huizen ten zuiden van Sterksel</t>
  </si>
  <si>
    <t>2021BU16580308</t>
  </si>
  <si>
    <t>buurten.59d9f690-58c3-4ed4-b2c9-c9c0b42b3ce0</t>
  </si>
  <si>
    <t>BU16580309</t>
  </si>
  <si>
    <t>Verspreide huizen ten oosten van Sterksel</t>
  </si>
  <si>
    <t>2021BU16580309</t>
  </si>
  <si>
    <t>buurten.d3f79b30-deac-4655-98e8-05ca4bb301c9</t>
  </si>
  <si>
    <t>BU16590000</t>
  </si>
  <si>
    <t>WK165900</t>
  </si>
  <si>
    <t>2021BU16590000</t>
  </si>
  <si>
    <t>buurten.f75fe319-8344-4a3c-8d00-f7c96aca8d69</t>
  </si>
  <si>
    <t>BU16590001</t>
  </si>
  <si>
    <t>Donk</t>
  </si>
  <si>
    <t>2021BU16590001</t>
  </si>
  <si>
    <t>buurten.ea6ac751-2315-4a77-87b8-143ebf63105b</t>
  </si>
  <si>
    <t>BU16590002</t>
  </si>
  <si>
    <t>Bedrijventerrein Beekerheide</t>
  </si>
  <si>
    <t>2021BU16590002</t>
  </si>
  <si>
    <t>buurten.61a90cc8-60b2-4d3e-bec2-d8c29a86938f</t>
  </si>
  <si>
    <t>BU16590003</t>
  </si>
  <si>
    <t>Bedrijventerrein Bemmer</t>
  </si>
  <si>
    <t>2021BU16590003</t>
  </si>
  <si>
    <t>buurten.83b06b2d-1bac-4f3d-a9e1-a3985871a164</t>
  </si>
  <si>
    <t>BU16590009</t>
  </si>
  <si>
    <t>Verspreide huizen Beek en Donk</t>
  </si>
  <si>
    <t>2021BU16590009</t>
  </si>
  <si>
    <t>buurten.c24d68a9-75de-4ebc-9102-0eb7864897c5</t>
  </si>
  <si>
    <t>BU16590100</t>
  </si>
  <si>
    <t>Aarle-Rixtel</t>
  </si>
  <si>
    <t>WK165901</t>
  </si>
  <si>
    <t>2021BU16590100</t>
  </si>
  <si>
    <t>buurten.cd3f8e6f-cbcd-4665-8c07-6b047e0a44c3</t>
  </si>
  <si>
    <t>BU16590101</t>
  </si>
  <si>
    <t>Bedrijventerrein Torenakker</t>
  </si>
  <si>
    <t>2021BU16590101</t>
  </si>
  <si>
    <t>buurten.df378cf0-5659-4cd6-8a73-d972ede9e885</t>
  </si>
  <si>
    <t>BU16590102</t>
  </si>
  <si>
    <t>Bedrijventerrein Duivenakker</t>
  </si>
  <si>
    <t>2021BU16590102</t>
  </si>
  <si>
    <t>buurten.6e0adb33-432a-4a90-b865-f15fd6a43fc5</t>
  </si>
  <si>
    <t>BU16590108</t>
  </si>
  <si>
    <t>Verspreide huizen Laar en Strijp</t>
  </si>
  <si>
    <t>2021BU16590108</t>
  </si>
  <si>
    <t>buurten.d2309f4e-f760-4a7b-a99b-1d59615de5ad</t>
  </si>
  <si>
    <t>BU16590109</t>
  </si>
  <si>
    <t>Verspreide huizen Heikant</t>
  </si>
  <si>
    <t>2021BU16590109</t>
  </si>
  <si>
    <t>buurten.ceab1ff7-3c7f-4241-9465-9df078e1e627</t>
  </si>
  <si>
    <t>BU16590200</t>
  </si>
  <si>
    <t>Lieshout</t>
  </si>
  <si>
    <t>WK165902</t>
  </si>
  <si>
    <t>2021BU16590200</t>
  </si>
  <si>
    <t>buurten.60c4ec77-5b1e-4e79-a67c-c0795c21cff4</t>
  </si>
  <si>
    <t>BU16590201</t>
  </si>
  <si>
    <t>Industrieterrein Bavaria</t>
  </si>
  <si>
    <t>2021BU16590201</t>
  </si>
  <si>
    <t>buurten.ae1b4697-9e85-4532-ad68-ad7af729ac3a</t>
  </si>
  <si>
    <t>BU16590209</t>
  </si>
  <si>
    <t>Verspreide huizen Lieshout</t>
  </si>
  <si>
    <t>2021BU16590209</t>
  </si>
  <si>
    <t>buurten.65e783bc-48f8-4f01-ad0a-2702ad6a8356</t>
  </si>
  <si>
    <t>BU16590300</t>
  </si>
  <si>
    <t>Mariahout</t>
  </si>
  <si>
    <t>WK165903</t>
  </si>
  <si>
    <t>2021BU16590300</t>
  </si>
  <si>
    <t>buurten.a20f12dc-8e47-4968-86f4-830037a087f0</t>
  </si>
  <si>
    <t>BU16590309</t>
  </si>
  <si>
    <t>Verspreide huizen Mariahout</t>
  </si>
  <si>
    <t>2021BU16590309</t>
  </si>
  <si>
    <t>buurten.85e331ab-164f-4b5d-890b-01d49eb6c438</t>
  </si>
  <si>
    <t>BU16670000</t>
  </si>
  <si>
    <t>Reusel</t>
  </si>
  <si>
    <t>WK166700</t>
  </si>
  <si>
    <t>2021BU16670000</t>
  </si>
  <si>
    <t>buurten.4434c581-cb99-439c-8c60-47b66c8e8132</t>
  </si>
  <si>
    <t>BU16670001</t>
  </si>
  <si>
    <t>Voorste Heikant en Weijereind</t>
  </si>
  <si>
    <t>2021BU16670001</t>
  </si>
  <si>
    <t>buurten.10641168-952b-4e34-99fe-c5d08acd3a24</t>
  </si>
  <si>
    <t>BU16670002</t>
  </si>
  <si>
    <t>De Voort en Achterste Heikant</t>
  </si>
  <si>
    <t>2021BU16670002</t>
  </si>
  <si>
    <t>buurten.feeef0b0-3e0d-42b8-9201-f0d5599946dc</t>
  </si>
  <si>
    <t>BU16670008</t>
  </si>
  <si>
    <t>Buitengebied ten noorden van Reusel</t>
  </si>
  <si>
    <t>2021BU16670008</t>
  </si>
  <si>
    <t>buurten.2d291af8-f096-4306-96b1-6b6d23a7735f</t>
  </si>
  <si>
    <t>BU16670009</t>
  </si>
  <si>
    <t>Buitengebied ten zuiden van Reusel</t>
  </si>
  <si>
    <t>2021BU16670009</t>
  </si>
  <si>
    <t>buurten.3423298d-aca5-4f9d-bdc2-987caec466b6</t>
  </si>
  <si>
    <t>BU16670100</t>
  </si>
  <si>
    <t>Hooge Mierde</t>
  </si>
  <si>
    <t>WK166701</t>
  </si>
  <si>
    <t>2021BU16670100</t>
  </si>
  <si>
    <t>buurten.6c33961b-0a1a-4981-a970-349b532751b3</t>
  </si>
  <si>
    <t>BU16670109</t>
  </si>
  <si>
    <t>Verspreide huizen Hooge Mierde</t>
  </si>
  <si>
    <t>2021BU16670109</t>
  </si>
  <si>
    <t>buurten.303428d6-d388-4c51-9050-27bd6f8db8b9</t>
  </si>
  <si>
    <t>BU16670200</t>
  </si>
  <si>
    <t>Lage Mierde</t>
  </si>
  <si>
    <t>WK166702</t>
  </si>
  <si>
    <t>2021BU16670200</t>
  </si>
  <si>
    <t>buurten.8435be60-b1c0-4606-aee9-6e48fcea2ad9</t>
  </si>
  <si>
    <t>PL1667010001</t>
  </si>
  <si>
    <t>BU16670209</t>
  </si>
  <si>
    <t>Verspreide huizen Lage Mierde</t>
  </si>
  <si>
    <t>2021BU16670209</t>
  </si>
  <si>
    <t>buurten.3927ad83-6024-4f99-9585-ea1cbcb3dabc</t>
  </si>
  <si>
    <t>BU16670300</t>
  </si>
  <si>
    <t>Hulsel</t>
  </si>
  <si>
    <t>WK166703</t>
  </si>
  <si>
    <t>2021BU16670300</t>
  </si>
  <si>
    <t>buurten.b82a1fe0-b606-4bbf-8385-481e4de12857</t>
  </si>
  <si>
    <t>PL1667010002</t>
  </si>
  <si>
    <t>BU16670309</t>
  </si>
  <si>
    <t>Verspreide huizen Hulsel</t>
  </si>
  <si>
    <t>2021BU16670309</t>
  </si>
  <si>
    <t>buurten.236f6989-415d-4860-9606-9c02c4366f56</t>
  </si>
  <si>
    <t>BU16690101</t>
  </si>
  <si>
    <t>Montfort</t>
  </si>
  <si>
    <t>WK166901</t>
  </si>
  <si>
    <t>GM1669</t>
  </si>
  <si>
    <t>Roerdalen</t>
  </si>
  <si>
    <t>2021BU16690101</t>
  </si>
  <si>
    <t>buurten.6e08d490-0c17-4ac6-b225-6f14111d8d43</t>
  </si>
  <si>
    <t>BU16690109</t>
  </si>
  <si>
    <t>Buitengebied Montfort</t>
  </si>
  <si>
    <t>2021BU16690109</t>
  </si>
  <si>
    <t>buurten.8dc88be9-43e4-42f4-b63d-1d7941b3cdb6</t>
  </si>
  <si>
    <t>BU16690201</t>
  </si>
  <si>
    <t>Sint Odiliënberg</t>
  </si>
  <si>
    <t>WK166902</t>
  </si>
  <si>
    <t>2021BU16690201</t>
  </si>
  <si>
    <t>buurten.e6fddf3e-a211-48bd-83c2-3ca78ee8806a</t>
  </si>
  <si>
    <t>BU16690202</t>
  </si>
  <si>
    <t>Lerop</t>
  </si>
  <si>
    <t>2021BU16690202</t>
  </si>
  <si>
    <t>buurten.3ba8623e-5d6e-48cb-a6e5-5051f25b2eeb</t>
  </si>
  <si>
    <t>BU16690203</t>
  </si>
  <si>
    <t>Reutje</t>
  </si>
  <si>
    <t>2021BU16690203</t>
  </si>
  <si>
    <t>buurten.7335ff10-1a64-40a4-95a4-013edfc304c6</t>
  </si>
  <si>
    <t>BU16690204</t>
  </si>
  <si>
    <t>Paarlo</t>
  </si>
  <si>
    <t>2021BU16690204</t>
  </si>
  <si>
    <t>buurten.bb675082-e538-4a28-b18f-27e7462cdd08</t>
  </si>
  <si>
    <t>BU16690209</t>
  </si>
  <si>
    <t>Buitengebied Sint Odiliënberg</t>
  </si>
  <si>
    <t>2021BU16690209</t>
  </si>
  <si>
    <t>buurten.c9fa5ed4-e065-4c59-a3fb-3e29eb935ead</t>
  </si>
  <si>
    <t>BU16690301</t>
  </si>
  <si>
    <t>Melick</t>
  </si>
  <si>
    <t>WK166903</t>
  </si>
  <si>
    <t>2021BU16690301</t>
  </si>
  <si>
    <t>buurten.f08e0a7b-1b9e-4769-b5f2-25a42a52f8b6</t>
  </si>
  <si>
    <t>BU16690309</t>
  </si>
  <si>
    <t>Buitengebied Melick</t>
  </si>
  <si>
    <t>2021BU16690309</t>
  </si>
  <si>
    <t>buurten.cc3b414c-0281-4e48-b758-7d176554eca4</t>
  </si>
  <si>
    <t>BU16690401</t>
  </si>
  <si>
    <t>Posterholt</t>
  </si>
  <si>
    <t>WK166904</t>
  </si>
  <si>
    <t>2021BU16690401</t>
  </si>
  <si>
    <t>buurten.80bfd706-f415-4cb2-ad60-bf2a00afb363</t>
  </si>
  <si>
    <t>BU16690402</t>
  </si>
  <si>
    <t>Holst</t>
  </si>
  <si>
    <t>2021BU16690402</t>
  </si>
  <si>
    <t>buurten.fc59c5a3-066b-408e-a851-aaf698129abc</t>
  </si>
  <si>
    <t>BU16690403</t>
  </si>
  <si>
    <t>Varst</t>
  </si>
  <si>
    <t>2021BU16690403</t>
  </si>
  <si>
    <t>buurten.8f2c7ee2-5a30-41a6-ae2d-faf8cdc396c2</t>
  </si>
  <si>
    <t>BU16690404</t>
  </si>
  <si>
    <t>Borg</t>
  </si>
  <si>
    <t>2021BU16690404</t>
  </si>
  <si>
    <t>buurten.dbd86d32-cb4d-4bba-911e-686b63bfde8a</t>
  </si>
  <si>
    <t>BU16690409</t>
  </si>
  <si>
    <t>Buitengebied Posterholt</t>
  </si>
  <si>
    <t>2021BU16690409</t>
  </si>
  <si>
    <t>buurten.5ce5f3bf-7c5d-4cc7-af28-a165ee80d9ce</t>
  </si>
  <si>
    <t>BU16690501</t>
  </si>
  <si>
    <t>Herkenbosch</t>
  </si>
  <si>
    <t>WK166905</t>
  </si>
  <si>
    <t>2021BU16690501</t>
  </si>
  <si>
    <t>buurten.df07a08f-9f1a-4d1d-ae4e-83776e467e23</t>
  </si>
  <si>
    <t>BU16690502</t>
  </si>
  <si>
    <t>Bedrijventerrein Stationsweg</t>
  </si>
  <si>
    <t>2021BU16690502</t>
  </si>
  <si>
    <t>buurten.4584a59d-c943-427e-aad4-282ddb75b8c6</t>
  </si>
  <si>
    <t>BU16690503</t>
  </si>
  <si>
    <t>Reewoude</t>
  </si>
  <si>
    <t>2021BU16690503</t>
  </si>
  <si>
    <t>buurten.4e46fcd1-604f-4e54-becb-81b7adf1d3d7</t>
  </si>
  <si>
    <t>BU16690509</t>
  </si>
  <si>
    <t>Buitengebied Herkenbosch</t>
  </si>
  <si>
    <t>2021BU16690509</t>
  </si>
  <si>
    <t>buurten.a6d2cf5a-2cdf-4243-94d4-e6bb7318795b</t>
  </si>
  <si>
    <t>BU16690601</t>
  </si>
  <si>
    <t>Vlodrop</t>
  </si>
  <si>
    <t>WK166906</t>
  </si>
  <si>
    <t>2021BU16690601</t>
  </si>
  <si>
    <t>buurten.912ffe70-00f4-4954-b0f8-7bbce59bbcb1</t>
  </si>
  <si>
    <t>BU16690602</t>
  </si>
  <si>
    <t>Etsberg</t>
  </si>
  <si>
    <t>2021BU16690602</t>
  </si>
  <si>
    <t>buurten.6791b97b-f564-4b92-80e5-4e60898d6612</t>
  </si>
  <si>
    <t>BU16690603</t>
  </si>
  <si>
    <t>Rothenbach</t>
  </si>
  <si>
    <t>2021BU16690603</t>
  </si>
  <si>
    <t>buurten.e2170e0a-dbc2-463b-bb14-9a1ba69c26ab</t>
  </si>
  <si>
    <t>BU16690604</t>
  </si>
  <si>
    <t>Vlodrop Station</t>
  </si>
  <si>
    <t>2021BU16690604</t>
  </si>
  <si>
    <t>buurten.84343a07-5229-4a8c-b0d1-6e2e9200c1f8</t>
  </si>
  <si>
    <t>BU16690605</t>
  </si>
  <si>
    <t>MERU</t>
  </si>
  <si>
    <t>2021BU16690605</t>
  </si>
  <si>
    <t>buurten.4a35639b-a0a9-4795-8765-31b80c7a66f2</t>
  </si>
  <si>
    <t>BU16690609</t>
  </si>
  <si>
    <t>Buitengebied Vlodrop</t>
  </si>
  <si>
    <t>2021BU16690609</t>
  </si>
  <si>
    <t>buurten.992742c4-495a-4cae-8142-56fcb1d17210</t>
  </si>
  <si>
    <t>BU16740000</t>
  </si>
  <si>
    <t>Centrum-Oud</t>
  </si>
  <si>
    <t>WK167400</t>
  </si>
  <si>
    <t>2021BU16740000</t>
  </si>
  <si>
    <t>buurten.53ed28bf-eb7b-41a9-869e-56804446a102</t>
  </si>
  <si>
    <t>PL1674010003</t>
  </si>
  <si>
    <t>Isoleren Kalsdonk</t>
  </si>
  <si>
    <t>belangrijk dat de particuliere woningen een gelijkwaardig isolatiewaarde hebben voor alternatieven van gas</t>
  </si>
  <si>
    <t>BU16740001</t>
  </si>
  <si>
    <t>Centrum-Nieuw</t>
  </si>
  <si>
    <t>2021BU16740001</t>
  </si>
  <si>
    <t>buurten.624e5914-c83a-4bd8-b93e-826479cf170f</t>
  </si>
  <si>
    <t>BU16740002</t>
  </si>
  <si>
    <t>2021BU16740002</t>
  </si>
  <si>
    <t>buurten.6b168bb8-1d7b-4d6f-8fca-4530b41f0797</t>
  </si>
  <si>
    <t>BU16740003</t>
  </si>
  <si>
    <t>Vrouwenhof</t>
  </si>
  <si>
    <t>2021BU16740003</t>
  </si>
  <si>
    <t>buurten.16bb83f3-6268-499a-85b7-90364ef95aa3</t>
  </si>
  <si>
    <t>BU16740100</t>
  </si>
  <si>
    <t>Sint Josephbuurt</t>
  </si>
  <si>
    <t>WK167401</t>
  </si>
  <si>
    <t>2021BU16740100</t>
  </si>
  <si>
    <t>buurten.0277c530-baec-4c83-8f67-25106f9aebd1</t>
  </si>
  <si>
    <t>BU16740101</t>
  </si>
  <si>
    <t>Fatima-villapark</t>
  </si>
  <si>
    <t>2021BU16740101</t>
  </si>
  <si>
    <t>buurten.15fdd2c1-8e45-496f-aafc-c9dff2a16281</t>
  </si>
  <si>
    <t>BU16740102</t>
  </si>
  <si>
    <t>Keijenburg</t>
  </si>
  <si>
    <t>2021BU16740102</t>
  </si>
  <si>
    <t>buurten.a696d23a-88b7-460c-a2b0-df54fa515e52</t>
  </si>
  <si>
    <t>BU16740200</t>
  </si>
  <si>
    <t>Parklaan-Hoogstraat</t>
  </si>
  <si>
    <t>WK167402</t>
  </si>
  <si>
    <t>2021BU16740200</t>
  </si>
  <si>
    <t>buurten.a4f41262-7366-4538-8f20-2cf01a2278ca</t>
  </si>
  <si>
    <t>BU16740201</t>
  </si>
  <si>
    <t>Spoorstraat-Van Coothlaan</t>
  </si>
  <si>
    <t>2021BU16740201</t>
  </si>
  <si>
    <t>buurten.fddf6d05-56a9-4ede-a973-5e0fac3038f7</t>
  </si>
  <si>
    <t>BU16740202</t>
  </si>
  <si>
    <t>Kalsdonk</t>
  </si>
  <si>
    <t>2021BU16740202</t>
  </si>
  <si>
    <t>buurten.9d446dcc-de95-45c3-b31f-2876868fd19f</t>
  </si>
  <si>
    <t>BU16740209</t>
  </si>
  <si>
    <t>Nieuwenberg</t>
  </si>
  <si>
    <t>2021BU16740209</t>
  </si>
  <si>
    <t>buurten.d175e22c-1438-45e8-a8dd-64920eed7f9e</t>
  </si>
  <si>
    <t>BU16740300</t>
  </si>
  <si>
    <t>Heerma van Vossstraat-Molenbeek</t>
  </si>
  <si>
    <t>WK167403</t>
  </si>
  <si>
    <t>2021BU16740300</t>
  </si>
  <si>
    <t>buurten.fc3e1252-66e0-4b9a-b6e7-4cb049026afe</t>
  </si>
  <si>
    <t>PL1674010004</t>
  </si>
  <si>
    <t>Westrand</t>
  </si>
  <si>
    <t>MT/LT restwarmte</t>
  </si>
  <si>
    <t>MT/LT warmte: restwarmte</t>
  </si>
  <si>
    <t>BU16740301</t>
  </si>
  <si>
    <t>Herreweg</t>
  </si>
  <si>
    <t>2021BU16740301</t>
  </si>
  <si>
    <t>buurten.820733f2-0f98-4e05-a136-2866e9221939</t>
  </si>
  <si>
    <t>BU16740302</t>
  </si>
  <si>
    <t>Ettingen</t>
  </si>
  <si>
    <t>2021BU16740302</t>
  </si>
  <si>
    <t>buurten.666c20c6-c4ff-4483-a5a9-20698d284f21</t>
  </si>
  <si>
    <t>BU16740303</t>
  </si>
  <si>
    <t>Scherpdeel</t>
  </si>
  <si>
    <t>2021BU16740303</t>
  </si>
  <si>
    <t>buurten.35bdd07f-8061-4dcf-8ce7-edbc8c2fc0db</t>
  </si>
  <si>
    <t>BU16740309</t>
  </si>
  <si>
    <t>Vroenhout</t>
  </si>
  <si>
    <t>2021BU16740309</t>
  </si>
  <si>
    <t>buurten.a4c81096-09a2-40ff-9d0b-27138e9ba390</t>
  </si>
  <si>
    <t>PL1674010005</t>
  </si>
  <si>
    <t>BU16740400</t>
  </si>
  <si>
    <t>Kroeven-Noordwest</t>
  </si>
  <si>
    <t>WK167404</t>
  </si>
  <si>
    <t>2021BU16740400</t>
  </si>
  <si>
    <t>buurten.a17a281b-4f78-4e81-8687-5484d4b2acbe</t>
  </si>
  <si>
    <t>BU16740401</t>
  </si>
  <si>
    <t>Kroeven-Noordoost</t>
  </si>
  <si>
    <t>2021BU16740401</t>
  </si>
  <si>
    <t>buurten.9c3be781-9c5c-414b-b300-2c34bbcd3689</t>
  </si>
  <si>
    <t>Isoleren Langdonk</t>
  </si>
  <si>
    <t>BU16740402</t>
  </si>
  <si>
    <t>Kroeven-Zuidwest</t>
  </si>
  <si>
    <t>2021BU16740402</t>
  </si>
  <si>
    <t>buurten.4d4a27cd-f0f4-415d-85b9-a09b126b07b1</t>
  </si>
  <si>
    <t>BU16740403</t>
  </si>
  <si>
    <t>Kroeven-Zuidoost</t>
  </si>
  <si>
    <t>2021BU16740403</t>
  </si>
  <si>
    <t>buurten.033c5b3e-0e4d-4170-945c-4f9a7b5dfea6</t>
  </si>
  <si>
    <t>BU16740404</t>
  </si>
  <si>
    <t>Minnebeek-Watermolen</t>
  </si>
  <si>
    <t>2021BU16740404</t>
  </si>
  <si>
    <t>buurten.0adfba1f-322d-4062-8d0b-c3ab1f075fe2</t>
  </si>
  <si>
    <t>BU16740405</t>
  </si>
  <si>
    <t>De Krogten</t>
  </si>
  <si>
    <t>2021BU16740405</t>
  </si>
  <si>
    <t>buurten.840c2e77-0362-4ce5-8fde-59ade4cec1e3</t>
  </si>
  <si>
    <t>BU16740409</t>
  </si>
  <si>
    <t>Borteldonk</t>
  </si>
  <si>
    <t>2021BU16740409</t>
  </si>
  <si>
    <t>buurten.44443f7c-5695-4c94-8e7e-f025d3384d90</t>
  </si>
  <si>
    <t>BU16740500</t>
  </si>
  <si>
    <t>Bovendonk</t>
  </si>
  <si>
    <t>WK167405</t>
  </si>
  <si>
    <t>2021BU16740500</t>
  </si>
  <si>
    <t>buurten.fafa20f3-4b8f-4988-8d9c-0f6e4cc0db21</t>
  </si>
  <si>
    <t>BU16740501</t>
  </si>
  <si>
    <t>Langdonk-West</t>
  </si>
  <si>
    <t>2021BU16740501</t>
  </si>
  <si>
    <t>buurten.104cdfb5-66f5-410f-abc5-0907ca0be024</t>
  </si>
  <si>
    <t>BU16740502</t>
  </si>
  <si>
    <t>Langdonk-Oost</t>
  </si>
  <si>
    <t>2021BU16740502</t>
  </si>
  <si>
    <t>buurten.94da0332-e4bb-47df-be59-abb684965966</t>
  </si>
  <si>
    <t>BU16740509</t>
  </si>
  <si>
    <t>Vierhoeven</t>
  </si>
  <si>
    <t>2021BU16740509</t>
  </si>
  <si>
    <t>buurten.ce765d64-4b4f-46a9-987f-7d260df23e65</t>
  </si>
  <si>
    <t>BU16740600</t>
  </si>
  <si>
    <t>Kortendijk A</t>
  </si>
  <si>
    <t>WK167406</t>
  </si>
  <si>
    <t>2021BU16740600</t>
  </si>
  <si>
    <t>buurten.fcae8673-af0a-4593-a9bb-c1fdd2e52676</t>
  </si>
  <si>
    <t>BU16740601</t>
  </si>
  <si>
    <t>Kortendijk C</t>
  </si>
  <si>
    <t>2021BU16740601</t>
  </si>
  <si>
    <t>buurten.39e136eb-9839-4dad-9cb1-ed7e9536a620</t>
  </si>
  <si>
    <t>PL1674010006</t>
  </si>
  <si>
    <t>Landerije</t>
  </si>
  <si>
    <t>verzwaring van elektriciteitsnet als wordt gekozen voor all-electric oplossingen</t>
  </si>
  <si>
    <t>BU16740602</t>
  </si>
  <si>
    <t>Kortendijk L</t>
  </si>
  <si>
    <t>2021BU16740602</t>
  </si>
  <si>
    <t>buurten.d8a91107-ae13-4edc-8081-99a4db5bb87a</t>
  </si>
  <si>
    <t>BU16740603</t>
  </si>
  <si>
    <t>2021BU16740603</t>
  </si>
  <si>
    <t>buurten.feda72be-b3a3-46b7-9a1a-642258d60013</t>
  </si>
  <si>
    <t>BU16740609</t>
  </si>
  <si>
    <t>Bakkersberg-Langendijk</t>
  </si>
  <si>
    <t>2021BU16740609</t>
  </si>
  <si>
    <t>buurten.7bce9ec4-7d0f-4117-8ba4-db344bc49754</t>
  </si>
  <si>
    <t>BU16740700</t>
  </si>
  <si>
    <t>Hulsdonk</t>
  </si>
  <si>
    <t>WK167407</t>
  </si>
  <si>
    <t>2021BU16740700</t>
  </si>
  <si>
    <t>buurten.904a2342-2533-4b7d-9bcf-fd70ad2a5506</t>
  </si>
  <si>
    <t>BU16740701</t>
  </si>
  <si>
    <t>Tolberg-Oost</t>
  </si>
  <si>
    <t>2021BU16740701</t>
  </si>
  <si>
    <t>buurten.b7c0d959-31ae-44f8-8044-49565ef4b4aa</t>
  </si>
  <si>
    <t>BU16740702</t>
  </si>
  <si>
    <t>Tolberg-Centrum</t>
  </si>
  <si>
    <t>2021BU16740702</t>
  </si>
  <si>
    <t>buurten.15084805-d736-46f2-af89-8216a451d4f4</t>
  </si>
  <si>
    <t>BU16740703</t>
  </si>
  <si>
    <t>Tolberg-West</t>
  </si>
  <si>
    <t>2021BU16740703</t>
  </si>
  <si>
    <t>buurten.b443fe08-a42d-4ee2-b026-fa1aa39eefb6</t>
  </si>
  <si>
    <t>BU16740705</t>
  </si>
  <si>
    <t>Weihoek-Oost</t>
  </si>
  <si>
    <t>2021BU16740705</t>
  </si>
  <si>
    <t>buurten.cfca717f-46fd-4eef-87bf-3a85223df90f</t>
  </si>
  <si>
    <t>BU16740706</t>
  </si>
  <si>
    <t>Weihoek-West</t>
  </si>
  <si>
    <t>2021BU16740706</t>
  </si>
  <si>
    <t>buurten.a30c90d9-f68e-48d9-a4e0-d0e00f3ced51</t>
  </si>
  <si>
    <t>BU16740709</t>
  </si>
  <si>
    <t>Haiink</t>
  </si>
  <si>
    <t>2021BU16740709</t>
  </si>
  <si>
    <t>buurten.445deeec-1f47-454f-9719-b789f34c18a5</t>
  </si>
  <si>
    <t>BU16740800</t>
  </si>
  <si>
    <t>Borchwerf-Noord</t>
  </si>
  <si>
    <t>WK167408</t>
  </si>
  <si>
    <t>2021BU16740800</t>
  </si>
  <si>
    <t>buurten.c9ba68e9-accf-48dc-a8de-26167523145a</t>
  </si>
  <si>
    <t>PL1655010021</t>
  </si>
  <si>
    <t>BU16740801</t>
  </si>
  <si>
    <t>Borchwerf-Zuid</t>
  </si>
  <si>
    <t>2021BU16740801</t>
  </si>
  <si>
    <t>buurten.d9d5ff5f-fed6-420d-9a29-48b1ce9065c8</t>
  </si>
  <si>
    <t>BU16740802</t>
  </si>
  <si>
    <t>Majoppeveld-Noord</t>
  </si>
  <si>
    <t>2021BU16740802</t>
  </si>
  <si>
    <t>buurten.3107b48b-c561-4c91-a04f-ea154900645d</t>
  </si>
  <si>
    <t>BU16740803</t>
  </si>
  <si>
    <t>Majoppeveld-Zuid</t>
  </si>
  <si>
    <t>2021BU16740803</t>
  </si>
  <si>
    <t>buurten.68869212-99f1-4b8b-974e-924b65fe70b7</t>
  </si>
  <si>
    <t>BU16740804</t>
  </si>
  <si>
    <t>Vijfhuizenberg</t>
  </si>
  <si>
    <t>2021BU16740804</t>
  </si>
  <si>
    <t>buurten.388384d8-ba59-47a3-b89f-221d9a3a30a2</t>
  </si>
  <si>
    <t>BU16741000</t>
  </si>
  <si>
    <t>Nispen</t>
  </si>
  <si>
    <t>WK167410</t>
  </si>
  <si>
    <t>2021BU16741000</t>
  </si>
  <si>
    <t>buurten.08228f8b-3de5-4ea9-9100-ad9562d999a3</t>
  </si>
  <si>
    <t>BU16741009</t>
  </si>
  <si>
    <t>Verspreide huizen Nispen</t>
  </si>
  <si>
    <t>2021BU16741009</t>
  </si>
  <si>
    <t>buurten.c7b4ab30-d123-45c8-b9a1-b41655221f63</t>
  </si>
  <si>
    <t>BU16741100</t>
  </si>
  <si>
    <t>Wouw</t>
  </si>
  <si>
    <t>WK167411</t>
  </si>
  <si>
    <t>2021BU16741100</t>
  </si>
  <si>
    <t>buurten.7829dd55-3493-4467-b7de-1b7d74c2428b</t>
  </si>
  <si>
    <t>BU16741108</t>
  </si>
  <si>
    <t>Verspreide huizen Wouw in het Noorden</t>
  </si>
  <si>
    <t>2021BU16741108</t>
  </si>
  <si>
    <t>buurten.dea0f8fa-4b52-4cbf-9021-241e6b98e608</t>
  </si>
  <si>
    <t>BU16741109</t>
  </si>
  <si>
    <t>Verspreide huizen Wouw in het Zuiden</t>
  </si>
  <si>
    <t>2021BU16741109</t>
  </si>
  <si>
    <t>buurten.9c204ce3-c2e2-45f4-922b-4bfd43393e92</t>
  </si>
  <si>
    <t>BU16741200</t>
  </si>
  <si>
    <t>Heerle</t>
  </si>
  <si>
    <t>WK167412</t>
  </si>
  <si>
    <t>2021BU16741200</t>
  </si>
  <si>
    <t>buurten.09f453ec-debf-4e3e-90a1-c94fb15bf258</t>
  </si>
  <si>
    <t>BU16741209</t>
  </si>
  <si>
    <t>Verspreide huizen Heerle</t>
  </si>
  <si>
    <t>2021BU16741209</t>
  </si>
  <si>
    <t>buurten.562fbf05-7f4a-496a-ae0d-ea0649897d60</t>
  </si>
  <si>
    <t>BU16741300</t>
  </si>
  <si>
    <t>Moerstraten</t>
  </si>
  <si>
    <t>WK167413</t>
  </si>
  <si>
    <t>2021BU16741300</t>
  </si>
  <si>
    <t>buurten.94564959-f8d8-4db9-a8a0-03574bb01cce</t>
  </si>
  <si>
    <t>BU16741309</t>
  </si>
  <si>
    <t>Verspreide huizen Moerstraten</t>
  </si>
  <si>
    <t>2021BU16741309</t>
  </si>
  <si>
    <t>buurten.5831ef46-2484-4127-abdd-d88feb82c1a2</t>
  </si>
  <si>
    <t>BU16741400</t>
  </si>
  <si>
    <t>Wouwse Plantage</t>
  </si>
  <si>
    <t>WK167414</t>
  </si>
  <si>
    <t>2021BU16741400</t>
  </si>
  <si>
    <t>buurten.55b7d4f6-7764-43b5-9dca-7930fca8d9c3</t>
  </si>
  <si>
    <t>BU16741409</t>
  </si>
  <si>
    <t>Verspreide huizen Wouwse Plantage</t>
  </si>
  <si>
    <t>2021BU16741409</t>
  </si>
  <si>
    <t>buurten.79b62a16-c456-404e-ae26-27dd560924ab</t>
  </si>
  <si>
    <t>BU16760000</t>
  </si>
  <si>
    <t>Zierikzee binnen de vesten</t>
  </si>
  <si>
    <t>WK167600</t>
  </si>
  <si>
    <t>2021BU16760000</t>
  </si>
  <si>
    <t>buurten.61651987-37a1-4738-9686-9384800248a8</t>
  </si>
  <si>
    <t>onderzoek naar mogelijkheden voor energie uit oppervlaktewater (aquathermie) en WKO en een warmtenet</t>
  </si>
  <si>
    <t>BU16760001</t>
  </si>
  <si>
    <t>Malta</t>
  </si>
  <si>
    <t>2021BU16760001</t>
  </si>
  <si>
    <t>buurten.3d56b223-656d-4c7a-8586-f10528d191dc</t>
  </si>
  <si>
    <t>Malta in Zierikzee</t>
  </si>
  <si>
    <t>BU16760002</t>
  </si>
  <si>
    <t>2021BU16760002</t>
  </si>
  <si>
    <t>buurten.95039b36-4eda-4633-b693-5f1c5d5e5e08</t>
  </si>
  <si>
    <t>PL1676010004</t>
  </si>
  <si>
    <t>BU16760003</t>
  </si>
  <si>
    <t>2021BU16760003</t>
  </si>
  <si>
    <t>buurten.422c97c4-237d-4a48-aa3e-ca066de06032</t>
  </si>
  <si>
    <t>PL1676010002</t>
  </si>
  <si>
    <t>BU16760004</t>
  </si>
  <si>
    <t>Kaaskenswater</t>
  </si>
  <si>
    <t>2021BU16760004</t>
  </si>
  <si>
    <t>buurten.20cdf2e7-9f50-4db4-a180-162bc663d7e1</t>
  </si>
  <si>
    <t>BU16760007</t>
  </si>
  <si>
    <t>Verspreide huizen in het Noorden en Westen</t>
  </si>
  <si>
    <t>2021BU16760007</t>
  </si>
  <si>
    <t>buurten.bfa5b1c9-71a9-4eeb-9ee6-233985a7c440</t>
  </si>
  <si>
    <t>BU16760008</t>
  </si>
  <si>
    <t>2021BU16760008</t>
  </si>
  <si>
    <t>buurten.2e841571-0bea-4145-ae81-6f36befd955c</t>
  </si>
  <si>
    <t>BU16760009</t>
  </si>
  <si>
    <t>2021BU16760009</t>
  </si>
  <si>
    <t>buurten.245caeef-cffa-46d6-91b7-8eaeb97d8475</t>
  </si>
  <si>
    <t>BU16760100</t>
  </si>
  <si>
    <t>Brouwershaven</t>
  </si>
  <si>
    <t>WK167601</t>
  </si>
  <si>
    <t>2021BU16760100</t>
  </si>
  <si>
    <t>buurten.d957c74e-0dc2-4a13-8f1d-a6e857cb217f</t>
  </si>
  <si>
    <t>BU16760109</t>
  </si>
  <si>
    <t>Verspreide huizen Brouwershaven</t>
  </si>
  <si>
    <t>2021BU16760109</t>
  </si>
  <si>
    <t>buurten.f706a03f-f2b6-4e3b-b8c9-061915fc5f12</t>
  </si>
  <si>
    <t>BU16760200</t>
  </si>
  <si>
    <t>Zonnemaire</t>
  </si>
  <si>
    <t>WK167602</t>
  </si>
  <si>
    <t>2021BU16760200</t>
  </si>
  <si>
    <t>buurten.29124f8c-4edf-452f-b537-09c331f26821</t>
  </si>
  <si>
    <t>BU16760209</t>
  </si>
  <si>
    <t>Verspreide huizen Zonnemaire</t>
  </si>
  <si>
    <t>2021BU16760209</t>
  </si>
  <si>
    <t>buurten.52c68b4a-cf18-4bfa-a3d7-60c9283956db</t>
  </si>
  <si>
    <t>BU16760300</t>
  </si>
  <si>
    <t>Dreischor</t>
  </si>
  <si>
    <t>WK167603</t>
  </si>
  <si>
    <t>2021BU16760300</t>
  </si>
  <si>
    <t>buurten.d33184c5-d4c6-446f-ad7b-5d9ff610b510</t>
  </si>
  <si>
    <t>BU16760309</t>
  </si>
  <si>
    <t>Verspreide huizen Dreischor</t>
  </si>
  <si>
    <t>2021BU16760309</t>
  </si>
  <si>
    <t>buurten.edcf65a5-803c-4797-af7e-780b7d3cab23</t>
  </si>
  <si>
    <t>BU16760400</t>
  </si>
  <si>
    <t>Noordgouwe</t>
  </si>
  <si>
    <t>WK167604</t>
  </si>
  <si>
    <t>2021BU16760400</t>
  </si>
  <si>
    <t>buurten.c20dbc04-1889-4a0d-806a-04789717a7bb</t>
  </si>
  <si>
    <t>BU16760401</t>
  </si>
  <si>
    <t>Schuddebeurs</t>
  </si>
  <si>
    <t>2021BU16760401</t>
  </si>
  <si>
    <t>buurten.9593561d-3311-4483-949a-b4625f276831</t>
  </si>
  <si>
    <t>BU16760409</t>
  </si>
  <si>
    <t>Verspreide huizen Noordgouwe en Schuddebeurs</t>
  </si>
  <si>
    <t>2021BU16760409</t>
  </si>
  <si>
    <t>buurten.ebc74d13-9783-4883-8d3b-985e050d1ab4</t>
  </si>
  <si>
    <t>BU16760500</t>
  </si>
  <si>
    <t>Bruinisse</t>
  </si>
  <si>
    <t>WK167605</t>
  </si>
  <si>
    <t>2021BU16760500</t>
  </si>
  <si>
    <t>buurten.5b86f318-8955-41bb-964f-451d5191288e</t>
  </si>
  <si>
    <t>BU16760501</t>
  </si>
  <si>
    <t>2021BU16760501</t>
  </si>
  <si>
    <t>buurten.bfe3d5e9-a217-4aef-9659-9995c4435995</t>
  </si>
  <si>
    <t>BU16760509</t>
  </si>
  <si>
    <t>Verspreide huizen Bruinisse</t>
  </si>
  <si>
    <t>2021BU16760509</t>
  </si>
  <si>
    <t>buurten.de411b5c-004c-41e0-b428-a160ced4970a</t>
  </si>
  <si>
    <t>BU16760600</t>
  </si>
  <si>
    <t>Nieuwerkerk</t>
  </si>
  <si>
    <t>WK167606</t>
  </si>
  <si>
    <t>2021BU16760600</t>
  </si>
  <si>
    <t>buurten.34ef21d1-5c2e-48ed-82ba-bae6a5831892</t>
  </si>
  <si>
    <t>BU16760609</t>
  </si>
  <si>
    <t>Verspreide huizen Nieuwerkerk</t>
  </si>
  <si>
    <t>2021BU16760609</t>
  </si>
  <si>
    <t>buurten.4e0e4697-031c-4857-8d1a-40870bf29a85</t>
  </si>
  <si>
    <t>BU16760700</t>
  </si>
  <si>
    <t>Oosterland</t>
  </si>
  <si>
    <t>WK167607</t>
  </si>
  <si>
    <t>2021BU16760700</t>
  </si>
  <si>
    <t>buurten.1822a58a-9777-493b-b139-daa26c5da65a</t>
  </si>
  <si>
    <t>PL1676010003</t>
  </si>
  <si>
    <t>Oosterland Energieneutraal</t>
  </si>
  <si>
    <t>NOM nieuwbouw</t>
  </si>
  <si>
    <t>BU16760701</t>
  </si>
  <si>
    <t>Sirjansland</t>
  </si>
  <si>
    <t>2021BU16760701</t>
  </si>
  <si>
    <t>buurten.24e850f9-32fa-4bbc-88c7-2be00b586d2d</t>
  </si>
  <si>
    <t>PL1676010006</t>
  </si>
  <si>
    <t>burgers informeren/ stimuleren/ faciliteren om op natuurlijke momenten te isoleren. Zoeken naar nieuwe startkansen op basis van warmtenetten</t>
  </si>
  <si>
    <t>biomassacentrale met CO2 afvang en/of  geothermie (mogelijk)</t>
  </si>
  <si>
    <t>biomassa en/of geothermie</t>
  </si>
  <si>
    <t>biomassa, geothermie</t>
  </si>
  <si>
    <t>26</t>
  </si>
  <si>
    <t>BU16760708</t>
  </si>
  <si>
    <t>Verspreide huizen Sirjansland</t>
  </si>
  <si>
    <t>2021BU16760708</t>
  </si>
  <si>
    <t>buurten.f3246cf9-0ef0-4e48-a069-d364c275b5b1</t>
  </si>
  <si>
    <t>BU16760709</t>
  </si>
  <si>
    <t>Verspreide huizen Oosterland</t>
  </si>
  <si>
    <t>2021BU16760709</t>
  </si>
  <si>
    <t>buurten.5e6f98ba-cf6a-4e59-be72-fe6fd4baeee5</t>
  </si>
  <si>
    <t>BU16760800</t>
  </si>
  <si>
    <t>Ouwerkerk</t>
  </si>
  <si>
    <t>WK167608</t>
  </si>
  <si>
    <t>2021BU16760800</t>
  </si>
  <si>
    <t>buurten.30edd99d-187f-430b-b768-3d0d8394cff5</t>
  </si>
  <si>
    <t>BU16760809</t>
  </si>
  <si>
    <t>Verspreide huizen Ouwerkerk</t>
  </si>
  <si>
    <t>2021BU16760809</t>
  </si>
  <si>
    <t>buurten.f11f914f-4f9b-49b7-9e03-2df3feb7fa11</t>
  </si>
  <si>
    <t>BU16760900</t>
  </si>
  <si>
    <t>Scharendijke</t>
  </si>
  <si>
    <t>WK167609</t>
  </si>
  <si>
    <t>2021BU16760900</t>
  </si>
  <si>
    <t>buurten.2cdd6e2d-f50e-449d-80fb-8b86ab6661b7</t>
  </si>
  <si>
    <t>BU16760909</t>
  </si>
  <si>
    <t>Verspreide huizen Scharendijke</t>
  </si>
  <si>
    <t>2021BU16760909</t>
  </si>
  <si>
    <t>buurten.7d39668d-88e9-4adf-83f5-d5c11515d422</t>
  </si>
  <si>
    <t>BU16761000</t>
  </si>
  <si>
    <t>Kerkwerve</t>
  </si>
  <si>
    <t>WK167610</t>
  </si>
  <si>
    <t>2021BU16761000</t>
  </si>
  <si>
    <t>buurten.cb46b10a-c524-41cd-b27c-afb401588794</t>
  </si>
  <si>
    <t>BU16761009</t>
  </si>
  <si>
    <t>Verspreide huizen Kerkwerve</t>
  </si>
  <si>
    <t>2021BU16761009</t>
  </si>
  <si>
    <t>buurten.4e492a50-0d21-4678-9a78-f04926fb6ef6</t>
  </si>
  <si>
    <t>BU16761100</t>
  </si>
  <si>
    <t>Ellemeet</t>
  </si>
  <si>
    <t>WK167611</t>
  </si>
  <si>
    <t>2021BU16761100</t>
  </si>
  <si>
    <t>buurten.f69dce4d-fcf9-4d02-ba32-1ce9740f61b1</t>
  </si>
  <si>
    <t>BU16761109</t>
  </si>
  <si>
    <t>Verspreide huizen ten zuiden van Ellemeet</t>
  </si>
  <si>
    <t>2021BU16761109</t>
  </si>
  <si>
    <t>buurten.2c4582ac-9fad-4eb0-9ea6-1bde3647f920</t>
  </si>
  <si>
    <t>BU16761200</t>
  </si>
  <si>
    <t>Haamstede</t>
  </si>
  <si>
    <t>WK167612</t>
  </si>
  <si>
    <t>2021BU16761200</t>
  </si>
  <si>
    <t>buurten.f4012c78-1e4d-43c1-94fe-60034e43db72</t>
  </si>
  <si>
    <t>BU16761201</t>
  </si>
  <si>
    <t>Burgh</t>
  </si>
  <si>
    <t>2021BU16761201</t>
  </si>
  <si>
    <t>buurten.dd44bd26-001f-4ee8-aaf0-c9d409ddc799</t>
  </si>
  <si>
    <t>BU16761202</t>
  </si>
  <si>
    <t>2021BU16761202</t>
  </si>
  <si>
    <t>buurten.9a889dd8-ca16-49f2-bf6e-8df375722b07</t>
  </si>
  <si>
    <t>BU16761203</t>
  </si>
  <si>
    <t>Westenschouwen</t>
  </si>
  <si>
    <t>2021BU16761203</t>
  </si>
  <si>
    <t>buurten.1df9892e-17e5-46c4-99a7-e117320392cc</t>
  </si>
  <si>
    <t>BU16761204</t>
  </si>
  <si>
    <t>Kloosterweg en omgeving</t>
  </si>
  <si>
    <t>2021BU16761204</t>
  </si>
  <si>
    <t>buurten.53dd5e00-1624-4189-a1ac-d09ce928dc92</t>
  </si>
  <si>
    <t>BU16761205</t>
  </si>
  <si>
    <t>Nieuw-Haamstede</t>
  </si>
  <si>
    <t>2021BU16761205</t>
  </si>
  <si>
    <t>buurten.2197b86d-0386-47f7-8cd3-7765b8b5351c</t>
  </si>
  <si>
    <t>BU16761208</t>
  </si>
  <si>
    <t>Verspreide huizen in het Kleigebied</t>
  </si>
  <si>
    <t>2021BU16761208</t>
  </si>
  <si>
    <t>buurten.c871f1a0-bd8e-455d-a5a0-9a81f4d84dd5</t>
  </si>
  <si>
    <t>BU16761209</t>
  </si>
  <si>
    <t>Verspreide huizen in het Zandgebied</t>
  </si>
  <si>
    <t>2021BU16761209</t>
  </si>
  <si>
    <t>buurten.0567760e-a644-49be-aff6-c684a7fb177f</t>
  </si>
  <si>
    <t>BU16761300</t>
  </si>
  <si>
    <t>Renesse</t>
  </si>
  <si>
    <t>WK167613</t>
  </si>
  <si>
    <t>2021BU16761300</t>
  </si>
  <si>
    <t>buurten.c7338cf8-d9b1-46be-b836-3ece9b8f5e5f</t>
  </si>
  <si>
    <t>BU16761301</t>
  </si>
  <si>
    <t>Oude Moolweg en Laone</t>
  </si>
  <si>
    <t>2021BU16761301</t>
  </si>
  <si>
    <t>buurten.c6fbccfb-55c4-4315-972b-d029afb26077</t>
  </si>
  <si>
    <t>BU16761302</t>
  </si>
  <si>
    <t>Hoogenboomlaan</t>
  </si>
  <si>
    <t>2021BU16761302</t>
  </si>
  <si>
    <t>buurten.1c8b3bca-c9bf-410a-9680-995f5e108ed7</t>
  </si>
  <si>
    <t>BU16761303</t>
  </si>
  <si>
    <t>Lagezoom</t>
  </si>
  <si>
    <t>2021BU16761303</t>
  </si>
  <si>
    <t>buurten.4b81722e-6628-46e1-a297-cc4d421e929e</t>
  </si>
  <si>
    <t>BU16761309</t>
  </si>
  <si>
    <t>Verspreide huizen ten westen van Renesse</t>
  </si>
  <si>
    <t>2021BU16761309</t>
  </si>
  <si>
    <t>buurten.6fbfd95f-f4a6-4073-87b6-11cab1216ff4</t>
  </si>
  <si>
    <t>BU16761400</t>
  </si>
  <si>
    <t>Noordwelle</t>
  </si>
  <si>
    <t>WK167614</t>
  </si>
  <si>
    <t>2021BU16761400</t>
  </si>
  <si>
    <t>buurten.00854e9c-fa46-457b-8c27-d4d0351f07b7</t>
  </si>
  <si>
    <t>BU16761409</t>
  </si>
  <si>
    <t>Verspreide huizen Noordwelle</t>
  </si>
  <si>
    <t>2021BU16761409</t>
  </si>
  <si>
    <t>buurten.96a8ebd0-26e5-4e46-bf26-57cadd2a638b</t>
  </si>
  <si>
    <t>BU16761500</t>
  </si>
  <si>
    <t>WK167615</t>
  </si>
  <si>
    <t>2021BU16761500</t>
  </si>
  <si>
    <t>buurten.35b01ba9-1321-4f11-b94a-6e696a3610a2</t>
  </si>
  <si>
    <t>BU16761509</t>
  </si>
  <si>
    <t>2021BU16761509</t>
  </si>
  <si>
    <t>buurten.3fbf43a1-015e-41a9-8c05-5e5518f0d4ae</t>
  </si>
  <si>
    <t>BU16800000</t>
  </si>
  <si>
    <t>Annen</t>
  </si>
  <si>
    <t>WK168000</t>
  </si>
  <si>
    <t>2021BU16800000</t>
  </si>
  <si>
    <t>buurten.80c1e2a3-61b4-4382-91ee-a4adb046697a</t>
  </si>
  <si>
    <t>BU16800009</t>
  </si>
  <si>
    <t>Verspreide huizen Annen</t>
  </si>
  <si>
    <t>2021BU16800009</t>
  </si>
  <si>
    <t>buurten.a979be67-46cc-4d04-bfd1-ade816d57575</t>
  </si>
  <si>
    <t>BU16800100</t>
  </si>
  <si>
    <t>Eext</t>
  </si>
  <si>
    <t>WK168001</t>
  </si>
  <si>
    <t>2021BU16800100</t>
  </si>
  <si>
    <t>buurten.8fc9b348-fac9-442a-9e57-033fa012c2f5</t>
  </si>
  <si>
    <t>BU16800109</t>
  </si>
  <si>
    <t>Verspreide huizen Eext</t>
  </si>
  <si>
    <t>2021BU16800109</t>
  </si>
  <si>
    <t>buurten.9818cdc5-7997-42d8-abe1-3e2ab7c6502d</t>
  </si>
  <si>
    <t>BU16800200</t>
  </si>
  <si>
    <t>Anloo</t>
  </si>
  <si>
    <t>WK168002</t>
  </si>
  <si>
    <t>2021BU16800200</t>
  </si>
  <si>
    <t>buurten.52651c10-9be7-4ac2-94f9-cb4e339a5617</t>
  </si>
  <si>
    <t>BU16800209</t>
  </si>
  <si>
    <t>Verspreide huizen Anloo</t>
  </si>
  <si>
    <t>2021BU16800209</t>
  </si>
  <si>
    <t>buurten.d7be80e4-969c-40b7-aba2-1cc457dd4226</t>
  </si>
  <si>
    <t>BU16800300</t>
  </si>
  <si>
    <t>Gasteren</t>
  </si>
  <si>
    <t>WK168003</t>
  </si>
  <si>
    <t>2021BU16800300</t>
  </si>
  <si>
    <t>buurten.5ffa6f14-a888-4803-8918-5bad69363bb4</t>
  </si>
  <si>
    <t>BU16800309</t>
  </si>
  <si>
    <t>Verspreide huizen Gasteren</t>
  </si>
  <si>
    <t>2021BU16800309</t>
  </si>
  <si>
    <t>buurten.8c952d87-b36b-43f7-8b39-36011b8211ad</t>
  </si>
  <si>
    <t>BU16800400</t>
  </si>
  <si>
    <t>Anderen</t>
  </si>
  <si>
    <t>WK168004</t>
  </si>
  <si>
    <t>2021BU16800400</t>
  </si>
  <si>
    <t>buurten.5fa9431a-c23c-42ee-abe6-4d8fe65668f9</t>
  </si>
  <si>
    <t>BU16800409</t>
  </si>
  <si>
    <t>Verspreide huizen Anderen</t>
  </si>
  <si>
    <t>2021BU16800409</t>
  </si>
  <si>
    <t>buurten.59ac1614-7353-4c05-8410-873fec0f806e</t>
  </si>
  <si>
    <t>BU16800500</t>
  </si>
  <si>
    <t>Schipborg</t>
  </si>
  <si>
    <t>WK168005</t>
  </si>
  <si>
    <t>2021BU16800500</t>
  </si>
  <si>
    <t>buurten.f6e35340-ea00-44be-82e2-485c4961db51</t>
  </si>
  <si>
    <t>BU16800509</t>
  </si>
  <si>
    <t>Verspreide huizen Schipborg</t>
  </si>
  <si>
    <t>2021BU16800509</t>
  </si>
  <si>
    <t>buurten.2902fcc9-d406-4338-8b42-cb827e52e5e4</t>
  </si>
  <si>
    <t>BU16800600</t>
  </si>
  <si>
    <t>Eexterveen</t>
  </si>
  <si>
    <t>WK168006</t>
  </si>
  <si>
    <t>2021BU16800600</t>
  </si>
  <si>
    <t>buurten.898eae8b-64ae-4ce4-b060-01f7e8505b11</t>
  </si>
  <si>
    <t>BU16800609</t>
  </si>
  <si>
    <t>Verspreide huizen Eexterveen</t>
  </si>
  <si>
    <t>2021BU16800609</t>
  </si>
  <si>
    <t>buurten.3df65e77-38e7-43e5-9dfa-e30157c9bab7</t>
  </si>
  <si>
    <t>BU16800700</t>
  </si>
  <si>
    <t>WK168007</t>
  </si>
  <si>
    <t>2021BU16800700</t>
  </si>
  <si>
    <t>buurten.c71a4bbb-98a7-4df7-bb9f-f3e63bea77ab</t>
  </si>
  <si>
    <t>BU16800709</t>
  </si>
  <si>
    <t>Verspreide huizen Spijkerboor</t>
  </si>
  <si>
    <t>2021BU16800709</t>
  </si>
  <si>
    <t>buurten.e91fb383-89ac-4de7-b69b-356c929a5c8e</t>
  </si>
  <si>
    <t>BU16800800</t>
  </si>
  <si>
    <t>Nieuw-Annerveen</t>
  </si>
  <si>
    <t>WK168008</t>
  </si>
  <si>
    <t>2021BU16800800</t>
  </si>
  <si>
    <t>buurten.99d53941-e07c-428e-9948-5d2b31b1ae65</t>
  </si>
  <si>
    <t>BU16800809</t>
  </si>
  <si>
    <t>Verspreide huizen Nieuw-Annerveen</t>
  </si>
  <si>
    <t>2021BU16800809</t>
  </si>
  <si>
    <t>buurten.1fe3a13c-1b41-4635-bf0e-54ddcdd42acc</t>
  </si>
  <si>
    <t>BU16800900</t>
  </si>
  <si>
    <t>Oud-Annerveen</t>
  </si>
  <si>
    <t>WK168009</t>
  </si>
  <si>
    <t>2021BU16800900</t>
  </si>
  <si>
    <t>buurten.81524ee2-5dcd-42ec-86d5-2ba210c6ca94</t>
  </si>
  <si>
    <t>BU16800909</t>
  </si>
  <si>
    <t>Verspreide huizen Oud-Annerveen</t>
  </si>
  <si>
    <t>2021BU16800909</t>
  </si>
  <si>
    <t>buurten.c4314be4-de4a-468a-9b48-3987ebf56f98</t>
  </si>
  <si>
    <t>BU16801100</t>
  </si>
  <si>
    <t>Annerveenschekanaal</t>
  </si>
  <si>
    <t>WK168011</t>
  </si>
  <si>
    <t>2021BU16801100</t>
  </si>
  <si>
    <t>buurten.18d66583-e984-499d-81cb-014e16ba0819</t>
  </si>
  <si>
    <t>BU16801109</t>
  </si>
  <si>
    <t>Verspreide huizen Annerveenschekanaal</t>
  </si>
  <si>
    <t>2021BU16801109</t>
  </si>
  <si>
    <t>buurten.2cadb840-0022-49da-8932-8efc54be1530</t>
  </si>
  <si>
    <t>BU16801200</t>
  </si>
  <si>
    <t>Eexterveenschekanaal</t>
  </si>
  <si>
    <t>WK168012</t>
  </si>
  <si>
    <t>2021BU16801200</t>
  </si>
  <si>
    <t>buurten.118cf787-7058-4224-802a-b54c6891fea3</t>
  </si>
  <si>
    <t>BU16801209</t>
  </si>
  <si>
    <t>Verspreide huizen Eexterveenschekanaal</t>
  </si>
  <si>
    <t>2021BU16801209</t>
  </si>
  <si>
    <t>buurten.cb41b88d-c052-4f99-b986-6f8d288a16b7</t>
  </si>
  <si>
    <t>BU16801300</t>
  </si>
  <si>
    <t>Eexterzandvoort</t>
  </si>
  <si>
    <t>WK168013</t>
  </si>
  <si>
    <t>2021BU16801300</t>
  </si>
  <si>
    <t>buurten.e1e1a1ad-56e3-41cf-8f68-935b17f03b03</t>
  </si>
  <si>
    <t>BU16801309</t>
  </si>
  <si>
    <t>Verspreide huizen Eexterzandvoort</t>
  </si>
  <si>
    <t>2021BU16801309</t>
  </si>
  <si>
    <t>buurten.47ddf3f8-8395-4e36-920d-7551e05ab02c</t>
  </si>
  <si>
    <t>BU16801400</t>
  </si>
  <si>
    <t>Gasselte</t>
  </si>
  <si>
    <t>WK168014</t>
  </si>
  <si>
    <t>2021BU16801400</t>
  </si>
  <si>
    <t>buurten.4ac741a4-f856-4246-9bae-f802ccf6dc31</t>
  </si>
  <si>
    <t>BU16801401</t>
  </si>
  <si>
    <t>Kostvlies</t>
  </si>
  <si>
    <t>2021BU16801401</t>
  </si>
  <si>
    <t>buurten.bbc72697-a2af-4251-8bcc-6c87a7926d7f</t>
  </si>
  <si>
    <t>BU16801409</t>
  </si>
  <si>
    <t>Verspreide huizen Gasselte</t>
  </si>
  <si>
    <t>2021BU16801409</t>
  </si>
  <si>
    <t>buurten.40c8c965-8316-47bb-9381-a5ebd0e5d197</t>
  </si>
  <si>
    <t>BU16801500</t>
  </si>
  <si>
    <t>Gasselternijveen</t>
  </si>
  <si>
    <t>WK168015</t>
  </si>
  <si>
    <t>2021BU16801500</t>
  </si>
  <si>
    <t>buurten.321cc428-99af-45cb-a001-7f5798f66d48</t>
  </si>
  <si>
    <t>BU16801501</t>
  </si>
  <si>
    <t>Gasselterboerveen</t>
  </si>
  <si>
    <t>2021BU16801501</t>
  </si>
  <si>
    <t>buurten.49291ff5-79ad-46e9-b5b7-00cea1fbeccd</t>
  </si>
  <si>
    <t>BU16801509</t>
  </si>
  <si>
    <t>Verspreide huizen Gasselternijveen</t>
  </si>
  <si>
    <t>2021BU16801509</t>
  </si>
  <si>
    <t>buurten.a7299465-3568-43cb-bc29-6359f1e8fed8</t>
  </si>
  <si>
    <t>BU16801600</t>
  </si>
  <si>
    <t>Gasselternijveenschemond</t>
  </si>
  <si>
    <t>WK168016</t>
  </si>
  <si>
    <t>2021BU16801600</t>
  </si>
  <si>
    <t>buurten.4623d5ac-d98b-4684-828d-54a43f5c6e8d</t>
  </si>
  <si>
    <t>BU16801601</t>
  </si>
  <si>
    <t>Gasselterboerveenschemond</t>
  </si>
  <si>
    <t>2021BU16801601</t>
  </si>
  <si>
    <t>buurten.6ca3c5ea-6791-46bd-9a30-c8769033369f</t>
  </si>
  <si>
    <t>BU16801609</t>
  </si>
  <si>
    <t>Verspreide huizen Gasselternijveenschemond</t>
  </si>
  <si>
    <t>2021BU16801609</t>
  </si>
  <si>
    <t>buurten.2a4fccaf-d1b2-4188-9205-14ff556f62ea</t>
  </si>
  <si>
    <t>BU16801700</t>
  </si>
  <si>
    <t>Gieten</t>
  </si>
  <si>
    <t>WK168017</t>
  </si>
  <si>
    <t>2021BU16801700</t>
  </si>
  <si>
    <t>buurten.2e9142ec-4129-4f57-b5e8-3a5281e0d171</t>
  </si>
  <si>
    <t>BU16801709</t>
  </si>
  <si>
    <t>Verspreide huizen Gieten</t>
  </si>
  <si>
    <t>2021BU16801709</t>
  </si>
  <si>
    <t>buurten.6a0fc3a8-9c6e-4479-a006-9e6867b23283</t>
  </si>
  <si>
    <t>BU16801800</t>
  </si>
  <si>
    <t>Gieterveen</t>
  </si>
  <si>
    <t>WK168018</t>
  </si>
  <si>
    <t>2021BU16801800</t>
  </si>
  <si>
    <t>buurten.d9059053-861d-4b92-ac74-58eb842fb694</t>
  </si>
  <si>
    <t>BU16801801</t>
  </si>
  <si>
    <t>Bonnerveen</t>
  </si>
  <si>
    <t>2021BU16801801</t>
  </si>
  <si>
    <t>buurten.d86d67c5-6ccb-4fd8-96cb-ae1cbe7e970c</t>
  </si>
  <si>
    <t>BU16801802</t>
  </si>
  <si>
    <t>Nieuwediep</t>
  </si>
  <si>
    <t>2021BU16801802</t>
  </si>
  <si>
    <t>buurten.c30a9dec-2165-4b73-9664-f2db30f4de3e</t>
  </si>
  <si>
    <t>BU16801809</t>
  </si>
  <si>
    <t>Verspreide huizen Gieterveen</t>
  </si>
  <si>
    <t>2021BU16801809</t>
  </si>
  <si>
    <t>buurten.e8ea267a-8313-412f-8527-5564a3ddbfd4</t>
  </si>
  <si>
    <t>BU16801900</t>
  </si>
  <si>
    <t>Rolde</t>
  </si>
  <si>
    <t>WK168019</t>
  </si>
  <si>
    <t>2021BU16801900</t>
  </si>
  <si>
    <t>buurten.7fd8b070-80aa-451a-9328-c2368113292a</t>
  </si>
  <si>
    <t>BU16801901</t>
  </si>
  <si>
    <t>Ballo</t>
  </si>
  <si>
    <t>2021BU16801901</t>
  </si>
  <si>
    <t>buurten.8ae57337-3f0d-44ca-8484-8f1e8cc21067</t>
  </si>
  <si>
    <t>BU16801902</t>
  </si>
  <si>
    <t>Nijlande</t>
  </si>
  <si>
    <t>2021BU16801902</t>
  </si>
  <si>
    <t>buurten.78fb30b3-6689-4eac-89e6-87ec56a2c722</t>
  </si>
  <si>
    <t>BU16801903</t>
  </si>
  <si>
    <t>Deurze</t>
  </si>
  <si>
    <t>2021BU16801903</t>
  </si>
  <si>
    <t>buurten.67c3b237-937e-40f3-a1c1-de1adca888b7</t>
  </si>
  <si>
    <t>BU16801908</t>
  </si>
  <si>
    <t>Verspreide huizen Nooitgedacht</t>
  </si>
  <si>
    <t>2021BU16801908</t>
  </si>
  <si>
    <t>buurten.b1408776-7a1d-470a-90aa-c4e4865b7c49</t>
  </si>
  <si>
    <t>BU16801909</t>
  </si>
  <si>
    <t>Verspreide huizen Rolde</t>
  </si>
  <si>
    <t>2021BU16801909</t>
  </si>
  <si>
    <t>buurten.9dbc1da5-dc77-4032-a822-2ef7c44c4872</t>
  </si>
  <si>
    <t>BU16802000</t>
  </si>
  <si>
    <t>Grolloo</t>
  </si>
  <si>
    <t>WK168020</t>
  </si>
  <si>
    <t>2021BU16802000</t>
  </si>
  <si>
    <t>buurten.d065f064-904d-49f5-b8d5-50bab2a5092d</t>
  </si>
  <si>
    <t>BU16802001</t>
  </si>
  <si>
    <t>Schoonloo</t>
  </si>
  <si>
    <t>2021BU16802001</t>
  </si>
  <si>
    <t>buurten.2ab6309f-85ef-4468-bf77-552fc122dc1e</t>
  </si>
  <si>
    <t>BU16802008</t>
  </si>
  <si>
    <t>Verspreide huizen Papenvoort</t>
  </si>
  <si>
    <t>2021BU16802008</t>
  </si>
  <si>
    <t>buurten.867cc4d2-8206-4186-b44a-4b58851b8d6c</t>
  </si>
  <si>
    <t>BU16802009</t>
  </si>
  <si>
    <t>Verspreide huizen Grolloo</t>
  </si>
  <si>
    <t>2021BU16802009</t>
  </si>
  <si>
    <t>buurten.238e4053-1dd8-4bfb-a45c-821867331999</t>
  </si>
  <si>
    <t>BU16802100</t>
  </si>
  <si>
    <t>Ekehaar</t>
  </si>
  <si>
    <t>WK168021</t>
  </si>
  <si>
    <t>2021BU16802100</t>
  </si>
  <si>
    <t>buurten.90186915-646b-4dc7-81dd-31c6547d2d1c</t>
  </si>
  <si>
    <t>BU16802101</t>
  </si>
  <si>
    <t>Amen</t>
  </si>
  <si>
    <t>2021BU16802101</t>
  </si>
  <si>
    <t>buurten.5966e283-6055-433f-a6b0-3487cda08012</t>
  </si>
  <si>
    <t>BU16802109</t>
  </si>
  <si>
    <t>Verspreide huizen Ekehaar</t>
  </si>
  <si>
    <t>2021BU16802109</t>
  </si>
  <si>
    <t>buurten.507c09e0-580b-4dec-80fa-c4f194b82663</t>
  </si>
  <si>
    <t>BU16810001</t>
  </si>
  <si>
    <t>Valthe</t>
  </si>
  <si>
    <t>WK168100</t>
  </si>
  <si>
    <t>2021BU16810001</t>
  </si>
  <si>
    <t>buurten.78cf8b03-3659-49c8-afe2-6396f25d6fd9</t>
  </si>
  <si>
    <t>PL1681010002</t>
  </si>
  <si>
    <t>Voorwaarden:- Energie onder bewoners, vrijwillige betrokkenheid- Bewoners worden niet gedwongen tot deelname aan maatregelen richting aardgasvrij</t>
  </si>
  <si>
    <t>Waterstof</t>
  </si>
  <si>
    <t>BU16810009</t>
  </si>
  <si>
    <t>Valthe Buitengebied</t>
  </si>
  <si>
    <t>2021BU16810009</t>
  </si>
  <si>
    <t>buurten.235b702f-2494-434b-bb7c-4318db25381a</t>
  </si>
  <si>
    <t>BU16810101</t>
  </si>
  <si>
    <t>Kavelingen</t>
  </si>
  <si>
    <t>WK168101</t>
  </si>
  <si>
    <t>2021BU16810101</t>
  </si>
  <si>
    <t>buurten.c3d1449c-3a86-48b7-a6a0-7d6f5c040380</t>
  </si>
  <si>
    <t>BU16810102</t>
  </si>
  <si>
    <t>Valthermond Plaats 60</t>
  </si>
  <si>
    <t>2021BU16810102</t>
  </si>
  <si>
    <t>buurten.f95bb211-3dd3-4565-8782-75eb5773d3c6</t>
  </si>
  <si>
    <t>BU16810103</t>
  </si>
  <si>
    <t>Valthermond Mondenweg</t>
  </si>
  <si>
    <t>2021BU16810103</t>
  </si>
  <si>
    <t>buurten.b3491573-5a5f-4810-b3b0-c157b1798308</t>
  </si>
  <si>
    <t>BU16810104</t>
  </si>
  <si>
    <t>Valthermond Plaats 84</t>
  </si>
  <si>
    <t>2021BU16810104</t>
  </si>
  <si>
    <t>buurten.8f812f5c-8eb1-485e-80a9-384c61bfc94c</t>
  </si>
  <si>
    <t>BU16810109</t>
  </si>
  <si>
    <t>Valthermond Buitengebied</t>
  </si>
  <si>
    <t>2021BU16810109</t>
  </si>
  <si>
    <t>buurten.9e309d46-1316-4dc6-850c-5571abe0f062</t>
  </si>
  <si>
    <t>BU16810209</t>
  </si>
  <si>
    <t>WK168102</t>
  </si>
  <si>
    <t>2021BU16810209</t>
  </si>
  <si>
    <t>buurten.db6a74a5-b00e-45ec-82c0-888d7d82c39a</t>
  </si>
  <si>
    <t>BU16810309</t>
  </si>
  <si>
    <t>WK168103</t>
  </si>
  <si>
    <t>2021BU16810309</t>
  </si>
  <si>
    <t>buurten.03b323b5-1ac1-4508-9456-ee132aafc927</t>
  </si>
  <si>
    <t>BU16817901</t>
  </si>
  <si>
    <t>1e Exloërmond</t>
  </si>
  <si>
    <t>WK168179</t>
  </si>
  <si>
    <t>2021BU16817901</t>
  </si>
  <si>
    <t>buurten.1126a3d8-36d1-43a7-abd4-15dd5d210869</t>
  </si>
  <si>
    <t>BU16817909</t>
  </si>
  <si>
    <t>1e Exloërmond Buitengebied</t>
  </si>
  <si>
    <t>2021BU16817909</t>
  </si>
  <si>
    <t>buurten.e8ddff83-d12f-47a3-95c4-8fafca379fa7</t>
  </si>
  <si>
    <t>BU16818001</t>
  </si>
  <si>
    <t>2e Exloërmond Oost</t>
  </si>
  <si>
    <t>WK168180</t>
  </si>
  <si>
    <t>2021BU16818001</t>
  </si>
  <si>
    <t>buurten.5f8b23f4-129a-4e57-b175-febf5dd224c5</t>
  </si>
  <si>
    <t>BU16818002</t>
  </si>
  <si>
    <t>2e Exloërmond West</t>
  </si>
  <si>
    <t>2021BU16818002</t>
  </si>
  <si>
    <t>buurten.3406358d-950e-44a5-bba5-8ab99b946c8f</t>
  </si>
  <si>
    <t>BU16818003</t>
  </si>
  <si>
    <t>Kijlen</t>
  </si>
  <si>
    <t>2021BU16818003</t>
  </si>
  <si>
    <t>buurten.98365a83-9b7c-4a68-b4d1-add83fcbe801</t>
  </si>
  <si>
    <t>BU16818009</t>
  </si>
  <si>
    <t>2e Exloërmond Buitengebied</t>
  </si>
  <si>
    <t>2021BU16818009</t>
  </si>
  <si>
    <t>buurten.bc6ba630-f2b7-426f-8ec1-410d5c326dab</t>
  </si>
  <si>
    <t>BU16818109</t>
  </si>
  <si>
    <t>2e Valthermond</t>
  </si>
  <si>
    <t>WK168181</t>
  </si>
  <si>
    <t>2021BU16818109</t>
  </si>
  <si>
    <t>buurten.0197d718-36c4-4b71-a3ef-d64d33673c7c</t>
  </si>
  <si>
    <t>BU16818201</t>
  </si>
  <si>
    <t>WK168182</t>
  </si>
  <si>
    <t>2021BU16818201</t>
  </si>
  <si>
    <t>buurten.9551454f-7a83-409e-a1f4-a4746d1b3767</t>
  </si>
  <si>
    <t>BU16818202</t>
  </si>
  <si>
    <t>Oud Borger</t>
  </si>
  <si>
    <t>2021BU16818202</t>
  </si>
  <si>
    <t>buurten.04c8a949-f8ce-468a-822e-a04435df706c</t>
  </si>
  <si>
    <t>BU16818203</t>
  </si>
  <si>
    <t>Hunzedal</t>
  </si>
  <si>
    <t>2021BU16818203</t>
  </si>
  <si>
    <t>buurten.680dcb94-8be8-4f8a-b8e0-bc168bdfe29c</t>
  </si>
  <si>
    <t>BU16818204</t>
  </si>
  <si>
    <t>Daalkampen</t>
  </si>
  <si>
    <t>2021BU16818204</t>
  </si>
  <si>
    <t>buurten.7e26d8a1-ae5b-4c28-9c4e-f21c7bf5a91d</t>
  </si>
  <si>
    <t>BU16818205</t>
  </si>
  <si>
    <t>Noordesch</t>
  </si>
  <si>
    <t>2021BU16818205</t>
  </si>
  <si>
    <t>buurten.f5aee1de-dbf7-434e-9e5b-80a91c16656a</t>
  </si>
  <si>
    <t>BU16818206</t>
  </si>
  <si>
    <t>Borger-Centrum</t>
  </si>
  <si>
    <t>2021BU16818206</t>
  </si>
  <si>
    <t>buurten.ef84231e-fd33-48c7-9bd5-6e4105aa6558</t>
  </si>
  <si>
    <t>BU16818209</t>
  </si>
  <si>
    <t>Borger Buitengebied</t>
  </si>
  <si>
    <t>2021BU16818209</t>
  </si>
  <si>
    <t>buurten.4c9ab483-0add-45d6-b894-731dc1c761a2</t>
  </si>
  <si>
    <t>BU16818309</t>
  </si>
  <si>
    <t>Bronneger</t>
  </si>
  <si>
    <t>WK168183</t>
  </si>
  <si>
    <t>2021BU16818309</t>
  </si>
  <si>
    <t>buurten.c04d3b08-7f10-4e34-81c9-4e63f49c9dad</t>
  </si>
  <si>
    <t>BU16818409</t>
  </si>
  <si>
    <t>Bronnegerveen</t>
  </si>
  <si>
    <t>WK168184</t>
  </si>
  <si>
    <t>2021BU16818409</t>
  </si>
  <si>
    <t>buurten.d1e6981e-871c-4cc6-90d7-933ec9ddaf64</t>
  </si>
  <si>
    <t>BU16818501</t>
  </si>
  <si>
    <t>Buinen</t>
  </si>
  <si>
    <t>WK168185</t>
  </si>
  <si>
    <t>2021BU16818501</t>
  </si>
  <si>
    <t>buurten.1456c058-d9e0-437e-b677-5ce155a62f6f</t>
  </si>
  <si>
    <t>BU16818509</t>
  </si>
  <si>
    <t>Buinen Buitengebied</t>
  </si>
  <si>
    <t>2021BU16818509</t>
  </si>
  <si>
    <t>buurten.27faea1c-f5ff-4294-afe1-0c700efd4a58</t>
  </si>
  <si>
    <t>BU16818601</t>
  </si>
  <si>
    <t>Buinerveen</t>
  </si>
  <si>
    <t>WK168186</t>
  </si>
  <si>
    <t>2021BU16818601</t>
  </si>
  <si>
    <t>buurten.9a9f138a-2719-4e9e-bdac-0859e1ecdc54</t>
  </si>
  <si>
    <t>BU16818609</t>
  </si>
  <si>
    <t>Buinerveen Buitengebied</t>
  </si>
  <si>
    <t>2021BU16818609</t>
  </si>
  <si>
    <t>buurten.39c2f0e5-79b8-486e-a14c-f0108e01914d</t>
  </si>
  <si>
    <t>BU16818701</t>
  </si>
  <si>
    <t>Drouwen</t>
  </si>
  <si>
    <t>WK168187</t>
  </si>
  <si>
    <t>2021BU16818701</t>
  </si>
  <si>
    <t>buurten.377857ab-1b78-40e1-911d-3f8d018e91c7</t>
  </si>
  <si>
    <t>BU16818709</t>
  </si>
  <si>
    <t>Drouwen Buitengebied</t>
  </si>
  <si>
    <t>2021BU16818709</t>
  </si>
  <si>
    <t>buurten.d107a204-8330-43de-9621-c799454e4304</t>
  </si>
  <si>
    <t>BU16818801</t>
  </si>
  <si>
    <t>Drouwenermond</t>
  </si>
  <si>
    <t>WK168188</t>
  </si>
  <si>
    <t>2021BU16818801</t>
  </si>
  <si>
    <t>buurten.10636c27-051f-4969-8c4e-212733a6a6c9</t>
  </si>
  <si>
    <t>BU16818809</t>
  </si>
  <si>
    <t>Drouwenermond Buitengebied</t>
  </si>
  <si>
    <t>2021BU16818809</t>
  </si>
  <si>
    <t>buurten.7a4c4cd6-6eb8-41f0-a20c-8eba4ac5a681</t>
  </si>
  <si>
    <t>BU16818909</t>
  </si>
  <si>
    <t>Drouwenerveen</t>
  </si>
  <si>
    <t>WK168189</t>
  </si>
  <si>
    <t>2021BU16818909</t>
  </si>
  <si>
    <t>buurten.371e6545-cd63-4e2a-80e4-01b2ce8d73a8</t>
  </si>
  <si>
    <t>BU16819001</t>
  </si>
  <si>
    <t>Ees</t>
  </si>
  <si>
    <t>WK168190</t>
  </si>
  <si>
    <t>2021BU16819001</t>
  </si>
  <si>
    <t>buurten.99c9c421-4e54-4bb5-9b22-54126e24ba8b</t>
  </si>
  <si>
    <t>BU16819009</t>
  </si>
  <si>
    <t>Ees Buitengebied</t>
  </si>
  <si>
    <t>2021BU16819009</t>
  </si>
  <si>
    <t>buurten.37051d14-4932-41d2-890b-35ba97d3706b</t>
  </si>
  <si>
    <t>BU16819109</t>
  </si>
  <si>
    <t>Eesergroen</t>
  </si>
  <si>
    <t>WK168191</t>
  </si>
  <si>
    <t>2021BU16819109</t>
  </si>
  <si>
    <t>buurten.97f4aaef-2e78-4eab-8202-d3272c7bec7b</t>
  </si>
  <si>
    <t>BU16819209</t>
  </si>
  <si>
    <t>Eeserveen</t>
  </si>
  <si>
    <t>WK168192</t>
  </si>
  <si>
    <t>2021BU16819209</t>
  </si>
  <si>
    <t>buurten.a753a1c3-a297-498b-8bb3-6a94fb286b72</t>
  </si>
  <si>
    <t>BU16819309</t>
  </si>
  <si>
    <t>Ellertshaar</t>
  </si>
  <si>
    <t>WK168193</t>
  </si>
  <si>
    <t>2021BU16819309</t>
  </si>
  <si>
    <t>buurten.8acd96ea-ba95-4823-96ab-557a5cb85eb0</t>
  </si>
  <si>
    <t>BU16819409</t>
  </si>
  <si>
    <t>Exloërveen</t>
  </si>
  <si>
    <t>WK168194</t>
  </si>
  <si>
    <t>2021BU16819409</t>
  </si>
  <si>
    <t>buurten.41d335a6-655f-40e7-aa8f-f36572cf9da3</t>
  </si>
  <si>
    <t>BU16819501</t>
  </si>
  <si>
    <t>Westeresch</t>
  </si>
  <si>
    <t>WK168195</t>
  </si>
  <si>
    <t>2021BU16819501</t>
  </si>
  <si>
    <t>buurten.ba2af9e1-889e-4860-9d5b-560ea6e5fabc</t>
  </si>
  <si>
    <t>BU16819502</t>
  </si>
  <si>
    <t>Noorderesch</t>
  </si>
  <si>
    <t>2021BU16819502</t>
  </si>
  <si>
    <t>buurten.57a3a164-b2b0-4e2e-8472-6fc8c0807add</t>
  </si>
  <si>
    <t>BU16819503</t>
  </si>
  <si>
    <t>Oud Exloo</t>
  </si>
  <si>
    <t>2021BU16819503</t>
  </si>
  <si>
    <t>buurten.8cfb8578-d481-47c0-a826-d14b3b3ac09d</t>
  </si>
  <si>
    <t>BU16819509</t>
  </si>
  <si>
    <t>Exloo Buitengebied</t>
  </si>
  <si>
    <t>2021BU16819509</t>
  </si>
  <si>
    <t>buurten.18055568-9fa5-4772-85b8-e47dafbce3f3</t>
  </si>
  <si>
    <t>BU16819601</t>
  </si>
  <si>
    <t>Klijndijk</t>
  </si>
  <si>
    <t>WK168196</t>
  </si>
  <si>
    <t>2021BU16819601</t>
  </si>
  <si>
    <t>buurten.b12d7418-4591-43c8-8157-59d221995589</t>
  </si>
  <si>
    <t>BU16819609</t>
  </si>
  <si>
    <t>Klijndijk Buitengebied</t>
  </si>
  <si>
    <t>2021BU16819609</t>
  </si>
  <si>
    <t>buurten.c608e4d1-715b-4bf7-9db2-980bedd2e6cf</t>
  </si>
  <si>
    <t>BU16819701</t>
  </si>
  <si>
    <t>Parklaan west</t>
  </si>
  <si>
    <t>WK168197</t>
  </si>
  <si>
    <t>2021BU16819701</t>
  </si>
  <si>
    <t>buurten.934713ff-c37a-443c-84a8-d5452878b790</t>
  </si>
  <si>
    <t>BU16819702</t>
  </si>
  <si>
    <t>Parklaan Oost</t>
  </si>
  <si>
    <t>2021BU16819702</t>
  </si>
  <si>
    <t>buurten.635e02d2-a9e8-4970-bf53-eb6f40ce5fcc</t>
  </si>
  <si>
    <t>BU16819703</t>
  </si>
  <si>
    <t>Nieuw-Buinen Oost</t>
  </si>
  <si>
    <t>2021BU16819703</t>
  </si>
  <si>
    <t>buurten.7e516870-938d-4acd-9a5e-795bd99d61ae</t>
  </si>
  <si>
    <t>BU16819704</t>
  </si>
  <si>
    <t>Nieuw-Buinen Midden</t>
  </si>
  <si>
    <t>2021BU16819704</t>
  </si>
  <si>
    <t>buurten.a8e1033a-a98a-414e-a0d7-8b63c9e15a64</t>
  </si>
  <si>
    <t>BU16819705</t>
  </si>
  <si>
    <t>Nieuw-Buinen West</t>
  </si>
  <si>
    <t>2021BU16819705</t>
  </si>
  <si>
    <t>buurten.a7960074-0ce2-48b9-a1a1-354f029c1b3f</t>
  </si>
  <si>
    <t>BU16819709</t>
  </si>
  <si>
    <t>Nieuw-Buinen Buitengebied</t>
  </si>
  <si>
    <t>2021BU16819709</t>
  </si>
  <si>
    <t>buurten.c05bbc65-2719-4c66-8842-1b5ca9dccf62</t>
  </si>
  <si>
    <t>BU16819801</t>
  </si>
  <si>
    <t>Langhietskamp</t>
  </si>
  <si>
    <t>WK168198</t>
  </si>
  <si>
    <t>2021BU16819801</t>
  </si>
  <si>
    <t>buurten.19646aa5-3e67-4428-9515-f943745010de</t>
  </si>
  <si>
    <t>BU16819802</t>
  </si>
  <si>
    <t>Oud Odoorn</t>
  </si>
  <si>
    <t>2021BU16819802</t>
  </si>
  <si>
    <t>buurten.6e55a99e-135f-4f76-98fc-b2187ef39076</t>
  </si>
  <si>
    <t>BU16819803</t>
  </si>
  <si>
    <t>Nieuwe Kampen</t>
  </si>
  <si>
    <t>2021BU16819803</t>
  </si>
  <si>
    <t>buurten.346d81f5-1daa-4d01-af97-58a64860f3cc</t>
  </si>
  <si>
    <t>BU16819809</t>
  </si>
  <si>
    <t>Odoorn Buitengebied</t>
  </si>
  <si>
    <t>2021BU16819809</t>
  </si>
  <si>
    <t>buurten.32de68e5-0a01-4a58-b89f-8d664d09629b</t>
  </si>
  <si>
    <t>BU16819901</t>
  </si>
  <si>
    <t>Odoornerveen</t>
  </si>
  <si>
    <t>WK168199</t>
  </si>
  <si>
    <t>2021BU16819901</t>
  </si>
  <si>
    <t>buurten.48d10f2f-b9f0-495e-ae2a-28568e820bec</t>
  </si>
  <si>
    <t>BU16819909</t>
  </si>
  <si>
    <t>Odoornerveen Buitengebied</t>
  </si>
  <si>
    <t>2021BU16819909</t>
  </si>
  <si>
    <t>buurten.47309c62-23d4-4451-8b7f-63856cbd8ae2</t>
  </si>
  <si>
    <t>BU16840116</t>
  </si>
  <si>
    <t>Linden buitengebied</t>
  </si>
  <si>
    <t>WK168401</t>
  </si>
  <si>
    <t>2021BU16840116</t>
  </si>
  <si>
    <t>buurten.724ceefc-0fae-4d7c-93f6-2531d9811e70</t>
  </si>
  <si>
    <t>BU16840118</t>
  </si>
  <si>
    <t>Linden kern</t>
  </si>
  <si>
    <t>2021BU16840118</t>
  </si>
  <si>
    <t>buurten.ca1098d0-8111-44f8-aaf6-c90e08ba9ee4</t>
  </si>
  <si>
    <t>PL1684010001</t>
  </si>
  <si>
    <t>BU16840207</t>
  </si>
  <si>
    <t>Katwijk buitengebied</t>
  </si>
  <si>
    <t>WK168402</t>
  </si>
  <si>
    <t>2021BU16840207</t>
  </si>
  <si>
    <t>buurten.e8527d68-0757-40c4-913c-0cd5770d21c4</t>
  </si>
  <si>
    <t>BU16840209</t>
  </si>
  <si>
    <t>Katwijk kern</t>
  </si>
  <si>
    <t>2021BU16840209</t>
  </si>
  <si>
    <t>buurten.237887c2-0ed7-4932-a300-532117a8994d</t>
  </si>
  <si>
    <t>BU16840217</t>
  </si>
  <si>
    <t>Katwijk havengebied</t>
  </si>
  <si>
    <t>2021BU16840217</t>
  </si>
  <si>
    <t>buurten.68469d4c-13b4-4e8d-ab71-b33d3a7530f0</t>
  </si>
  <si>
    <t>BU16840303</t>
  </si>
  <si>
    <t>Vianen kern</t>
  </si>
  <si>
    <t>WK168403</t>
  </si>
  <si>
    <t>2021BU16840303</t>
  </si>
  <si>
    <t>buurten.5aef2d55-b7bf-4593-9504-f70573aac479</t>
  </si>
  <si>
    <t>BU16840315</t>
  </si>
  <si>
    <t>Vianen buitengebied</t>
  </si>
  <si>
    <t>2021BU16840315</t>
  </si>
  <si>
    <t>buurten.599b779e-ceae-40e6-9d42-4ad1ca83e1ca</t>
  </si>
  <si>
    <t>BU16840410</t>
  </si>
  <si>
    <t>Beers kern</t>
  </si>
  <si>
    <t>WK168404</t>
  </si>
  <si>
    <t>2021BU16840410</t>
  </si>
  <si>
    <t>buurten.4d462588-c839-46ed-9762-0e1dee2e65d1</t>
  </si>
  <si>
    <t>BU16840419</t>
  </si>
  <si>
    <t>Beers buitengebied</t>
  </si>
  <si>
    <t>2021BU16840419</t>
  </si>
  <si>
    <t>buurten.ad640427-b787-41dc-aa73-d0c458813906</t>
  </si>
  <si>
    <t>BU16840601</t>
  </si>
  <si>
    <t>Cuijk Padbroek</t>
  </si>
  <si>
    <t>WK168406</t>
  </si>
  <si>
    <t>2021BU16840601</t>
  </si>
  <si>
    <t>buurten.f83ffb5a-64f0-4458-be15-14c30ad1b40c</t>
  </si>
  <si>
    <t>BU16840602</t>
  </si>
  <si>
    <t>Cuijk kern</t>
  </si>
  <si>
    <t>2021BU16840602</t>
  </si>
  <si>
    <t>buurten.3bb2af14-3a35-4678-94a2-630fa7f005ed</t>
  </si>
  <si>
    <t>BU16840611</t>
  </si>
  <si>
    <t>Cuijk industriegebied</t>
  </si>
  <si>
    <t>2021BU16840611</t>
  </si>
  <si>
    <t>buurten.80ece5d6-f25c-4358-b7a9-3e2ca70ae7a3</t>
  </si>
  <si>
    <t>BU16840612</t>
  </si>
  <si>
    <t>Cuijk buitengebied ten westen</t>
  </si>
  <si>
    <t>2021BU16840612</t>
  </si>
  <si>
    <t>buurten.f378b61d-323a-4850-82fe-a068f55edc21</t>
  </si>
  <si>
    <t>BU16840613</t>
  </si>
  <si>
    <t>Cuijk Heeswijkse Kampen</t>
  </si>
  <si>
    <t>2021BU16840613</t>
  </si>
  <si>
    <t>buurten.1e1a629a-c80e-4982-81f1-45205f95f0f8</t>
  </si>
  <si>
    <t>BU16840614</t>
  </si>
  <si>
    <t>Cuijk buitengebied ten zuid-westen</t>
  </si>
  <si>
    <t>2021BU16840614</t>
  </si>
  <si>
    <t>buurten.566b6105-0f45-4e5f-85db-839621670f04</t>
  </si>
  <si>
    <t>BU16840620</t>
  </si>
  <si>
    <t>Cuijk De Valuwe</t>
  </si>
  <si>
    <t>2021BU16840620</t>
  </si>
  <si>
    <t>buurten.3c4fa6c2-39f5-40b2-9fbc-1ca25f88adf0</t>
  </si>
  <si>
    <t>BU16841105</t>
  </si>
  <si>
    <t>Haps kern</t>
  </si>
  <si>
    <t>WK168411</t>
  </si>
  <si>
    <t>2021BU16841105</t>
  </si>
  <si>
    <t>buurten.b16ccf72-40be-47d7-ad03-4b06e08c02f2</t>
  </si>
  <si>
    <t>BU16841106</t>
  </si>
  <si>
    <t>Haps buitengebied</t>
  </si>
  <si>
    <t>2021BU16841106</t>
  </si>
  <si>
    <t>buurten.59887b8b-f662-4c9c-a9e0-20155f59865f</t>
  </si>
  <si>
    <t>BU16841404</t>
  </si>
  <si>
    <t>Sint Agatha kern</t>
  </si>
  <si>
    <t>WK168414</t>
  </si>
  <si>
    <t>2021BU16841404</t>
  </si>
  <si>
    <t>buurten.2d6f4fd2-0029-470d-a9f8-fd4c37c7ae7c</t>
  </si>
  <si>
    <t>BU16841408</t>
  </si>
  <si>
    <t>Sint Agatha buitengebied</t>
  </si>
  <si>
    <t>2021BU16841408</t>
  </si>
  <si>
    <t>buurten.1418fda9-f2e8-4b42-8cdf-8ff98719b7d5</t>
  </si>
  <si>
    <t>BU16850000</t>
  </si>
  <si>
    <t>WK168500</t>
  </si>
  <si>
    <t>2021BU16850000</t>
  </si>
  <si>
    <t>buurten.5e0aaf1e-4322-47cc-92d1-79cae1d513a2</t>
  </si>
  <si>
    <t>BU16850007</t>
  </si>
  <si>
    <t>Verspreide huizen Schaijkse Heide</t>
  </si>
  <si>
    <t>2021BU16850007</t>
  </si>
  <si>
    <t>buurten.9fc5dd2f-d0d8-4faa-b32f-85c8c630986d</t>
  </si>
  <si>
    <t>BU16850008</t>
  </si>
  <si>
    <t>Verspreide huizen Mun</t>
  </si>
  <si>
    <t>2021BU16850008</t>
  </si>
  <si>
    <t>buurten.9b63f416-7a26-45f8-aa85-6c04eefb3df5</t>
  </si>
  <si>
    <t>BU16850009</t>
  </si>
  <si>
    <t>2021BU16850009</t>
  </si>
  <si>
    <t>buurten.5224f260-d51f-4fc0-9310-6075125c44bc</t>
  </si>
  <si>
    <t>BU16850100</t>
  </si>
  <si>
    <t>Reek</t>
  </si>
  <si>
    <t>WK168501</t>
  </si>
  <si>
    <t>2021BU16850100</t>
  </si>
  <si>
    <t>buurten.a24c00ad-0967-4336-8029-ec864d1ba429</t>
  </si>
  <si>
    <t>BU16850109</t>
  </si>
  <si>
    <t>Verspreide huizen Reekse Heide en Bovenland</t>
  </si>
  <si>
    <t>2021BU16850109</t>
  </si>
  <si>
    <t>buurten.ddc000e5-4782-455d-bb96-055ff1dc11b9</t>
  </si>
  <si>
    <t>BU16850200</t>
  </si>
  <si>
    <t>Zeeland</t>
  </si>
  <si>
    <t>WK168502</t>
  </si>
  <si>
    <t>2021BU16850200</t>
  </si>
  <si>
    <t>buurten.85a08133-182d-4691-bf06-c59707c4f742</t>
  </si>
  <si>
    <t>PL1685010002</t>
  </si>
  <si>
    <t>BU16850201</t>
  </si>
  <si>
    <t>Nabbegat-Voederheil</t>
  </si>
  <si>
    <t>2021BU16850201</t>
  </si>
  <si>
    <t>buurten.8745b96e-38e6-4c00-8c3a-c8c46a6d5f66</t>
  </si>
  <si>
    <t>BU16850202</t>
  </si>
  <si>
    <t>Oventje</t>
  </si>
  <si>
    <t>2021BU16850202</t>
  </si>
  <si>
    <t>buurten.fb967825-82b2-48ad-996d-00850f61fc0b</t>
  </si>
  <si>
    <t>BU16850207</t>
  </si>
  <si>
    <t>Verspreide huizen Trent-Graspeel</t>
  </si>
  <si>
    <t>2021BU16850207</t>
  </si>
  <si>
    <t>buurten.863ce971-8e8b-43bb-9d14-eedcb86f44f9</t>
  </si>
  <si>
    <t>BU16850208</t>
  </si>
  <si>
    <t>Verspreide huizen Zevenhuis</t>
  </si>
  <si>
    <t>2021BU16850208</t>
  </si>
  <si>
    <t>buurten.6b916065-274b-4073-ae9c-f63595121ad2</t>
  </si>
  <si>
    <t>BU16850209</t>
  </si>
  <si>
    <t>Verspreide huizen Duifhuis-Kreitsberg</t>
  </si>
  <si>
    <t>2021BU16850209</t>
  </si>
  <si>
    <t>buurten.1311ceea-a890-441a-84bb-e855773cea9f</t>
  </si>
  <si>
    <t>BU16850909</t>
  </si>
  <si>
    <t>Verspreide huizen Peel</t>
  </si>
  <si>
    <t>WK168509</t>
  </si>
  <si>
    <t>2021BU16850909</t>
  </si>
  <si>
    <t>buurten.935314e1-c728-44c6-b048-29b5b1a6a468</t>
  </si>
  <si>
    <t>BU16900000</t>
  </si>
  <si>
    <t>Zuidwolde kern</t>
  </si>
  <si>
    <t>WK169000</t>
  </si>
  <si>
    <t>2021BU16900000</t>
  </si>
  <si>
    <t>buurten.10a5f23c-0522-486c-bf33-0e88e285ef1c</t>
  </si>
  <si>
    <t>PL1690010003</t>
  </si>
  <si>
    <t>Woningen 1965-1992</t>
  </si>
  <si>
    <t>BU16900009</t>
  </si>
  <si>
    <t>Verspreide huizen Zuidwolde</t>
  </si>
  <si>
    <t>2021BU16900009</t>
  </si>
  <si>
    <t>buurten.cdfec0a2-b60d-444b-b055-64281f991ad5</t>
  </si>
  <si>
    <t>BU16900100</t>
  </si>
  <si>
    <t>WK169001</t>
  </si>
  <si>
    <t>2021BU16900100</t>
  </si>
  <si>
    <t>buurten.e2bffc8a-dcf6-400d-bf26-cf6e16a2e73b</t>
  </si>
  <si>
    <t>BU16900109</t>
  </si>
  <si>
    <t>2021BU16900109</t>
  </si>
  <si>
    <t>buurten.48c60863-f51e-46f4-87dd-0ef05ff4932d</t>
  </si>
  <si>
    <t>BU16900200</t>
  </si>
  <si>
    <t>Kerkenveld</t>
  </si>
  <si>
    <t>WK169002</t>
  </si>
  <si>
    <t>2021BU16900200</t>
  </si>
  <si>
    <t>buurten.3a3b4ce6-9c61-4f15-b679-24a0309371b6</t>
  </si>
  <si>
    <t>BU16900209</t>
  </si>
  <si>
    <t>Verspreide huizen Kerkenveld</t>
  </si>
  <si>
    <t>2021BU16900209</t>
  </si>
  <si>
    <t>buurten.c675fc29-177d-4db7-82a6-71f50ba6fdc1</t>
  </si>
  <si>
    <t>BU16900300</t>
  </si>
  <si>
    <t>Drogteropslagen</t>
  </si>
  <si>
    <t>WK169003</t>
  </si>
  <si>
    <t>2021BU16900300</t>
  </si>
  <si>
    <t>buurten.b4949145-514c-4c0d-8ec4-cbc54faa7daa</t>
  </si>
  <si>
    <t>BU16900309</t>
  </si>
  <si>
    <t>Verspreide huizen Drogteropslagen</t>
  </si>
  <si>
    <t>2021BU16900309</t>
  </si>
  <si>
    <t>buurten.d08ece4a-cfdc-4c55-b404-b3d6b99a2547</t>
  </si>
  <si>
    <t>BU16900400</t>
  </si>
  <si>
    <t>Linde</t>
  </si>
  <si>
    <t>WK169004</t>
  </si>
  <si>
    <t>2021BU16900400</t>
  </si>
  <si>
    <t>buurten.838879cf-4881-4073-9e3f-8aecf498f749</t>
  </si>
  <si>
    <t>BU16900409</t>
  </si>
  <si>
    <t>Verspreide huizen Linde</t>
  </si>
  <si>
    <t>2021BU16900409</t>
  </si>
  <si>
    <t>buurten.32e83d64-17a6-46da-aeac-afdebd2a26f3</t>
  </si>
  <si>
    <t>BU16900500</t>
  </si>
  <si>
    <t>Fort</t>
  </si>
  <si>
    <t>WK169005</t>
  </si>
  <si>
    <t>2021BU16900500</t>
  </si>
  <si>
    <t>buurten.8125bc57-22ef-4417-8895-33330432d247</t>
  </si>
  <si>
    <t>BU16900509</t>
  </si>
  <si>
    <t>Verspreide huizen Fort</t>
  </si>
  <si>
    <t>2021BU16900509</t>
  </si>
  <si>
    <t>buurten.cc859c9f-c4be-4a5b-8eda-5a4103eb5f91</t>
  </si>
  <si>
    <t>BU16900600</t>
  </si>
  <si>
    <t>Veeningen</t>
  </si>
  <si>
    <t>WK169006</t>
  </si>
  <si>
    <t>2021BU16900600</t>
  </si>
  <si>
    <t>buurten.14f7afe0-e30c-4a75-9230-adf0fedb997d</t>
  </si>
  <si>
    <t>BU16900609</t>
  </si>
  <si>
    <t>Verspreide huizen Veeningen</t>
  </si>
  <si>
    <t>2021BU16900609</t>
  </si>
  <si>
    <t>buurten.23c7e86b-38f9-43e2-90ce-b51790a26971</t>
  </si>
  <si>
    <t>BU16900700</t>
  </si>
  <si>
    <t>Echten</t>
  </si>
  <si>
    <t>WK169007</t>
  </si>
  <si>
    <t>2021BU16900700</t>
  </si>
  <si>
    <t>buurten.622f7dee-431d-4c5b-91dd-f2fdb782e021</t>
  </si>
  <si>
    <t>BU16900709</t>
  </si>
  <si>
    <t>Verspreide huizen Echten</t>
  </si>
  <si>
    <t>2021BU16900709</t>
  </si>
  <si>
    <t>buurten.eacfa7f5-c469-41fd-9370-dc50d95755b0</t>
  </si>
  <si>
    <t>BU16900800</t>
  </si>
  <si>
    <t>Ruinen</t>
  </si>
  <si>
    <t>WK169008</t>
  </si>
  <si>
    <t>2021BU16900800</t>
  </si>
  <si>
    <t>buurten.0a6890d9-2eb9-4ec3-855a-4e6250fe6870</t>
  </si>
  <si>
    <t>BU16900801</t>
  </si>
  <si>
    <t>Oldenhave</t>
  </si>
  <si>
    <t>2021BU16900801</t>
  </si>
  <si>
    <t>buurten.65011fc2-f366-4b26-8ba6-32df3dfce453</t>
  </si>
  <si>
    <t>BU16900802</t>
  </si>
  <si>
    <t>Ruinerweide</t>
  </si>
  <si>
    <t>2021BU16900802</t>
  </si>
  <si>
    <t>buurten.f0919ac1-ae65-49ce-9229-54f04697e8be</t>
  </si>
  <si>
    <t>BU16900803</t>
  </si>
  <si>
    <t>Leeuwte</t>
  </si>
  <si>
    <t>2021BU16900803</t>
  </si>
  <si>
    <t>buurten.2490dcbf-5279-4d65-b1e5-7a7953c992d3</t>
  </si>
  <si>
    <t>BU16900804</t>
  </si>
  <si>
    <t>2021BU16900804</t>
  </si>
  <si>
    <t>buurten.5412facd-6088-4db5-abba-a53a99b22570</t>
  </si>
  <si>
    <t>BU16900809</t>
  </si>
  <si>
    <t>Verspreide huizen Ruinen</t>
  </si>
  <si>
    <t>2021BU16900809</t>
  </si>
  <si>
    <t>buurten.3758415d-0091-4c87-8c9b-37dad03a4f4f</t>
  </si>
  <si>
    <t>BU16900900</t>
  </si>
  <si>
    <t>Eursinge en Pesse</t>
  </si>
  <si>
    <t>WK169009</t>
  </si>
  <si>
    <t>2021BU16900900</t>
  </si>
  <si>
    <t>buurten.ffb4ed6c-30e9-459f-85d3-9e65952f268b</t>
  </si>
  <si>
    <t>BU16900909</t>
  </si>
  <si>
    <t>Verspreide huizen Pesse</t>
  </si>
  <si>
    <t>2021BU16900909</t>
  </si>
  <si>
    <t>buurten.04fb1075-e29a-4064-b424-4eaa4148b052</t>
  </si>
  <si>
    <t>BU16901000</t>
  </si>
  <si>
    <t>Ansen</t>
  </si>
  <si>
    <t>WK169010</t>
  </si>
  <si>
    <t>2021BU16901000</t>
  </si>
  <si>
    <t>buurten.8c83a8cd-39d3-4ddd-89b1-5dbc92489f08</t>
  </si>
  <si>
    <t>PL1690010001</t>
  </si>
  <si>
    <t>Proeftuin aardgasvrije wijken schoolkring Ansen</t>
  </si>
  <si>
    <t>voor 2025</t>
  </si>
  <si>
    <t>PAW</t>
  </si>
  <si>
    <t>BU16901009</t>
  </si>
  <si>
    <t>Verspreide huizen Ansen</t>
  </si>
  <si>
    <t>2021BU16901009</t>
  </si>
  <si>
    <t>buurten.b9f09118-094a-48eb-be4d-43a8855f79b2</t>
  </si>
  <si>
    <t>BU16901100</t>
  </si>
  <si>
    <t>Ruinerwold</t>
  </si>
  <si>
    <t>WK169011</t>
  </si>
  <si>
    <t>2021BU16901100</t>
  </si>
  <si>
    <t>buurten.3042764f-2794-4e74-81bb-27d06436805a</t>
  </si>
  <si>
    <t>BU16901101</t>
  </si>
  <si>
    <t>Haakswold</t>
  </si>
  <si>
    <t>2021BU16901101</t>
  </si>
  <si>
    <t>buurten.b1b29457-bad8-4217-bcac-4570467fa470</t>
  </si>
  <si>
    <t>BU16901102</t>
  </si>
  <si>
    <t>2021BU16901102</t>
  </si>
  <si>
    <t>buurten.85fc28c3-7f7e-4dfa-84e2-bfd533d8c297</t>
  </si>
  <si>
    <t>BU16901103</t>
  </si>
  <si>
    <t>Berghuizen</t>
  </si>
  <si>
    <t>2021BU16901103</t>
  </si>
  <si>
    <t>buurten.2764a928-1fd1-4195-a579-26e833bbc9a0</t>
  </si>
  <si>
    <t>BU16901104</t>
  </si>
  <si>
    <t>Weerwille</t>
  </si>
  <si>
    <t>2021BU16901104</t>
  </si>
  <si>
    <t>buurten.22d378f3-f8a1-49c9-8fa0-cbc01db78b70</t>
  </si>
  <si>
    <t>BU16901105</t>
  </si>
  <si>
    <t>Oosteinde-Buiten</t>
  </si>
  <si>
    <t>2021BU16901105</t>
  </si>
  <si>
    <t>buurten.5cdfab52-5e48-41a8-af04-c080cf42b871</t>
  </si>
  <si>
    <t>BU16901109</t>
  </si>
  <si>
    <t>Ruinerwold-Buiten</t>
  </si>
  <si>
    <t>2021BU16901109</t>
  </si>
  <si>
    <t>buurten.3b11dd98-3d52-4037-9a50-67a321fd72f6</t>
  </si>
  <si>
    <t>BU16901200</t>
  </si>
  <si>
    <t>Koekange</t>
  </si>
  <si>
    <t>WK169012</t>
  </si>
  <si>
    <t>2021BU16901200</t>
  </si>
  <si>
    <t>buurten.3e6352f7-9fbd-4ab8-865d-a6261f8e777d</t>
  </si>
  <si>
    <t>BU16901201</t>
  </si>
  <si>
    <t>Koekange Noord</t>
  </si>
  <si>
    <t>2021BU16901201</t>
  </si>
  <si>
    <t>buurten.f5bf2635-51f3-4e6e-aaff-2864ea3a4b4b</t>
  </si>
  <si>
    <t>BU16901202</t>
  </si>
  <si>
    <t>Koekange Zuid</t>
  </si>
  <si>
    <t>2021BU16901202</t>
  </si>
  <si>
    <t>buurten.1b865a9f-a0b6-4993-bd44-cb6731999d3c</t>
  </si>
  <si>
    <t>BU16901203</t>
  </si>
  <si>
    <t>Koekangerveld</t>
  </si>
  <si>
    <t>2021BU16901203</t>
  </si>
  <si>
    <t>buurten.c6a0f0bc-9c3a-40ad-ac34-aa2be10810c4</t>
  </si>
  <si>
    <t>BU16901209</t>
  </si>
  <si>
    <t>Verspreide huizen Koekange</t>
  </si>
  <si>
    <t>2021BU16901209</t>
  </si>
  <si>
    <t>buurten.90a4fdae-0ce9-4b15-82ad-9ab574eede22</t>
  </si>
  <si>
    <t>BU16901300</t>
  </si>
  <si>
    <t>De Wijk</t>
  </si>
  <si>
    <t>WK169013</t>
  </si>
  <si>
    <t>2021BU16901300</t>
  </si>
  <si>
    <t>buurten.1555c9ee-7db2-4ac4-bf28-dd8b1276192d</t>
  </si>
  <si>
    <t>PL1690010002</t>
  </si>
  <si>
    <t>BU16901309</t>
  </si>
  <si>
    <t>Verspreide huizen De Wijk</t>
  </si>
  <si>
    <t>2021BU16901309</t>
  </si>
  <si>
    <t>buurten.d3c4d5ad-8785-4de7-a522-ab127ec09fac</t>
  </si>
  <si>
    <t>BU16950000</t>
  </si>
  <si>
    <t>Kortgene-Dorp</t>
  </si>
  <si>
    <t>WK169500</t>
  </si>
  <si>
    <t>2021BU16950000</t>
  </si>
  <si>
    <t>buurten.ae5a6a81-2901-4759-b79b-0b71f370b7d3</t>
  </si>
  <si>
    <t>BU16950001</t>
  </si>
  <si>
    <t>Kortgene-Oost</t>
  </si>
  <si>
    <t>2021BU16950001</t>
  </si>
  <si>
    <t>buurten.dbd20bdb-1254-4197-b193-4c7ca5398aa9</t>
  </si>
  <si>
    <t>BU16950009</t>
  </si>
  <si>
    <t>Verspreide huizen Kortgene</t>
  </si>
  <si>
    <t>2021BU16950009</t>
  </si>
  <si>
    <t>buurten.a5ee440d-7cef-4d1d-b678-ad7808a8775e</t>
  </si>
  <si>
    <t>BU16950100</t>
  </si>
  <si>
    <t>Colijnsplaat</t>
  </si>
  <si>
    <t>WK169501</t>
  </si>
  <si>
    <t>2021BU16950100</t>
  </si>
  <si>
    <t>buurten.ac94a0c4-1f49-4142-8f62-79b8dbaa324b</t>
  </si>
  <si>
    <t>BU16950109</t>
  </si>
  <si>
    <t>Verspreide huizen Colijnsplaat</t>
  </si>
  <si>
    <t>2021BU16950109</t>
  </si>
  <si>
    <t>buurten.1c9ed086-478e-45d4-b8d3-0886932ee444</t>
  </si>
  <si>
    <t>BU16950200</t>
  </si>
  <si>
    <t>Kats</t>
  </si>
  <si>
    <t>WK169502</t>
  </si>
  <si>
    <t>2021BU16950200</t>
  </si>
  <si>
    <t>buurten.a10c19a3-9d8e-49e5-859c-7bf25c69f668</t>
  </si>
  <si>
    <t>BU16950209</t>
  </si>
  <si>
    <t>Verspreide huizen Kats</t>
  </si>
  <si>
    <t>2021BU16950209</t>
  </si>
  <si>
    <t>buurten.72c5963c-5e10-4508-8526-f5ee58d7a6bf</t>
  </si>
  <si>
    <t>BU16950300</t>
  </si>
  <si>
    <t>Kamperland</t>
  </si>
  <si>
    <t>WK169503</t>
  </si>
  <si>
    <t>2021BU16950300</t>
  </si>
  <si>
    <t>buurten.6f5c816f-219d-4b93-ae57-b36619c0d477</t>
  </si>
  <si>
    <t>BU16950301</t>
  </si>
  <si>
    <t>Recreatiegebied Kamperland</t>
  </si>
  <si>
    <t>2021BU16950301</t>
  </si>
  <si>
    <t>buurten.6d66d83d-f19c-4cc1-aa85-033ba53961e6</t>
  </si>
  <si>
    <t>BU16950309</t>
  </si>
  <si>
    <t>Verspreide huizen Kamperland</t>
  </si>
  <si>
    <t>2021BU16950309</t>
  </si>
  <si>
    <t>buurten.85a14398-7687-42eb-8f22-04eb75fda088</t>
  </si>
  <si>
    <t>BU16950400</t>
  </si>
  <si>
    <t>Wissenkerke</t>
  </si>
  <si>
    <t>WK169504</t>
  </si>
  <si>
    <t>2021BU16950400</t>
  </si>
  <si>
    <t>buurten.321e9e28-80d8-4e4f-b6da-603cd0fad474</t>
  </si>
  <si>
    <t>BU16950409</t>
  </si>
  <si>
    <t>Verspreide huizen Wissenkerke</t>
  </si>
  <si>
    <t>2021BU16950409</t>
  </si>
  <si>
    <t>buurten.fd32078c-5a6c-4cb3-b641-aa3777481cbc</t>
  </si>
  <si>
    <t>BU16950500</t>
  </si>
  <si>
    <t>Geersdijk</t>
  </si>
  <si>
    <t>WK169505</t>
  </si>
  <si>
    <t>2021BU16950500</t>
  </si>
  <si>
    <t>buurten.66d5850b-090a-475d-a2f9-5b30e6700b4d</t>
  </si>
  <si>
    <t>BU16950509</t>
  </si>
  <si>
    <t>Verspreide huizen Geersdijk</t>
  </si>
  <si>
    <t>2021BU16950509</t>
  </si>
  <si>
    <t>buurten.c785f5ba-d48f-48d2-b62b-34698d74446a</t>
  </si>
  <si>
    <t>BU16960000</t>
  </si>
  <si>
    <t>'s-Graveland</t>
  </si>
  <si>
    <t>WK169600</t>
  </si>
  <si>
    <t>2021BU16960000</t>
  </si>
  <si>
    <t>buurten.cbbc50f3-ff26-42e3-a86f-76075c5ed1a9</t>
  </si>
  <si>
    <t>BU16960100</t>
  </si>
  <si>
    <t>Oud-Kortenhoef</t>
  </si>
  <si>
    <t>WK169601</t>
  </si>
  <si>
    <t>2021BU16960100</t>
  </si>
  <si>
    <t>buurten.2b6c22b8-aa2f-45ee-a2c7-63230e230a4d</t>
  </si>
  <si>
    <t>PL1696010005</t>
  </si>
  <si>
    <t>Gemeentebreed de warmtevraag beperken</t>
  </si>
  <si>
    <t>de energievraag van inwoners, bedrijven en organisaties te verlagen, passend bij de beoogde duurzame warmtebron.</t>
  </si>
  <si>
    <t>BU16960101</t>
  </si>
  <si>
    <t>Rade, Oranjebuurt, Munniksveen en omgeving</t>
  </si>
  <si>
    <t>2021BU16960101</t>
  </si>
  <si>
    <t>buurten.d426e328-e62e-406d-a0c0-c6c8fe7182ac</t>
  </si>
  <si>
    <t>aquathermie voor buurten met een hoge warmtevraagdichtheid een interessante oplossing</t>
  </si>
  <si>
    <t>BU16960102</t>
  </si>
  <si>
    <t>2021BU16960102</t>
  </si>
  <si>
    <t>buurten.495f0606-f62e-4ca3-aab3-53d00b1c088f</t>
  </si>
  <si>
    <t>PL1696010009</t>
  </si>
  <si>
    <t>BU16960103</t>
  </si>
  <si>
    <t>Kromme Rade</t>
  </si>
  <si>
    <t>2021BU16960103</t>
  </si>
  <si>
    <t>buurten.137c80f8-7cd8-41f9-8d66-59e11292fd6f</t>
  </si>
  <si>
    <t>BU16960200</t>
  </si>
  <si>
    <t>Ankeveen</t>
  </si>
  <si>
    <t>WK169602</t>
  </si>
  <si>
    <t>2021BU16960200</t>
  </si>
  <si>
    <t>buurten.3463a221-33ce-4d19-8482-fe69021a3326</t>
  </si>
  <si>
    <t>Ankeveen-dorp (CBS buurt: Ankeveen)</t>
  </si>
  <si>
    <t>Samen met de inwoners werken wij toe naar het opstarten van minimaal 1 Wijkuitvoeringsplan voor 2026.</t>
  </si>
  <si>
    <t>BU16960201</t>
  </si>
  <si>
    <t>Ankeveense Rade</t>
  </si>
  <si>
    <t>2021BU16960201</t>
  </si>
  <si>
    <t>buurten.4bb8b345-370d-409c-b313-12104d4df6ab</t>
  </si>
  <si>
    <t>PL1696010002</t>
  </si>
  <si>
    <t>BU16960202</t>
  </si>
  <si>
    <t>Hollandsch Ankeveen</t>
  </si>
  <si>
    <t>2021BU16960202</t>
  </si>
  <si>
    <t>buurten.08dfbfbd-284e-4df3-a21d-96d93947c8e5</t>
  </si>
  <si>
    <t>BU16960300</t>
  </si>
  <si>
    <t>Oud-Loosdrecht</t>
  </si>
  <si>
    <t>WK169603</t>
  </si>
  <si>
    <t>2021BU16960300</t>
  </si>
  <si>
    <t>buurten.0f97a2d8-b9a7-46a2-8370-1afbfb1a7588</t>
  </si>
  <si>
    <t>Nieuw Loosdrecht Noord (CBS buurt: Nieuw-Loosdrechtsedijk)</t>
  </si>
  <si>
    <t>BU16960400</t>
  </si>
  <si>
    <t>Nieuw-Loosdrechtsedijk</t>
  </si>
  <si>
    <t>WK169604</t>
  </si>
  <si>
    <t>2021BU16960400</t>
  </si>
  <si>
    <t>buurten.cdc2de4f-7544-44de-a0ad-7127120b7dd4</t>
  </si>
  <si>
    <t>BU16960401</t>
  </si>
  <si>
    <t>Muijeveld</t>
  </si>
  <si>
    <t>2021BU16960401</t>
  </si>
  <si>
    <t>buurten.107f10f4-c6a8-4cd7-a5d5-0d660098c43b</t>
  </si>
  <si>
    <t>PL1696010012</t>
  </si>
  <si>
    <t>BU16960402</t>
  </si>
  <si>
    <t>Boomhoek</t>
  </si>
  <si>
    <t>2021BU16960402</t>
  </si>
  <si>
    <t>buurten.d326a4ca-d714-461f-a75b-d72faafe4cf1</t>
  </si>
  <si>
    <t>BU16960500</t>
  </si>
  <si>
    <t>Breukeleveen</t>
  </si>
  <si>
    <t>WK169605</t>
  </si>
  <si>
    <t>2021BU16960500</t>
  </si>
  <si>
    <t>buurten.21978a0e-91d6-4663-aec9-f61da79b94e1</t>
  </si>
  <si>
    <t>BU16960601</t>
  </si>
  <si>
    <t>Horn- en Kuijerpolder</t>
  </si>
  <si>
    <t>WK169606</t>
  </si>
  <si>
    <t>2021BU16960601</t>
  </si>
  <si>
    <t>buurten.8bf57672-c922-4618-b6d7-4eda37aa70d3</t>
  </si>
  <si>
    <t>PL1696010008</t>
  </si>
  <si>
    <t>Overmeer (CBS Buurt: Spiegelpolder)</t>
  </si>
  <si>
    <t>BU16960602</t>
  </si>
  <si>
    <t>Blijkpolder</t>
  </si>
  <si>
    <t>2021BU16960602</t>
  </si>
  <si>
    <t>buurten.47fabacb-880c-46ca-a107-6a9b16b2e517</t>
  </si>
  <si>
    <t>PL1696010004</t>
  </si>
  <si>
    <t>Blijkpolder (CBS buurt: Blijkpolder)</t>
  </si>
  <si>
    <t>BU16960603</t>
  </si>
  <si>
    <t>Horstermeer</t>
  </si>
  <si>
    <t>2021BU16960603</t>
  </si>
  <si>
    <t>buurten.3d2a05d7-c6d0-4241-a3a0-94d41a0ee28b</t>
  </si>
  <si>
    <t>PL1696010007</t>
  </si>
  <si>
    <t>BU16960604</t>
  </si>
  <si>
    <t>Splegelpolder</t>
  </si>
  <si>
    <t>2021BU16960604</t>
  </si>
  <si>
    <t>buurten.ebdcd42c-4b06-4906-90fb-3212752f52c6</t>
  </si>
  <si>
    <t>BU16990000</t>
  </si>
  <si>
    <t>Roden</t>
  </si>
  <si>
    <t>WK169900</t>
  </si>
  <si>
    <t>2021BU16990000</t>
  </si>
  <si>
    <t>buurten.c0ac4e22-72db-4763-bbf5-94d271145d03</t>
  </si>
  <si>
    <t>PL1699010001</t>
  </si>
  <si>
    <t>Roden West</t>
  </si>
  <si>
    <t>woningcorporatie en netbeheerder gaan samen op zoek naar goede oplossingsrichting. Hieruit kan een WUP voortkomen. Nog niet zeker</t>
  </si>
  <si>
    <t>indien HT-warmtenet mogelijkheden, dan HT net. Anders LT net onderzoeken. Koppelkans warmtenet voor nieuwbouw/renovatie woningen. En mogelijk ook koppelen woningen in ring Roden.</t>
  </si>
  <si>
    <t>oppervlaktewater Roden West, duurzaam gas</t>
  </si>
  <si>
    <t>BU16990010</t>
  </si>
  <si>
    <t>2021BU16990010</t>
  </si>
  <si>
    <t>buurten.d30faffa-c7eb-4c52-9e2e-e3ff942cc1c0</t>
  </si>
  <si>
    <t>BU16990020</t>
  </si>
  <si>
    <t>Industrieterrein Roden</t>
  </si>
  <si>
    <t>2021BU16990020</t>
  </si>
  <si>
    <t>buurten.7f28f73a-df29-4b8c-a534-7d53bce7dafa</t>
  </si>
  <si>
    <t>PL1699010014</t>
  </si>
  <si>
    <t>Ring Roden</t>
  </si>
  <si>
    <t>orienterend, zoeken naar mogelijkheden alternatieve warmte</t>
  </si>
  <si>
    <t>restwarmte (industrie) of geothermie of aquathermie (TEO)</t>
  </si>
  <si>
    <t>BU16990030</t>
  </si>
  <si>
    <t>Nieuw-Roden</t>
  </si>
  <si>
    <t>2021BU16990030</t>
  </si>
  <si>
    <t>buurten.a1f78508-0f50-4b7c-8d35-b64da0ec9579</t>
  </si>
  <si>
    <t>PL1699010003</t>
  </si>
  <si>
    <t>isoleren, HR ketel, hybride installatie of all-electric. Op termijn duurzaam gas</t>
  </si>
  <si>
    <t>Isolatie (waar mogelijk)</t>
  </si>
  <si>
    <t>BU16990040</t>
  </si>
  <si>
    <t>Nietap</t>
  </si>
  <si>
    <t>2021BU16990040</t>
  </si>
  <si>
    <t>buurten.7f4fcbb1-74c4-4211-ab06-18e6e890d0fb</t>
  </si>
  <si>
    <t>PL1969010003</t>
  </si>
  <si>
    <t>Onderzoek warmtenet Leek en Tolbert</t>
  </si>
  <si>
    <t>onderzoek geothermie/restwarmte/biomassa</t>
  </si>
  <si>
    <t>HT warmtenet</t>
  </si>
  <si>
    <t>geothermie boorplekken/restwarmte Schur Verpakkingen/biomassacentrale</t>
  </si>
  <si>
    <t>BU16990050</t>
  </si>
  <si>
    <t>Leutingewolde</t>
  </si>
  <si>
    <t>2021BU16990050</t>
  </si>
  <si>
    <t>buurten.3f1f72a8-c248-46c5-9dc2-d99a4169c55a</t>
  </si>
  <si>
    <t>onderzoek vraag en aanbod rond restwarmte en mogeljikheden gebruik van warmtebronnen voor open warmtenet</t>
  </si>
  <si>
    <t>isoleren en mogelijk collectieve oplossing</t>
  </si>
  <si>
    <t>alternatieve warmtebron, mogelijk HT restwarmte schadeherstelbedrijf Bathoorn of LT warmte vijver, of geohermie.</t>
  </si>
  <si>
    <t>BU16990060</t>
  </si>
  <si>
    <t>Foxwolde</t>
  </si>
  <si>
    <t>2021BU16990060</t>
  </si>
  <si>
    <t>buurten.59fbbd75-ff0d-4b9b-9dab-4b48890c3956</t>
  </si>
  <si>
    <t>BU16990070</t>
  </si>
  <si>
    <t>Roderwolde</t>
  </si>
  <si>
    <t>2021BU16990070</t>
  </si>
  <si>
    <t>buurten.dae2bc2f-24c2-4771-a6ff-cfa4e4c4bd59</t>
  </si>
  <si>
    <t>Roderwolde (Energieke buurt)</t>
  </si>
  <si>
    <t>verkennend, eerste verkenning mogelijkheden is gemaakt, plan gemaakt. Ook ingediend tbv proeftuin</t>
  </si>
  <si>
    <t>subsidie rijk proeftuinregeling</t>
  </si>
  <si>
    <t>duurzaam gas, elektriciteit of Leekstermeer</t>
  </si>
  <si>
    <t>harnieuwbaar gas en/of aquathermie (TEO)</t>
  </si>
  <si>
    <t>BU16990080</t>
  </si>
  <si>
    <t>Sandebuur</t>
  </si>
  <si>
    <t>2021BU16990080</t>
  </si>
  <si>
    <t>buurten.050a179f-161f-4ed4-a5fb-f8e1c15582fa</t>
  </si>
  <si>
    <t>BU16990090</t>
  </si>
  <si>
    <t>Lieveren</t>
  </si>
  <si>
    <t>2021BU16990090</t>
  </si>
  <si>
    <t>buurten.9bed687b-bbb0-4cf7-a6e4-e982a355a6c1</t>
  </si>
  <si>
    <t>BU16990100</t>
  </si>
  <si>
    <t>Roderesch</t>
  </si>
  <si>
    <t>WK169901</t>
  </si>
  <si>
    <t>2021BU16990100</t>
  </si>
  <si>
    <t>buurten.36960af0-286b-4e56-a195-8c8500b74eba</t>
  </si>
  <si>
    <t>BU16990110</t>
  </si>
  <si>
    <t>2021BU16990110</t>
  </si>
  <si>
    <t>buurten.8148f3d1-f52d-4f6f-ae28-a2bf07a7623f</t>
  </si>
  <si>
    <t>BU16990120</t>
  </si>
  <si>
    <t>Buitengebied Roden Noord</t>
  </si>
  <si>
    <t>2021BU16990120</t>
  </si>
  <si>
    <t>buurten.937f8d5f-b9c7-4b80-bb34-378af215b676</t>
  </si>
  <si>
    <t>BU16990130</t>
  </si>
  <si>
    <t>Buitengebied Roden Zuid</t>
  </si>
  <si>
    <t>2021BU16990130</t>
  </si>
  <si>
    <t>buurten.3f31f3df-4f87-489f-bedc-dabdf21d775f</t>
  </si>
  <si>
    <t>BU16990140</t>
  </si>
  <si>
    <t>Buitengebied Roden West</t>
  </si>
  <si>
    <t>2021BU16990140</t>
  </si>
  <si>
    <t>buurten.521f500f-727f-4334-b72c-4def58982832</t>
  </si>
  <si>
    <t>BU16990300</t>
  </si>
  <si>
    <t>Norg</t>
  </si>
  <si>
    <t>WK169903</t>
  </si>
  <si>
    <t>2021BU16990300</t>
  </si>
  <si>
    <t>buurten.519a130c-1c18-412c-b827-8e73784a51c8</t>
  </si>
  <si>
    <t>Norg, overig</t>
  </si>
  <si>
    <t>orienterend, verkennen koppelkansen</t>
  </si>
  <si>
    <t>uitkomsten onderzoek PV/buurtopslag afwachten</t>
  </si>
  <si>
    <t>isolatie + hybride en duurzaam gas</t>
  </si>
  <si>
    <t>duurzaam gas of geothermie</t>
  </si>
  <si>
    <t>BU16990310</t>
  </si>
  <si>
    <t>Een</t>
  </si>
  <si>
    <t>2021BU16990310</t>
  </si>
  <si>
    <t>buurten.ddcda944-8ead-400e-9ad9-20a5ce71a62a</t>
  </si>
  <si>
    <t>BU16990320</t>
  </si>
  <si>
    <t>Langelo</t>
  </si>
  <si>
    <t>2021BU16990320</t>
  </si>
  <si>
    <t>buurten.90d21b11-f594-4e2c-9a1e-5281b5feb899</t>
  </si>
  <si>
    <t>BU16990330</t>
  </si>
  <si>
    <t>Peest</t>
  </si>
  <si>
    <t>2021BU16990330</t>
  </si>
  <si>
    <t>buurten.430b03f8-df3f-4803-8f76-a6fcfe1cca2b</t>
  </si>
  <si>
    <t>BU16990340</t>
  </si>
  <si>
    <t>Zuidvelde</t>
  </si>
  <si>
    <t>2021BU16990340</t>
  </si>
  <si>
    <t>buurten.955823e6-4e34-46cf-94f1-26c83fa781eb</t>
  </si>
  <si>
    <t>BU16990350</t>
  </si>
  <si>
    <t>Westervelde</t>
  </si>
  <si>
    <t>2021BU16990350</t>
  </si>
  <si>
    <t>buurten.913b6486-4fc9-47a4-a9c3-9db49f602c1a</t>
  </si>
  <si>
    <t>BU16990360</t>
  </si>
  <si>
    <t>Veenhuizen</t>
  </si>
  <si>
    <t>2021BU16990360</t>
  </si>
  <si>
    <t>buurten.6afc817c-4372-4b5a-a1a6-458eb7f120a5</t>
  </si>
  <si>
    <t>rijksvastgoed: indien mogelijk, dan maatregelen treffen. Nieuwe woningen: starten met maatregelen, misschien TEO warmtenet in toekomst.</t>
  </si>
  <si>
    <t>duurzaam gas of elektriciteit</t>
  </si>
  <si>
    <t>BU16990370</t>
  </si>
  <si>
    <t>Verspreide huizen Huis ter Heide</t>
  </si>
  <si>
    <t>2021BU16990370</t>
  </si>
  <si>
    <t>buurten.60fadb99-5256-4039-9b3d-fe01d769d8de</t>
  </si>
  <si>
    <t>BU16990380</t>
  </si>
  <si>
    <t>Verspreide huizen Een-West</t>
  </si>
  <si>
    <t>2021BU16990380</t>
  </si>
  <si>
    <t>buurten.df8a140f-fb25-4b76-810f-6ac871bbc4d0</t>
  </si>
  <si>
    <t>BU16990390</t>
  </si>
  <si>
    <t>Verspreide huizen Norg</t>
  </si>
  <si>
    <t>2021BU16990390</t>
  </si>
  <si>
    <t>buurten.85a7c38a-7d81-4a02-a734-f78abae899a5</t>
  </si>
  <si>
    <t>BU16990400</t>
  </si>
  <si>
    <t>Verspreide huizen Een</t>
  </si>
  <si>
    <t>WK169904</t>
  </si>
  <si>
    <t>2021BU16990400</t>
  </si>
  <si>
    <t>buurten.2df5b772-6346-4bc9-b021-72f8d70a263b</t>
  </si>
  <si>
    <t>BU16990410</t>
  </si>
  <si>
    <t>Verspreide huizen Langelo</t>
  </si>
  <si>
    <t>2021BU16990410</t>
  </si>
  <si>
    <t>buurten.fe797ebb-dcce-4d0f-ba80-705ed7d48069</t>
  </si>
  <si>
    <t>BU16990420</t>
  </si>
  <si>
    <t>Verspreide huizen Peest</t>
  </si>
  <si>
    <t>2021BU16990420</t>
  </si>
  <si>
    <t>buurten.9060ed18-8b82-442a-aa7a-c9853cacc4fa</t>
  </si>
  <si>
    <t>BU16990430</t>
  </si>
  <si>
    <t>Verspreide huizen Zuidvelde</t>
  </si>
  <si>
    <t>2021BU16990430</t>
  </si>
  <si>
    <t>buurten.fc744abb-8e16-4acd-843e-2a2c68e7fa91</t>
  </si>
  <si>
    <t>BU16990440</t>
  </si>
  <si>
    <t>Verspreide huizen Westervelde</t>
  </si>
  <si>
    <t>2021BU16990440</t>
  </si>
  <si>
    <t>buurten.4fa9da51-0644-4a8a-8781-e59f9166dc98</t>
  </si>
  <si>
    <t>BU16990450</t>
  </si>
  <si>
    <t>Verspreide huizen Veenhuizen</t>
  </si>
  <si>
    <t>2021BU16990450</t>
  </si>
  <si>
    <t>buurten.e894dfdb-a3fc-4bc9-8223-fe08bb7f4244</t>
  </si>
  <si>
    <t>BU16990600</t>
  </si>
  <si>
    <t>Peize</t>
  </si>
  <si>
    <t>WK169906</t>
  </si>
  <si>
    <t>2021BU16990600</t>
  </si>
  <si>
    <t>buurten.a14f7785-5cec-4df2-b84e-74ef8ac30984</t>
  </si>
  <si>
    <t>Peize; Lange Streeken</t>
  </si>
  <si>
    <t>definitief, maatwerk</t>
  </si>
  <si>
    <t>na-isolatie en samenwerking gemeente, ECN en nutsbedrijven</t>
  </si>
  <si>
    <t>hybride warmtepomp met op termijn groen gas.</t>
  </si>
  <si>
    <t>groen gas op termijn</t>
  </si>
  <si>
    <t>BU16990610</t>
  </si>
  <si>
    <t>2021BU16990610</t>
  </si>
  <si>
    <t>buurten.e1cba7f2-be71-4ba7-9b73-98b9532e851f</t>
  </si>
  <si>
    <t>BU16990620</t>
  </si>
  <si>
    <t>Peizermade</t>
  </si>
  <si>
    <t>2021BU16990620</t>
  </si>
  <si>
    <t>buurten.9d95d6ab-7afc-49a6-841f-6f24f8c9ca99</t>
  </si>
  <si>
    <t>BU16990630</t>
  </si>
  <si>
    <t>Verspreide huizen Peize Noord</t>
  </si>
  <si>
    <t>2021BU16990630</t>
  </si>
  <si>
    <t>buurten.ca3f2be6-a713-42ee-b4b1-6b908997ea89</t>
  </si>
  <si>
    <t>BU17000101</t>
  </si>
  <si>
    <t>Verspreide huizen Vriezenveen ten westen van kanaal</t>
  </si>
  <si>
    <t>WK170001</t>
  </si>
  <si>
    <t>2021BU17000101</t>
  </si>
  <si>
    <t>buurten.01378368-8868-487e-97ce-c2b071e2b79a</t>
  </si>
  <si>
    <t>BU17000102</t>
  </si>
  <si>
    <t>Verspreide huizen Vriezenveen West Industrieterrein</t>
  </si>
  <si>
    <t>2021BU17000102</t>
  </si>
  <si>
    <t>buurten.56da5fe9-c1a0-43b8-925e-c80185747abd</t>
  </si>
  <si>
    <t>BU17000103</t>
  </si>
  <si>
    <t>2021BU17000103</t>
  </si>
  <si>
    <t>buurten.b0e30022-4960-4b6d-9dce-071e0cbd0f46</t>
  </si>
  <si>
    <t>BU17000104</t>
  </si>
  <si>
    <t>Vriezenveen-Midden</t>
  </si>
  <si>
    <t>2021BU17000104</t>
  </si>
  <si>
    <t>buurten.350f7e1f-3807-4b9e-ae52-3864e57570c8</t>
  </si>
  <si>
    <t>BU17000105</t>
  </si>
  <si>
    <t>Vriezenveen Westeinde</t>
  </si>
  <si>
    <t>2021BU17000105</t>
  </si>
  <si>
    <t>buurten.06bcb2a1-3fee-43d4-aefd-4949ffd292fe</t>
  </si>
  <si>
    <t>BU17000106</t>
  </si>
  <si>
    <t>Vriezenveen Elzenhoek</t>
  </si>
  <si>
    <t>2021BU17000106</t>
  </si>
  <si>
    <t>buurten.ee150ee7-b8c5-4d87-a60a-c775d05ec6ba</t>
  </si>
  <si>
    <t>BU17000107</t>
  </si>
  <si>
    <t>Vriezenveen-Centrum</t>
  </si>
  <si>
    <t>2021BU17000107</t>
  </si>
  <si>
    <t>buurten.3256606f-2c0f-4ea0-bbd2-f7f6912bd1ba</t>
  </si>
  <si>
    <t>BU17000108</t>
  </si>
  <si>
    <t>Vriezenveen Oosteinde en Slot</t>
  </si>
  <si>
    <t>2021BU17000108</t>
  </si>
  <si>
    <t>buurten.6c4e0d5c-0617-47e5-92d8-ff3cb3561caa</t>
  </si>
  <si>
    <t>BU17000201</t>
  </si>
  <si>
    <t>Westerhaar-Oost</t>
  </si>
  <si>
    <t>WK170002</t>
  </si>
  <si>
    <t>2021BU17000201</t>
  </si>
  <si>
    <t>buurten.2f594017-7bac-41cd-a8f2-6d7156f3c491</t>
  </si>
  <si>
    <t>BU17000202</t>
  </si>
  <si>
    <t>Westerhaar-West</t>
  </si>
  <si>
    <t>2021BU17000202</t>
  </si>
  <si>
    <t>buurten.6a85f2cf-76b1-49ca-9175-91378f14053e</t>
  </si>
  <si>
    <t>BU17000203</t>
  </si>
  <si>
    <t>Vriezenveensewijk</t>
  </si>
  <si>
    <t>2021BU17000203</t>
  </si>
  <si>
    <t>buurten.4571274e-bd02-4110-9303-8102ac0440f9</t>
  </si>
  <si>
    <t>BU17000204</t>
  </si>
  <si>
    <t>Verspreide huizen Westerhaar-Vriezenveensewijk-West</t>
  </si>
  <si>
    <t>2021BU17000204</t>
  </si>
  <si>
    <t>buurten.efd9c5ae-ca17-46a8-8bb4-2a2b6e883d07</t>
  </si>
  <si>
    <t>BU17000205</t>
  </si>
  <si>
    <t>Verspreide huizen Westerhaar-Vriezenveensewijk-Oost</t>
  </si>
  <si>
    <t>2021BU17000205</t>
  </si>
  <si>
    <t>buurten.79971755-3ced-4a06-bb27-d3a6f78bf43e</t>
  </si>
  <si>
    <t>BU17000301</t>
  </si>
  <si>
    <t>Buurtschap Meer</t>
  </si>
  <si>
    <t>WK170003</t>
  </si>
  <si>
    <t>2021BU17000301</t>
  </si>
  <si>
    <t>buurten.87609acc-431c-492e-95bd-8ad60a5e365c</t>
  </si>
  <si>
    <t>BU17000302</t>
  </si>
  <si>
    <t>Den Ham</t>
  </si>
  <si>
    <t>2021BU17000302</t>
  </si>
  <si>
    <t>buurten.e414c9d6-fd11-4d88-b5ed-814ebbaf7efa</t>
  </si>
  <si>
    <t>BU17000303</t>
  </si>
  <si>
    <t>Buurtschap Linde</t>
  </si>
  <si>
    <t>2021BU17000303</t>
  </si>
  <si>
    <t>buurten.e56cc638-55cb-485b-a7d2-3b4900b9d251</t>
  </si>
  <si>
    <t>BU17000304</t>
  </si>
  <si>
    <t>Buurtschap Magele</t>
  </si>
  <si>
    <t>2021BU17000304</t>
  </si>
  <si>
    <t>buurten.11be182b-b185-4254-90c5-f018b8f3b8b1</t>
  </si>
  <si>
    <t>BU17000401</t>
  </si>
  <si>
    <t>Geerdijk-West</t>
  </si>
  <si>
    <t>WK170004</t>
  </si>
  <si>
    <t>2021BU17000401</t>
  </si>
  <si>
    <t>buurten.cda4d744-e32a-41dc-bc59-10b6b2a2e755</t>
  </si>
  <si>
    <t>BU17000402</t>
  </si>
  <si>
    <t>Vroomshoop-West</t>
  </si>
  <si>
    <t>2021BU17000402</t>
  </si>
  <si>
    <t>buurten.5f6191dc-ecec-463b-be82-eb6556b0fb54</t>
  </si>
  <si>
    <t>BU17000403</t>
  </si>
  <si>
    <t>Vroomshoop Industrieterein</t>
  </si>
  <si>
    <t>2021BU17000403</t>
  </si>
  <si>
    <t>buurten.9197c24b-f4a3-45f0-a819-bd74547302ca</t>
  </si>
  <si>
    <t>BU17000404</t>
  </si>
  <si>
    <t>Geerdijk-Oost</t>
  </si>
  <si>
    <t>2021BU17000404</t>
  </si>
  <si>
    <t>buurten.2c97031a-5d6b-4e28-8656-85897ead57f8</t>
  </si>
  <si>
    <t>BU17000405</t>
  </si>
  <si>
    <t>Vroomshoop-Oost</t>
  </si>
  <si>
    <t>2021BU17000405</t>
  </si>
  <si>
    <t>buurten.d8fd84d9-2992-4cb2-80d9-f08f9dd70c85</t>
  </si>
  <si>
    <t>BU17000406</t>
  </si>
  <si>
    <t>Verspreide huizen Vroomshoop-Oost</t>
  </si>
  <si>
    <t>2021BU17000406</t>
  </si>
  <si>
    <t>buurten.a189384a-8f83-4ab6-9647-523edb028caa</t>
  </si>
  <si>
    <t>BU17000501</t>
  </si>
  <si>
    <t>Verspreide huizen De Westerhoeve</t>
  </si>
  <si>
    <t>WK170005</t>
  </si>
  <si>
    <t>2021BU17000501</t>
  </si>
  <si>
    <t>buurten.b10b4d59-5529-4a59-90ca-3d038a7b86e3</t>
  </si>
  <si>
    <t>BU17000502</t>
  </si>
  <si>
    <t>Verspreide huizen Vriezenveen-Noord</t>
  </si>
  <si>
    <t>2021BU17000502</t>
  </si>
  <si>
    <t>buurten.75ba8783-0f57-47ae-a8d9-6009c24e7818</t>
  </si>
  <si>
    <t>BU17000503</t>
  </si>
  <si>
    <t>Verspreide huizen De Pollen</t>
  </si>
  <si>
    <t>2021BU17000503</t>
  </si>
  <si>
    <t>buurten.302cdf92-e444-43e4-9472-c1371e3eaad4</t>
  </si>
  <si>
    <t>BU17000601</t>
  </si>
  <si>
    <t>Verspreide huizen Vriezenveen-Zuid</t>
  </si>
  <si>
    <t>WK170006</t>
  </si>
  <si>
    <t>2021BU17000601</t>
  </si>
  <si>
    <t>buurten.ed5d3122-c399-449f-b940-7b91a35d5c23</t>
  </si>
  <si>
    <t>BU17010000</t>
  </si>
  <si>
    <t>Diever</t>
  </si>
  <si>
    <t>WK170100</t>
  </si>
  <si>
    <t>2021BU17010000</t>
  </si>
  <si>
    <t>buurten.91286a4a-92ec-41e7-80f8-d744fac8758f</t>
  </si>
  <si>
    <t>PL1701010003</t>
  </si>
  <si>
    <t>samen oppakken; ind. oplossingen  Diever Dwingeloo, Vledder</t>
  </si>
  <si>
    <t>(klein) warmtenet</t>
  </si>
  <si>
    <t>hybride warmtepomp, warmtenet</t>
  </si>
  <si>
    <t>voldoende warmtebronnen beschikbaar, betaalbaar</t>
  </si>
  <si>
    <t>ind. Oplossingen, gezamenlijke straat,wijk,buurt aanpak</t>
  </si>
  <si>
    <t>Label C/D of A/B</t>
  </si>
  <si>
    <t>elektriciteit, groen gas</t>
  </si>
  <si>
    <t>groen gas, WKO</t>
  </si>
  <si>
    <t>BU17010003</t>
  </si>
  <si>
    <t>Wittelte</t>
  </si>
  <si>
    <t>2021BU17010003</t>
  </si>
  <si>
    <t>buurten.c27e399e-420d-4673-81e2-299c9fd6621c</t>
  </si>
  <si>
    <t>BU17010009</t>
  </si>
  <si>
    <t>Verspreide huizen Diever</t>
  </si>
  <si>
    <t>2021BU17010009</t>
  </si>
  <si>
    <t>buurten.e5076a81-07fe-420b-a40f-8cf99283cefb</t>
  </si>
  <si>
    <t>BU17010100</t>
  </si>
  <si>
    <t>Wapse</t>
  </si>
  <si>
    <t>WK170101</t>
  </si>
  <si>
    <t>2021BU17010100</t>
  </si>
  <si>
    <t>buurten.5051d2b3-0aeb-48cb-9595-a5dc5c04145d</t>
  </si>
  <si>
    <t>BU17010109</t>
  </si>
  <si>
    <t>Verspreide huizen Wapse</t>
  </si>
  <si>
    <t>2021BU17010109</t>
  </si>
  <si>
    <t>buurten.9dc8bc71-4b1b-4f63-9f7f-3e2831c06627</t>
  </si>
  <si>
    <t>BU17010200</t>
  </si>
  <si>
    <t>WK170102</t>
  </si>
  <si>
    <t>2021BU17010200</t>
  </si>
  <si>
    <t>buurten.0af10701-e774-4647-aeb5-e013106f55bd</t>
  </si>
  <si>
    <t>BU17010209</t>
  </si>
  <si>
    <t>Verspreide huizen Zorgvlied</t>
  </si>
  <si>
    <t>2021BU17010209</t>
  </si>
  <si>
    <t>buurten.8e614861-f193-4e30-86c3-cc8e34d9e6f2</t>
  </si>
  <si>
    <t>BU17010300</t>
  </si>
  <si>
    <t>Dwingelo</t>
  </si>
  <si>
    <t>WK170103</t>
  </si>
  <si>
    <t>2021BU17010300</t>
  </si>
  <si>
    <t>buurten.a7e7ff74-dcda-48d3-85db-7507fe318996</t>
  </si>
  <si>
    <t>BU17010301</t>
  </si>
  <si>
    <t>2021BU17010301</t>
  </si>
  <si>
    <t>buurten.062fce0f-5f15-45fd-832c-d005029a4fea</t>
  </si>
  <si>
    <t>PL1701010002</t>
  </si>
  <si>
    <t>BU17010302</t>
  </si>
  <si>
    <t>Stroovledder</t>
  </si>
  <si>
    <t>2021BU17010302</t>
  </si>
  <si>
    <t>buurten.321821bd-94ca-4dc6-9b68-72ba5e6f8ace</t>
  </si>
  <si>
    <t>BU17010303</t>
  </si>
  <si>
    <t>Dwingelderveld</t>
  </si>
  <si>
    <t>2021BU17010303</t>
  </si>
  <si>
    <t>buurten.8946db91-6831-4cc8-a11c-722de57b8b4f</t>
  </si>
  <si>
    <t>BU17010309</t>
  </si>
  <si>
    <t>Verspreide huizen Dwingeloo</t>
  </si>
  <si>
    <t>2021BU17010309</t>
  </si>
  <si>
    <t>buurten.cc737a08-601d-494c-ac5b-de5fb4fdcbd9</t>
  </si>
  <si>
    <t>BU17010400</t>
  </si>
  <si>
    <t>Lhee</t>
  </si>
  <si>
    <t>WK170104</t>
  </si>
  <si>
    <t>2021BU17010400</t>
  </si>
  <si>
    <t>buurten.a807d49c-e14e-4ede-9e4b-867db7c1d3e4</t>
  </si>
  <si>
    <t>BU17010401</t>
  </si>
  <si>
    <t>Lheebroek</t>
  </si>
  <si>
    <t>2021BU17010401</t>
  </si>
  <si>
    <t>buurten.4a569254-56e5-4878-946f-2ed67d4cae86</t>
  </si>
  <si>
    <t>BU17010409</t>
  </si>
  <si>
    <t>Verspreide huizen Lhee</t>
  </si>
  <si>
    <t>2021BU17010409</t>
  </si>
  <si>
    <t>buurten.fd5b4c5b-b9c1-4809-87a7-e96293bd8d8b</t>
  </si>
  <si>
    <t>thermische energie uit oppervlaktewater (TEO) of afvalwater (TEA) en/of restwarmte</t>
  </si>
  <si>
    <t>aquathermie (TEO) en/of aquathermie (TEA) en/of restwarmte</t>
  </si>
  <si>
    <t>BU17010500</t>
  </si>
  <si>
    <t>Eemster</t>
  </si>
  <si>
    <t>WK170105</t>
  </si>
  <si>
    <t>2021BU17010500</t>
  </si>
  <si>
    <t>buurten.ca6ef443-3139-415e-a695-0cdf7d4e52b6</t>
  </si>
  <si>
    <t>BU17010509</t>
  </si>
  <si>
    <t>Verspreide huizen Eemster</t>
  </si>
  <si>
    <t>2021BU17010509</t>
  </si>
  <si>
    <t>buurten.9f5f0e14-291d-443a-b804-22d87fd12eb5</t>
  </si>
  <si>
    <t>BU17010600</t>
  </si>
  <si>
    <t>Geeuwenbrug</t>
  </si>
  <si>
    <t>WK170106</t>
  </si>
  <si>
    <t>2021BU17010600</t>
  </si>
  <si>
    <t>buurten.02e750ac-a9c7-465f-bf0a-07c34032e4fa</t>
  </si>
  <si>
    <t>BU17010601</t>
  </si>
  <si>
    <t>Leggeloo</t>
  </si>
  <si>
    <t>2021BU17010601</t>
  </si>
  <si>
    <t>buurten.ff23f688-9e9d-4c53-8f75-2ac186b68172</t>
  </si>
  <si>
    <t>BU17010609</t>
  </si>
  <si>
    <t>Verspreide huizen Geeuwenbrug</t>
  </si>
  <si>
    <t>2021BU17010609</t>
  </si>
  <si>
    <t>buurten.850d5162-162f-45e4-a690-bd7bb16e01d5</t>
  </si>
  <si>
    <t>BU17010700</t>
  </si>
  <si>
    <t>Dieverbrug</t>
  </si>
  <si>
    <t>WK170107</t>
  </si>
  <si>
    <t>2021BU17010700</t>
  </si>
  <si>
    <t>buurten.fe402df6-4779-4da4-81a2-866ac4d59994</t>
  </si>
  <si>
    <t>BU17010709</t>
  </si>
  <si>
    <t>Verspreide huizen Dieverbrug</t>
  </si>
  <si>
    <t>2021BU17010709</t>
  </si>
  <si>
    <t>buurten.9749e02d-002a-4142-bdd9-ac798d41296b</t>
  </si>
  <si>
    <t>BU17010800</t>
  </si>
  <si>
    <t>Havelte</t>
  </si>
  <si>
    <t>WK170108</t>
  </si>
  <si>
    <t>2021BU17010800</t>
  </si>
  <si>
    <t>buurten.af979386-e791-450a-a6d8-0a385a35047b</t>
  </si>
  <si>
    <t>BU17010801</t>
  </si>
  <si>
    <t>Darp</t>
  </si>
  <si>
    <t>2021BU17010801</t>
  </si>
  <si>
    <t>buurten.bf4a2712-f15f-426a-a5b4-879c504da713</t>
  </si>
  <si>
    <t>BU17010802</t>
  </si>
  <si>
    <t>Havelterberg</t>
  </si>
  <si>
    <t>2021BU17010802</t>
  </si>
  <si>
    <t>buurten.f06b0619-a7c0-410e-a895-13a50014c057</t>
  </si>
  <si>
    <t>BU17010809</t>
  </si>
  <si>
    <t>Verspreide huizen Havelte</t>
  </si>
  <si>
    <t>2021BU17010809</t>
  </si>
  <si>
    <t>buurten.3b04c26d-af91-4055-8bf7-c80e2c9f5cd4</t>
  </si>
  <si>
    <t>BU17010900</t>
  </si>
  <si>
    <t>Uffelte</t>
  </si>
  <si>
    <t>WK170109</t>
  </si>
  <si>
    <t>2021BU17010900</t>
  </si>
  <si>
    <t>buurten.c34b50ca-cfcc-4831-986f-bfa91ee1839b</t>
  </si>
  <si>
    <t>BU17010909</t>
  </si>
  <si>
    <t>Verspreide huizen Uffelte</t>
  </si>
  <si>
    <t>2021BU17010909</t>
  </si>
  <si>
    <t>buurten.7d362ac8-907d-44d0-8c61-e6e3c3ed5249</t>
  </si>
  <si>
    <t>BU17011000</t>
  </si>
  <si>
    <t>Wapserveen midden</t>
  </si>
  <si>
    <t>WK170110</t>
  </si>
  <si>
    <t>2021BU17011000</t>
  </si>
  <si>
    <t>buurten.af81c4f7-04e5-478f-8e74-ea2f9061f684</t>
  </si>
  <si>
    <t>BU17011001</t>
  </si>
  <si>
    <t>Wapserveen-West</t>
  </si>
  <si>
    <t>2021BU17011001</t>
  </si>
  <si>
    <t>buurten.375aee68-55aa-4f43-9f27-27b7b8e6c611</t>
  </si>
  <si>
    <t>BU17011002</t>
  </si>
  <si>
    <t>Wapserveen-Oost</t>
  </si>
  <si>
    <t>2021BU17011002</t>
  </si>
  <si>
    <t>buurten.6fce3bee-f0d5-4406-906d-8ca5ad485ab7</t>
  </si>
  <si>
    <t>BU17011009</t>
  </si>
  <si>
    <t>Verspreide huizen Wapserveen</t>
  </si>
  <si>
    <t>2021BU17011009</t>
  </si>
  <si>
    <t>buurten.0b5d6384-0bfb-4e8f-9a49-b7ead6119b86</t>
  </si>
  <si>
    <t>BU17011100</t>
  </si>
  <si>
    <t>Vledder</t>
  </si>
  <si>
    <t>WK170111</t>
  </si>
  <si>
    <t>2021BU17011100</t>
  </si>
  <si>
    <t>buurten.a4caf406-d74d-4f79-bad4-c854a9952991</t>
  </si>
  <si>
    <t>BU17011109</t>
  </si>
  <si>
    <t>Verspreide huizen Vledder</t>
  </si>
  <si>
    <t>2021BU17011109</t>
  </si>
  <si>
    <t>buurten.6746f8b4-ce97-43d6-910c-3cad1d2921bc</t>
  </si>
  <si>
    <t>BU17011200</t>
  </si>
  <si>
    <t>Frederiksoord</t>
  </si>
  <si>
    <t>WK170112</t>
  </si>
  <si>
    <t>2021BU17011200</t>
  </si>
  <si>
    <t>buurten.71d6f8be-c4f1-467e-8cab-03837d20f4f6</t>
  </si>
  <si>
    <t>BU17011209</t>
  </si>
  <si>
    <t>Verspreide huizen Frederiksoord</t>
  </si>
  <si>
    <t>2021BU17011209</t>
  </si>
  <si>
    <t>buurten.c19bb3e9-65d7-4f53-948b-9cd46e20d61e</t>
  </si>
  <si>
    <t>BU17011300</t>
  </si>
  <si>
    <t>Nijensleek</t>
  </si>
  <si>
    <t>WK170113</t>
  </si>
  <si>
    <t>2021BU17011300</t>
  </si>
  <si>
    <t>buurten.550214d7-851d-490f-b895-a96e8df666b6</t>
  </si>
  <si>
    <t>BU17011309</t>
  </si>
  <si>
    <t>Verspreide huizen Nijensleek</t>
  </si>
  <si>
    <t>2021BU17011309</t>
  </si>
  <si>
    <t>buurten.ea6d2eba-cf5f-48f4-a9c3-f44fde9b3e95</t>
  </si>
  <si>
    <t>BU17011400</t>
  </si>
  <si>
    <t>WK170114</t>
  </si>
  <si>
    <t>2021BU17011400</t>
  </si>
  <si>
    <t>buurten.2e17874d-ac83-49b3-9822-123fb954ac2e</t>
  </si>
  <si>
    <t>BU17011409</t>
  </si>
  <si>
    <t>Verspreide huizen Vledderveen</t>
  </si>
  <si>
    <t>2021BU17011409</t>
  </si>
  <si>
    <t>buurten.f9ac0bc7-e584-4e89-82ca-00f9876472d2</t>
  </si>
  <si>
    <t>BU17011500</t>
  </si>
  <si>
    <t>Wilhelminaoord</t>
  </si>
  <si>
    <t>WK170115</t>
  </si>
  <si>
    <t>2021BU17011500</t>
  </si>
  <si>
    <t>buurten.6c4b0c37-4952-4052-a7d3-24315a852a98</t>
  </si>
  <si>
    <t>BU17011509</t>
  </si>
  <si>
    <t>Verspreide huizen Wilhelminaoord</t>
  </si>
  <si>
    <t>2021BU17011509</t>
  </si>
  <si>
    <t>buurten.c0fff50a-1d5c-44f0-8413-106cf91fd4fc</t>
  </si>
  <si>
    <t>BU17011600</t>
  </si>
  <si>
    <t>Doldersum</t>
  </si>
  <si>
    <t>WK170116</t>
  </si>
  <si>
    <t>2021BU17011600</t>
  </si>
  <si>
    <t>buurten.947ae4b8-6581-4516-a4c7-a6e6179de4ae</t>
  </si>
  <si>
    <t>BU17011609</t>
  </si>
  <si>
    <t>Verspreide huizen Doldersum</t>
  </si>
  <si>
    <t>2021BU17011609</t>
  </si>
  <si>
    <t>buurten.63e3ec71-246e-4e26-a4ff-04d9a0d13131</t>
  </si>
  <si>
    <t>BU17011709</t>
  </si>
  <si>
    <t>Verspreide huizen Boschoord</t>
  </si>
  <si>
    <t>WK170117</t>
  </si>
  <si>
    <t>2021BU17011709</t>
  </si>
  <si>
    <t>buurten.daf7fb59-5943-4be7-b99f-f50cef632487</t>
  </si>
  <si>
    <t>BU17020000</t>
  </si>
  <si>
    <t>WK170200</t>
  </si>
  <si>
    <t>2021BU17020000</t>
  </si>
  <si>
    <t>buurten.deede1dd-aa00-469c-bb18-e3aaa745035e</t>
  </si>
  <si>
    <t>PL1702010001</t>
  </si>
  <si>
    <t>BU17020001</t>
  </si>
  <si>
    <t>Ledeacker</t>
  </si>
  <si>
    <t>2021BU17020001</t>
  </si>
  <si>
    <t>buurten.945b093e-ee28-41bf-93dd-d6e8a22ba4be</t>
  </si>
  <si>
    <t>BU17020008</t>
  </si>
  <si>
    <t>Verspreide huizen Ledeacker</t>
  </si>
  <si>
    <t>2021BU17020008</t>
  </si>
  <si>
    <t>buurten.4904ac91-7f1f-4dff-a27a-6ffdfee1ec3f</t>
  </si>
  <si>
    <t>BU17020009</t>
  </si>
  <si>
    <t>Verspreide huizen Sint Anthonis</t>
  </si>
  <si>
    <t>2021BU17020009</t>
  </si>
  <si>
    <t>buurten.4e86b233-0198-4c6d-bb14-5a6f175770c0</t>
  </si>
  <si>
    <t>BU17020100</t>
  </si>
  <si>
    <t>Oploo</t>
  </si>
  <si>
    <t>WK170201</t>
  </si>
  <si>
    <t>2021BU17020100</t>
  </si>
  <si>
    <t>buurten.0e31fae7-b4ea-42a4-acc4-c835f660a753</t>
  </si>
  <si>
    <t>BU17020109</t>
  </si>
  <si>
    <t>Verspreide huizen Oploo</t>
  </si>
  <si>
    <t>2021BU17020109</t>
  </si>
  <si>
    <t>buurten.b4ae9c0a-b510-4b12-95de-e65be909f50c</t>
  </si>
  <si>
    <t>BU17020200</t>
  </si>
  <si>
    <t>Westerbeek</t>
  </si>
  <si>
    <t>WK170202</t>
  </si>
  <si>
    <t>2021BU17020200</t>
  </si>
  <si>
    <t>buurten.95cf079b-1567-44ba-8b9a-9dc8799af17a</t>
  </si>
  <si>
    <t>BU17020209</t>
  </si>
  <si>
    <t>2021BU17020209</t>
  </si>
  <si>
    <t>buurten.7055476a-8f62-42af-955e-c6a8138798dc</t>
  </si>
  <si>
    <t>BU17020300</t>
  </si>
  <si>
    <t>Stevensbeek</t>
  </si>
  <si>
    <t>WK170203</t>
  </si>
  <si>
    <t>2021BU17020300</t>
  </si>
  <si>
    <t>buurten.68297146-1ff7-42ac-86f3-a8e6e82ae08c</t>
  </si>
  <si>
    <t>BU17020309</t>
  </si>
  <si>
    <t>2021BU17020309</t>
  </si>
  <si>
    <t>buurten.4c1c361a-c296-4449-a954-9bdac516abe7</t>
  </si>
  <si>
    <t>BU17020400</t>
  </si>
  <si>
    <t>Wanroij</t>
  </si>
  <si>
    <t>WK170204</t>
  </si>
  <si>
    <t>2021BU17020400</t>
  </si>
  <si>
    <t>buurten.39b9138a-e338-4378-85b9-d9b099763f6f</t>
  </si>
  <si>
    <t>BU17020409</t>
  </si>
  <si>
    <t>Verspreide huizen Wanroij's Broek</t>
  </si>
  <si>
    <t>2021BU17020409</t>
  </si>
  <si>
    <t>buurten.da6ace61-7b10-4b49-9e59-5582bad00f20</t>
  </si>
  <si>
    <t>BU17020500</t>
  </si>
  <si>
    <t>Landhorst</t>
  </si>
  <si>
    <t>WK170205</t>
  </si>
  <si>
    <t>2021BU17020500</t>
  </si>
  <si>
    <t>buurten.006d3962-7b71-46d8-82d4-658f424d3672</t>
  </si>
  <si>
    <t>BU17020509</t>
  </si>
  <si>
    <t>Verspreide huizen De Peel</t>
  </si>
  <si>
    <t>2021BU17020509</t>
  </si>
  <si>
    <t>buurten.a9cf5501-5e99-4bd0-a61b-1582c8409924</t>
  </si>
  <si>
    <t>BU17050000</t>
  </si>
  <si>
    <t>Bemmel</t>
  </si>
  <si>
    <t>WK170500</t>
  </si>
  <si>
    <t>2021BU17050000</t>
  </si>
  <si>
    <t>buurten.b7e894d2-53a8-4388-9942-d73e83573755</t>
  </si>
  <si>
    <t>BU17050001</t>
  </si>
  <si>
    <t>Haalderen</t>
  </si>
  <si>
    <t>2021BU17050001</t>
  </si>
  <si>
    <t>buurten.893c4d95-46ec-4fd5-9318-5093bde24808</t>
  </si>
  <si>
    <t>BU17050002</t>
  </si>
  <si>
    <t>Angeren</t>
  </si>
  <si>
    <t>2021BU17050002</t>
  </si>
  <si>
    <t>buurten.ca63896a-8ccd-4bd9-8776-1952a749c183</t>
  </si>
  <si>
    <t>BU17050003</t>
  </si>
  <si>
    <t>Doornenburg</t>
  </si>
  <si>
    <t>2021BU17050003</t>
  </si>
  <si>
    <t>buurten.ee4cb47e-f391-4a58-9044-03b31ea816c8</t>
  </si>
  <si>
    <t>PL1705010003</t>
  </si>
  <si>
    <t>Uitkomst bewonersoverleg</t>
  </si>
  <si>
    <t>Dialoog met bewoners over gemeenschap van de toekomst. De warmtetransitie zal hier nog verder uitgewerkt worden.</t>
  </si>
  <si>
    <t>BU17050004</t>
  </si>
  <si>
    <t>Verspreide huizen Ressen</t>
  </si>
  <si>
    <t>2021BU17050004</t>
  </si>
  <si>
    <t>buurten.0c390f9f-4735-434e-bab3-8bbb094c1c59</t>
  </si>
  <si>
    <t>BU17050005</t>
  </si>
  <si>
    <t>Verspreide huizen Angeren</t>
  </si>
  <si>
    <t>2021BU17050005</t>
  </si>
  <si>
    <t>buurten.db78c547-62b3-4086-960b-4f4d59dee3c2</t>
  </si>
  <si>
    <t>BU17050006</t>
  </si>
  <si>
    <t>Verspreide huizen Bemmel</t>
  </si>
  <si>
    <t>2021BU17050006</t>
  </si>
  <si>
    <t>buurten.438c3336-5fb7-4da4-8678-06a110b7a187</t>
  </si>
  <si>
    <t>PL1734010008</t>
  </si>
  <si>
    <t>BU17050007</t>
  </si>
  <si>
    <t>Verspreide huizen Doornenburg</t>
  </si>
  <si>
    <t>2021BU17050007</t>
  </si>
  <si>
    <t>buurten.58a3011b-c348-4d9e-84da-385882773075</t>
  </si>
  <si>
    <t>BU17050008</t>
  </si>
  <si>
    <t>Verspreide huizen Bemmel-Lent</t>
  </si>
  <si>
    <t>2021BU17050008</t>
  </si>
  <si>
    <t>buurten.dc7997b4-4015-4cdd-8806-569870c21ff2</t>
  </si>
  <si>
    <t>BU17050009</t>
  </si>
  <si>
    <t>Verspreide huizen Ambtswaard</t>
  </si>
  <si>
    <t>2021BU17050009</t>
  </si>
  <si>
    <t>buurten.eda6af8f-c707-4ac9-ac16-da7fde2aa9bc</t>
  </si>
  <si>
    <t>BU17050010</t>
  </si>
  <si>
    <t>Verspreide huizen Haalderen</t>
  </si>
  <si>
    <t>2021BU17050010</t>
  </si>
  <si>
    <t>buurten.abb61e12-94b5-46f0-94cf-51dff8fb4b1d</t>
  </si>
  <si>
    <t>BU17050011</t>
  </si>
  <si>
    <t>Ooijrijkse Polder</t>
  </si>
  <si>
    <t>2021BU17050011</t>
  </si>
  <si>
    <t>buurten.44be8686-9ef3-4577-bf3c-bf901cfb1e4d</t>
  </si>
  <si>
    <t>BU17050100</t>
  </si>
  <si>
    <t>Gendt</t>
  </si>
  <si>
    <t>WK170501</t>
  </si>
  <si>
    <t>2021BU17050100</t>
  </si>
  <si>
    <t>buurten.903261d0-a41d-404d-b674-d46d019aa8c4</t>
  </si>
  <si>
    <t>BU17050101</t>
  </si>
  <si>
    <t>Buurt Gendt</t>
  </si>
  <si>
    <t>2021BU17050101</t>
  </si>
  <si>
    <t>buurten.e8b5e3de-7234-4395-bae5-1340d14d07ee</t>
  </si>
  <si>
    <t>BU17050102</t>
  </si>
  <si>
    <t>Kommerdijk</t>
  </si>
  <si>
    <t>2021BU17050102</t>
  </si>
  <si>
    <t>buurten.75fa39f4-d04c-4690-9680-c68f139d9a3e</t>
  </si>
  <si>
    <t>BU17050103</t>
  </si>
  <si>
    <t>Hulhuizen</t>
  </si>
  <si>
    <t>2021BU17050103</t>
  </si>
  <si>
    <t>buurten.a92ce174-0252-46f4-9282-d03888344328</t>
  </si>
  <si>
    <t>BU17050104</t>
  </si>
  <si>
    <t>Flieren</t>
  </si>
  <si>
    <t>2021BU17050104</t>
  </si>
  <si>
    <t>buurten.3811b726-924c-4dd7-99f3-b1808017cc9b</t>
  </si>
  <si>
    <t>BU17050108</t>
  </si>
  <si>
    <t>Verspreide huizen Flieren</t>
  </si>
  <si>
    <t>2021BU17050108</t>
  </si>
  <si>
    <t>buurten.324b5ba8-29ee-4c44-b1a3-09b49ee1dfd7</t>
  </si>
  <si>
    <t>BU17050109</t>
  </si>
  <si>
    <t>Verspreide huizen Gendtsche Waarden</t>
  </si>
  <si>
    <t>2021BU17050109</t>
  </si>
  <si>
    <t>buurten.2022e664-2584-4135-99c2-f2cd627653c8</t>
  </si>
  <si>
    <t>BU17050200</t>
  </si>
  <si>
    <t>Oude Stad Huissen</t>
  </si>
  <si>
    <t>WK170502</t>
  </si>
  <si>
    <t>2021BU17050200</t>
  </si>
  <si>
    <t>buurten.c48a8499-56d8-4c96-8b2a-af549c51ec9f</t>
  </si>
  <si>
    <t>BU17050201</t>
  </si>
  <si>
    <t>Uitbreiding Stad Huissen</t>
  </si>
  <si>
    <t>2021BU17050201</t>
  </si>
  <si>
    <t>buurten.0cd379f9-1d4f-418a-b01e-eceaabf06347</t>
  </si>
  <si>
    <t>BU17050202</t>
  </si>
  <si>
    <t>2021BU17050202</t>
  </si>
  <si>
    <t>buurten.0897393a-dc88-4a4f-96f4-9c2a6149a67b</t>
  </si>
  <si>
    <t>BU17050203</t>
  </si>
  <si>
    <t>2021BU17050203</t>
  </si>
  <si>
    <t>buurten.cafbd9e4-9e63-4cc7-a2c6-7a856c0df649</t>
  </si>
  <si>
    <t>BU17050207</t>
  </si>
  <si>
    <t>Verspreide huizen Het Zand</t>
  </si>
  <si>
    <t>2021BU17050207</t>
  </si>
  <si>
    <t>buurten.c1256fcb-cf20-45c1-b291-543be79c0a4f</t>
  </si>
  <si>
    <t>BU17050208</t>
  </si>
  <si>
    <t>Verspreide huizen Hoeve en Loostraat</t>
  </si>
  <si>
    <t>2021BU17050208</t>
  </si>
  <si>
    <t>buurten.bf18ccce-daa1-4987-8743-45f90016407e</t>
  </si>
  <si>
    <t>BU17050209</t>
  </si>
  <si>
    <t>Verspreide huizen Uiterwaard</t>
  </si>
  <si>
    <t>2021BU17050209</t>
  </si>
  <si>
    <t>buurten.96a47529-55d9-4e0e-87f8-391083850c51</t>
  </si>
  <si>
    <t>BU17060000</t>
  </si>
  <si>
    <t>Budel</t>
  </si>
  <si>
    <t>WK170600</t>
  </si>
  <si>
    <t>2021BU17060000</t>
  </si>
  <si>
    <t>buurten.9d9e4161-c8fb-4a67-9e89-abfd10a16395</t>
  </si>
  <si>
    <t>PL1706010002</t>
  </si>
  <si>
    <t>Budel Heesakker</t>
  </si>
  <si>
    <t>In concept (verkennend). In deze gebieden zien we kansen of ontwikkelingen waar de gemeente, samen met belanghebbenden, tijdig op wil inspelen. Maar niet a la minute. Het kan gaan om onderhoud aan infrastructuur, renovaties door woningbouwcorporaties, an</t>
  </si>
  <si>
    <t>Voorsorterend. Budel Heesakker, Deze wijk bevat veel gelijkvormige en corporatiewoningen (meer dan 50% van de wijk is corporatiewoning) en biedt een kans op een collectieve oplossing met een warmtenet gebaseerd op geothermie, zonthermie (op dak of in vel</t>
  </si>
  <si>
    <t>Voor de all-electric buurten en groen gas/hybride verkenningswijken hoeft er geen compleet wijkuitvoeringsplan te komen, maar gaat gewerkt worden met een zogenoemd wijkplan. Binnen een wijkplan kunnen individuele oplossingen gezamenlijk aangepakt worden</t>
  </si>
  <si>
    <t>BU17060001</t>
  </si>
  <si>
    <t>Heikant, Meemortel, Bosch</t>
  </si>
  <si>
    <t>2021BU17060001</t>
  </si>
  <si>
    <t>buurten.e8e3f6d8-87fb-4509-9a0d-6d830c4f6013</t>
  </si>
  <si>
    <t>Budel Noord Oost groen gas</t>
  </si>
  <si>
    <t>kansrijke optie. Deze wijken zijn vermoedelijk al geschikt voor een warmtepomp. Deze geschiktheid blijkt uit het jonge bouwjaar van de woningen en de lage energielabels (A en B).</t>
  </si>
  <si>
    <t>Gemeentebreed isolatie + op ten duur aardgasvrij</t>
  </si>
  <si>
    <t>BU17060002</t>
  </si>
  <si>
    <t>Keunenhoek Broekkant Schoordijk</t>
  </si>
  <si>
    <t>2021BU17060002</t>
  </si>
  <si>
    <t>buurten.e82aeb18-2c8c-4db3-bc98-0c52c382c1c9</t>
  </si>
  <si>
    <t>PL1706010021</t>
  </si>
  <si>
    <t>In concept (afwachtend). Sommige delen van Cranendonck lijken op dit moment lastiger aardgasvrij te maken. Het is mogelijk dat ze op groen gas moeten worden verwarmd. Dat gas zal pas later beschikbaar komen en deze woningen zullen lang aardgas blijven ge</t>
  </si>
  <si>
    <t>BU17060008</t>
  </si>
  <si>
    <t>Verspreide huizen Berg en Toom</t>
  </si>
  <si>
    <t>2021BU17060008</t>
  </si>
  <si>
    <t>buurten.160bf20c-9c9a-427d-8646-a87b135c9272</t>
  </si>
  <si>
    <t>PL1706010008</t>
  </si>
  <si>
    <t>In concept (in uitvoering). Buurten waar het mogelijk lijkt om op kortere termijn (voor 2035) aardgasvrij te worden. Voor deze buurten willen we in 2022 met het wijkuitvoeringsplan. Hierin staat de haalbaarheid (technisch en financieel) en het betrekken</t>
  </si>
  <si>
    <t>Elektra en omgevingswarmte of aardwarmte, zonnewarmte, TEA, TEO, Biomassa, Restwarmte</t>
  </si>
  <si>
    <t>bodemenergie en/of zonnewarmte en/of aquathermie (TEO) en/of aquathermie (TEA) en/of restwarmte en/of biomassa</t>
  </si>
  <si>
    <t>BU17060009</t>
  </si>
  <si>
    <t>2021BU17060009</t>
  </si>
  <si>
    <t>buurten.dbe7116c-2f79-4812-aea6-392f9474a564</t>
  </si>
  <si>
    <t>BU17060100</t>
  </si>
  <si>
    <t>Budel-Schoot</t>
  </si>
  <si>
    <t>WK170601</t>
  </si>
  <si>
    <t>2021BU17060100</t>
  </si>
  <si>
    <t>buurten.9a9c88a2-0dde-4ba4-9d26-100e1d43d3d6</t>
  </si>
  <si>
    <t>PL1706010007</t>
  </si>
  <si>
    <t>Budel-Schoot Oost</t>
  </si>
  <si>
    <t>BU17060101</t>
  </si>
  <si>
    <t>Klein-Schoot</t>
  </si>
  <si>
    <t>2021BU17060101</t>
  </si>
  <si>
    <t>buurten.4d851784-4ee0-4685-9906-19933a184c42</t>
  </si>
  <si>
    <t>Budel-Dorplein west</t>
  </si>
  <si>
    <t>BU17060109</t>
  </si>
  <si>
    <t>2021BU17060109</t>
  </si>
  <si>
    <t>buurten.8ac7e28e-506d-4670-bee5-91ade9ba8329</t>
  </si>
  <si>
    <t>BU17060200</t>
  </si>
  <si>
    <t>Budel-Dorplein</t>
  </si>
  <si>
    <t>WK170602</t>
  </si>
  <si>
    <t>2021BU17060200</t>
  </si>
  <si>
    <t>buurten.07328842-7da5-49ed-b6be-4fb229276b81</t>
  </si>
  <si>
    <t>PL1706010019</t>
  </si>
  <si>
    <t>Budel-Dorplein Oost</t>
  </si>
  <si>
    <t>In concept (onderzoekend). Onderzoek hoe slecht geisoleerde en vaak vooroorlogse woningen geisoleerd kunnen worden + inzet van hybride warmtepompen</t>
  </si>
  <si>
    <t>Voorsorterend. In deze buurt zijn veel woningen te vinden die onderdeel uitmaken van het beschermd dorpsgezicht. Verregaande isolerende maatregelen zijn hierdoor lastiger te realiseren waardoor ook een lage temperatuur verwarmingsbron waarschijnlijk niet</t>
  </si>
  <si>
    <t>Isolatie + pilot hybride warmtepompen</t>
  </si>
  <si>
    <t>BU17060201</t>
  </si>
  <si>
    <t>Industrieterrein Dorplein</t>
  </si>
  <si>
    <t>2021BU17060201</t>
  </si>
  <si>
    <t>buurten.f7f4ff19-e255-4b7b-941a-e8e03a22400e</t>
  </si>
  <si>
    <t>BU17060209</t>
  </si>
  <si>
    <t>Verspreide huizen Budel-Dorplein</t>
  </si>
  <si>
    <t>2021BU17060209</t>
  </si>
  <si>
    <t>buurten.f6156f29-d4c2-4c9b-9d88-9631add8c818</t>
  </si>
  <si>
    <t>BU17060300</t>
  </si>
  <si>
    <t>Maarheeze</t>
  </si>
  <si>
    <t>WK170603</t>
  </si>
  <si>
    <t>2021BU17060300</t>
  </si>
  <si>
    <t>buurten.f11ea592-4842-45e4-8bb0-e515d1c715d5</t>
  </si>
  <si>
    <t>PL1706010004</t>
  </si>
  <si>
    <t>Maarheeze West Kijkakkers</t>
  </si>
  <si>
    <t>Voorsorterend. In Maarheeze is er een potentieel voor een collectieve oplossing (warmtenet) gebaseerd op geothermie, zonthermie of TEO (warmte uit oppervlaktewater). In deze wijken speelt ook een flinke isolatieopgave waarmee sowieso gestart kan worden.</t>
  </si>
  <si>
    <t>BU17060301</t>
  </si>
  <si>
    <t>Kamersven</t>
  </si>
  <si>
    <t>2021BU17060301</t>
  </si>
  <si>
    <t>buurten.5be0f0cc-a0a8-4c91-bda6-e7be9fb06e0b</t>
  </si>
  <si>
    <t>PL1706010006</t>
  </si>
  <si>
    <t>Maarheeze Kamersven en El Pinar</t>
  </si>
  <si>
    <t>BU17060302</t>
  </si>
  <si>
    <t>Industrieterrein Den Engelsman Rondven</t>
  </si>
  <si>
    <t>2021BU17060302</t>
  </si>
  <si>
    <t>buurten.04a3634d-a638-4127-a793-fd84d57430d7</t>
  </si>
  <si>
    <t>Maarheeze Stationsstraat en Hagelkruise Akkers</t>
  </si>
  <si>
    <t>BU17060308</t>
  </si>
  <si>
    <t>Verspreide huizen Hugten</t>
  </si>
  <si>
    <t>2021BU17060308</t>
  </si>
  <si>
    <t>buurten.fc093b45-4502-4a7f-a969-057d4684b4e4</t>
  </si>
  <si>
    <t>BU17060309</t>
  </si>
  <si>
    <t>Verspreide huizen Maarheeze</t>
  </si>
  <si>
    <t>2021BU17060309</t>
  </si>
  <si>
    <t>buurten.1ac417cc-988f-446c-9a02-cd1dbb64e937</t>
  </si>
  <si>
    <t>BU17060400</t>
  </si>
  <si>
    <t>Soerendonk</t>
  </si>
  <si>
    <t>WK170604</t>
  </si>
  <si>
    <t>2021BU17060400</t>
  </si>
  <si>
    <t>buurten.09f0a985-d728-4796-a7b5-5868ec9f1974</t>
  </si>
  <si>
    <t>PL1706010001</t>
  </si>
  <si>
    <t>Soerendonk groen gas</t>
  </si>
  <si>
    <t>BU17060409</t>
  </si>
  <si>
    <t>Verspreide huizen Soerendonk</t>
  </si>
  <si>
    <t>2021BU17060409</t>
  </si>
  <si>
    <t>buurten.51f0c048-c74b-4f51-879c-4c5ff618a8ec</t>
  </si>
  <si>
    <t>BU17060500</t>
  </si>
  <si>
    <t>Gastel</t>
  </si>
  <si>
    <t>WK170605</t>
  </si>
  <si>
    <t>2021BU17060500</t>
  </si>
  <si>
    <t>buurten.aa3d11a9-24e3-41b7-ba11-d18be1c76387</t>
  </si>
  <si>
    <t>PL1706010011</t>
  </si>
  <si>
    <t>Gastel Vennenhof</t>
  </si>
  <si>
    <t>BU17060509</t>
  </si>
  <si>
    <t>Verspreide huizen Gastelse Hei</t>
  </si>
  <si>
    <t>2021BU17060509</t>
  </si>
  <si>
    <t>buurten.7f5a3002-77cd-463e-b744-8cadc9899819</t>
  </si>
  <si>
    <t>BU17080001</t>
  </si>
  <si>
    <t>Centrum Steenwijk</t>
  </si>
  <si>
    <t>WK170800</t>
  </si>
  <si>
    <t>2021BU17080001</t>
  </si>
  <si>
    <t>buurten.83ab46f4-4520-462c-b783-5b0ec2027b83</t>
  </si>
  <si>
    <t>PL1708010004</t>
  </si>
  <si>
    <t>Het nemen van energiebesparende (no-regret) maatregelen en creeren van bewustwording bij inwoners en het informeren over te nemen maatregelen in de woning.</t>
  </si>
  <si>
    <t>BU17080002</t>
  </si>
  <si>
    <t>Steenwijk West</t>
  </si>
  <si>
    <t>2021BU17080002</t>
  </si>
  <si>
    <t>buurten.a2067625-585b-47a4-b0d5-92ad28007512</t>
  </si>
  <si>
    <t>BU17080003</t>
  </si>
  <si>
    <t>Steenwijkerdiep</t>
  </si>
  <si>
    <t>2021BU17080003</t>
  </si>
  <si>
    <t>buurten.14df389c-dbbc-467e-856a-e60da65ab232</t>
  </si>
  <si>
    <t>BU17080004</t>
  </si>
  <si>
    <t>Torenlanden</t>
  </si>
  <si>
    <t>2021BU17080004</t>
  </si>
  <si>
    <t>buurten.f520c08a-ebbb-46cc-afd0-cda6267bab67</t>
  </si>
  <si>
    <t>BU17080005</t>
  </si>
  <si>
    <t>Oostwijken, De Beitel</t>
  </si>
  <si>
    <t>2021BU17080005</t>
  </si>
  <si>
    <t>buurten.87fc7739-756b-451d-bc77-568686cfd53b</t>
  </si>
  <si>
    <t>BU17080006</t>
  </si>
  <si>
    <t>Clingenborgh</t>
  </si>
  <si>
    <t>2021BU17080006</t>
  </si>
  <si>
    <t>buurten.40b044b9-1120-4f3c-96bc-2824d8d20d64</t>
  </si>
  <si>
    <t>BU17080007</t>
  </si>
  <si>
    <t>Dolderkanaal</t>
  </si>
  <si>
    <t>2021BU17080007</t>
  </si>
  <si>
    <t>buurten.73e3fc4b-5545-48c9-b2c8-da591f497d60</t>
  </si>
  <si>
    <t>BU17080008</t>
  </si>
  <si>
    <t>Woldmeenthe</t>
  </si>
  <si>
    <t>2021BU17080008</t>
  </si>
  <si>
    <t>buurten.3a722880-5ad9-4d1c-a934-47cdddf8272a</t>
  </si>
  <si>
    <t>PL1708010001</t>
  </si>
  <si>
    <t>Voorwaarden:- Gebruik maken van gemakkelijk beschikbare en betrouwbare bronnen- Hoge bebouwingsdichtheid een voorwaarde voor warmtenet- Gebruik maken van bestaande groep actieve bewoners (buurtteam Energiek rondom de Middenweg)- In afstemming met inwoner</t>
  </si>
  <si>
    <t>Voor 2030 wijkuitvoeringsplan klaar hebben en te starten met maatregelen richting aardgasvrij in de wijk</t>
  </si>
  <si>
    <t>BU17080009</t>
  </si>
  <si>
    <t>Oostermeenthe</t>
  </si>
  <si>
    <t>2021BU17080009</t>
  </si>
  <si>
    <t>buurten.1fef1ae3-6a3e-4b68-8547-2ac29d7ba8e7</t>
  </si>
  <si>
    <t>BU17080010</t>
  </si>
  <si>
    <t>Meentherand</t>
  </si>
  <si>
    <t>2021BU17080010</t>
  </si>
  <si>
    <t>buurten.0417d39f-512d-4fed-b7f6-3b1b536e1c6b</t>
  </si>
  <si>
    <t>BU17080011</t>
  </si>
  <si>
    <t>Nieuwe gagels</t>
  </si>
  <si>
    <t>2021BU17080011</t>
  </si>
  <si>
    <t>buurten.f3bbf4df-1ae7-4b2b-8eae-a391376fac4a</t>
  </si>
  <si>
    <t>PL1708010002</t>
  </si>
  <si>
    <t>BU17080012</t>
  </si>
  <si>
    <t>De gagels</t>
  </si>
  <si>
    <t>2021BU17080012</t>
  </si>
  <si>
    <t>buurten.cbe75637-d75e-47a2-987c-1afe63f96a10</t>
  </si>
  <si>
    <t>BU17080014</t>
  </si>
  <si>
    <t>Groot Verlaat</t>
  </si>
  <si>
    <t>2021BU17080014</t>
  </si>
  <si>
    <t>buurten.4398767c-755c-4c61-bcd1-cea12c41da14</t>
  </si>
  <si>
    <t>BU17080028</t>
  </si>
  <si>
    <t>Eeserwold</t>
  </si>
  <si>
    <t>2021BU17080028</t>
  </si>
  <si>
    <t>buurten.920a1357-39fe-4912-842c-4ea6881b7cd9</t>
  </si>
  <si>
    <t>PL1708010003</t>
  </si>
  <si>
    <t>Voorwaarden:- Gebruik maken van gemakkelijk beschikbare en betrouwbare bronnen- Gebruik maken van bestaande groep actieve bewoners (buurtteam Energiek rondom de Middenweg)- In afstemming met inwoners</t>
  </si>
  <si>
    <t>BU17080029</t>
  </si>
  <si>
    <t>Paddenpoel en Kornputkwartier</t>
  </si>
  <si>
    <t>2021BU17080029</t>
  </si>
  <si>
    <t>buurten.799490cc-a172-412c-9a38-1df27a4c3fe9</t>
  </si>
  <si>
    <t>BU17080030</t>
  </si>
  <si>
    <t>Buitengebied Steenwijk</t>
  </si>
  <si>
    <t>2021BU17080030</t>
  </si>
  <si>
    <t>buurten.a8e26c2d-eacc-4c6d-a1a0-26ccfd54eb0e</t>
  </si>
  <si>
    <t>BU17080200</t>
  </si>
  <si>
    <t>Oldemarkt</t>
  </si>
  <si>
    <t>WK170802</t>
  </si>
  <si>
    <t>2021BU17080200</t>
  </si>
  <si>
    <t>buurten.2e1076fd-33c3-4a81-86c0-0db18fbe7b87</t>
  </si>
  <si>
    <t>BU17080201</t>
  </si>
  <si>
    <t>De Boterberg</t>
  </si>
  <si>
    <t>2021BU17080201</t>
  </si>
  <si>
    <t>buurten.8447094d-a014-4733-ab7f-9da76682543e</t>
  </si>
  <si>
    <t>BU17080209</t>
  </si>
  <si>
    <t>Verspreide huizen Oldemarkt</t>
  </si>
  <si>
    <t>2021BU17080209</t>
  </si>
  <si>
    <t>buurten.9e5d943f-726a-4f45-af5f-6edfcc6ac000</t>
  </si>
  <si>
    <t>BU17080300</t>
  </si>
  <si>
    <t>Kalenberg</t>
  </si>
  <si>
    <t>WK170803</t>
  </si>
  <si>
    <t>2021BU17080300</t>
  </si>
  <si>
    <t>buurten.7d734001-5263-41ce-86ce-08d5faef38eb</t>
  </si>
  <si>
    <t>BU17080309</t>
  </si>
  <si>
    <t>Verspreide huizen Kalenberg</t>
  </si>
  <si>
    <t>2021BU17080309</t>
  </si>
  <si>
    <t>buurten.bb34ef79-9cb5-4a7d-bad8-cb10b04860ca</t>
  </si>
  <si>
    <t>BU17080400</t>
  </si>
  <si>
    <t>Kuinre</t>
  </si>
  <si>
    <t>WK170804</t>
  </si>
  <si>
    <t>2021BU17080400</t>
  </si>
  <si>
    <t>buurten.f448d82a-3578-4af2-9d44-09df04d03153</t>
  </si>
  <si>
    <t>BU17080408</t>
  </si>
  <si>
    <t>Verspreide huizen Lindedijk en Rondebroek</t>
  </si>
  <si>
    <t>2021BU17080408</t>
  </si>
  <si>
    <t>buurten.fcea2ad8-7ea2-4dbc-8ab9-bd355a36b224</t>
  </si>
  <si>
    <t>BU17080409</t>
  </si>
  <si>
    <t>Verspreide huizen Kuinre</t>
  </si>
  <si>
    <t>2021BU17080409</t>
  </si>
  <si>
    <t>buurten.3045cd5f-d620-4bd2-8426-b020ccb91b6c</t>
  </si>
  <si>
    <t>BU17080500</t>
  </si>
  <si>
    <t>WK170805</t>
  </si>
  <si>
    <t>2021BU17080500</t>
  </si>
  <si>
    <t>buurten.d634afa4-d0aa-45d2-8ff9-177298ddd85d</t>
  </si>
  <si>
    <t>BU17080501</t>
  </si>
  <si>
    <t>Dijkdorp Blankenham</t>
  </si>
  <si>
    <t>2021BU17080501</t>
  </si>
  <si>
    <t>buurten.5ffdf066-8dcd-4826-a1f8-7a8d09de8d59</t>
  </si>
  <si>
    <t>BU17080509</t>
  </si>
  <si>
    <t>Buitengebied Blankenham</t>
  </si>
  <si>
    <t>2021BU17080509</t>
  </si>
  <si>
    <t>buurten.537fe24a-1fba-483e-bea1-0ba355e350a8</t>
  </si>
  <si>
    <t>BU17080600</t>
  </si>
  <si>
    <t>Scheerwolde</t>
  </si>
  <si>
    <t>WK170806</t>
  </si>
  <si>
    <t>2021BU17080600</t>
  </si>
  <si>
    <t>buurten.8967bc8c-d82a-47f0-9d3c-876d41daac17</t>
  </si>
  <si>
    <t>BU17080608</t>
  </si>
  <si>
    <t>Verspreide huizen polder Gelderingen IJsselham</t>
  </si>
  <si>
    <t>2021BU17080608</t>
  </si>
  <si>
    <t>buurten.df3a0365-7799-41aa-9f89-a61029cddfbe</t>
  </si>
  <si>
    <t>BU17080609</t>
  </si>
  <si>
    <t>Verspreide huizen Scheerwolde en Wetering</t>
  </si>
  <si>
    <t>2021BU17080609</t>
  </si>
  <si>
    <t>buurten.a20998f1-9789-4d8d-9164-d313623dd853</t>
  </si>
  <si>
    <t>BU17080700</t>
  </si>
  <si>
    <t>WK170807</t>
  </si>
  <si>
    <t>2021BU17080700</t>
  </si>
  <si>
    <t>buurten.71f8ae1a-baf2-4c31-8bca-b62aafcee2b0</t>
  </si>
  <si>
    <t>BU17080701</t>
  </si>
  <si>
    <t>Moespot-Leeuwte</t>
  </si>
  <si>
    <t>2021BU17080701</t>
  </si>
  <si>
    <t>buurten.61a64dda-dda1-4553-91ea-d07ec5319cb6</t>
  </si>
  <si>
    <t>BU17080702</t>
  </si>
  <si>
    <t>Schaarkampen</t>
  </si>
  <si>
    <t>2021BU17080702</t>
  </si>
  <si>
    <t>buurten.0d61a9f6-d824-49d8-86b3-599c39cf6736</t>
  </si>
  <si>
    <t>BU17080709</t>
  </si>
  <si>
    <t>Verspreide huizen Vollenhove</t>
  </si>
  <si>
    <t>2021BU17080709</t>
  </si>
  <si>
    <t>buurten.882cfbea-ed7f-4694-a9f5-c750226e27bd</t>
  </si>
  <si>
    <t>BU17080800</t>
  </si>
  <si>
    <t>Sint Jansklooster</t>
  </si>
  <si>
    <t>WK170808</t>
  </si>
  <si>
    <t>2021BU17080800</t>
  </si>
  <si>
    <t>buurten.c354a037-70ab-4e24-b9d1-f7cc2ce76866</t>
  </si>
  <si>
    <t>BU17080808</t>
  </si>
  <si>
    <t>Verspreide huizen Sint Jansklooster</t>
  </si>
  <si>
    <t>2021BU17080808</t>
  </si>
  <si>
    <t>buurten.c0a1b740-40ae-4e58-a020-0d8b14794e9f</t>
  </si>
  <si>
    <t>BU17080809</t>
  </si>
  <si>
    <t>Verspreide huizen Leeuwte (gedeeltelijk)</t>
  </si>
  <si>
    <t>2021BU17080809</t>
  </si>
  <si>
    <t>buurten.61ff5909-b153-4a2b-a774-4efdc46c1a08</t>
  </si>
  <si>
    <t>BU17080810</t>
  </si>
  <si>
    <t>Tussen Sint Jans Klooster en Heetveld</t>
  </si>
  <si>
    <t>2021BU17080810</t>
  </si>
  <si>
    <t>buurten.a0999b9f-755c-44f4-b06f-62e504741e1b</t>
  </si>
  <si>
    <t>BU17080811</t>
  </si>
  <si>
    <t>Heetveld</t>
  </si>
  <si>
    <t>2021BU17080811</t>
  </si>
  <si>
    <t>buurten.89b785af-a018-4935-b001-da014d443784</t>
  </si>
  <si>
    <t>BU17080812</t>
  </si>
  <si>
    <t>Verspreide huizen Kadoelen en omgeving</t>
  </si>
  <si>
    <t>2021BU17080812</t>
  </si>
  <si>
    <t>buurten.11554d95-f20d-49ad-8e13-b7e85131c50f</t>
  </si>
  <si>
    <t>BU17080813</t>
  </si>
  <si>
    <t>Verspreide huizen Barsbeek</t>
  </si>
  <si>
    <t>2021BU17080813</t>
  </si>
  <si>
    <t>buurten.0f9a6b36-59a1-4a50-b0c7-20972f61e7fd</t>
  </si>
  <si>
    <t>BU17081000</t>
  </si>
  <si>
    <t>Belt-Schutsloot</t>
  </si>
  <si>
    <t>WK170810</t>
  </si>
  <si>
    <t>2021BU17081000</t>
  </si>
  <si>
    <t>buurten.0a0726b1-2934-4fef-8fd9-45f51897d85a</t>
  </si>
  <si>
    <t>BU17081001</t>
  </si>
  <si>
    <t>Buitengebied Belt Schutsloot</t>
  </si>
  <si>
    <t>2021BU17081001</t>
  </si>
  <si>
    <t>buurten.62c8545d-f171-42fe-890b-5cbf86857eb6</t>
  </si>
  <si>
    <t>BU17081100</t>
  </si>
  <si>
    <t>Wanneperveen</t>
  </si>
  <si>
    <t>WK170811</t>
  </si>
  <si>
    <t>2021BU17081100</t>
  </si>
  <si>
    <t>buurten.8b257b98-b42b-4c14-a12d-ee99d85ea504</t>
  </si>
  <si>
    <t>BU17081102</t>
  </si>
  <si>
    <t>Blauwehand</t>
  </si>
  <si>
    <t>2021BU17081102</t>
  </si>
  <si>
    <t>buurten.a887c9ea-09f2-4939-9efc-4108cf9fbe2e</t>
  </si>
  <si>
    <t>BU17081103</t>
  </si>
  <si>
    <t>Buitengebied Wanneperveen</t>
  </si>
  <si>
    <t>2021BU17081103</t>
  </si>
  <si>
    <t>buurten.aa962e21-9a6f-44f8-b412-7108a59ee803</t>
  </si>
  <si>
    <t>BU17081104</t>
  </si>
  <si>
    <t>Ronduite</t>
  </si>
  <si>
    <t>2021BU17081104</t>
  </si>
  <si>
    <t>buurten.a46a4114-41e9-4028-a0c2-468568352733</t>
  </si>
  <si>
    <t>BU17081105</t>
  </si>
  <si>
    <t>Dinxterveen</t>
  </si>
  <si>
    <t>2021BU17081105</t>
  </si>
  <si>
    <t>buurten.c70c29af-d629-4c78-ae89-d5a21dbcd0ab</t>
  </si>
  <si>
    <t>BU17081106</t>
  </si>
  <si>
    <t>Roekebos</t>
  </si>
  <si>
    <t>2021BU17081106</t>
  </si>
  <si>
    <t>buurten.5511228b-7b40-4fb8-acd9-a29a034a59f8</t>
  </si>
  <si>
    <t>BU17081107</t>
  </si>
  <si>
    <t>Klosse</t>
  </si>
  <si>
    <t>2021BU17081107</t>
  </si>
  <si>
    <t>buurten.19b7c205-74d2-4167-a21e-b17a9e0832b2</t>
  </si>
  <si>
    <t>BU17081108</t>
  </si>
  <si>
    <t>Verspreide huizen Zomerdijk</t>
  </si>
  <si>
    <t>2021BU17081108</t>
  </si>
  <si>
    <t>buurten.64a016a8-801d-4d9c-b0de-5068744799dd</t>
  </si>
  <si>
    <t>BU17081600</t>
  </si>
  <si>
    <t>Blokzijl</t>
  </si>
  <si>
    <t>WK170816</t>
  </si>
  <si>
    <t>2021BU17081600</t>
  </si>
  <si>
    <t>buurten.af292e1c-2bf9-4676-b255-752034fc1047</t>
  </si>
  <si>
    <t>BU17081601</t>
  </si>
  <si>
    <t>Scheepsdiep</t>
  </si>
  <si>
    <t>2021BU17081601</t>
  </si>
  <si>
    <t>buurten.7f2fb0ee-c369-4e2e-9436-dc9b1840004b</t>
  </si>
  <si>
    <t>BU17081608</t>
  </si>
  <si>
    <t>Verspreide huizen ten noorden van Blokzijl</t>
  </si>
  <si>
    <t>2021BU17081608</t>
  </si>
  <si>
    <t>buurten.5d327b63-7d06-4f38-92ca-75e7feb1605b</t>
  </si>
  <si>
    <t>BU17081609</t>
  </si>
  <si>
    <t>Verspreide huizen ten zuiden van Blokzijl</t>
  </si>
  <si>
    <t>2021BU17081609</t>
  </si>
  <si>
    <t>buurten.047e0de1-a8c7-49c8-8c9b-010dff14c25f</t>
  </si>
  <si>
    <t>BU17081700</t>
  </si>
  <si>
    <t>Verspreide huizen polder Halfweg</t>
  </si>
  <si>
    <t>WK170817</t>
  </si>
  <si>
    <t>2021BU17081700</t>
  </si>
  <si>
    <t>buurten.c4ece179-677f-4c1a-85f4-1cc22a759565</t>
  </si>
  <si>
    <t>BU17081701</t>
  </si>
  <si>
    <t>Verspreide huizen Giethoorn-Noord</t>
  </si>
  <si>
    <t>2021BU17081701</t>
  </si>
  <si>
    <t>buurten.514c45c7-c3c6-4c1c-8002-4996fbd5a6de</t>
  </si>
  <si>
    <t>BU17081702</t>
  </si>
  <si>
    <t>Overig Giethoorn-Noord</t>
  </si>
  <si>
    <t>2021BU17081702</t>
  </si>
  <si>
    <t>buurten.de95a2b2-041a-4bee-b2f4-574446e9ce45</t>
  </si>
  <si>
    <t>BU17081703</t>
  </si>
  <si>
    <t>Giethoorn-Noord kern</t>
  </si>
  <si>
    <t>2021BU17081703</t>
  </si>
  <si>
    <t>buurten.bfe5f921-5dc2-40be-b659-be83622bec38</t>
  </si>
  <si>
    <t>BU17081704</t>
  </si>
  <si>
    <t>Giethoorn-Zuid</t>
  </si>
  <si>
    <t>2021BU17081704</t>
  </si>
  <si>
    <t>buurten.427e383b-42cd-44d3-8361-6c1b5f99394b</t>
  </si>
  <si>
    <t>BU17081705</t>
  </si>
  <si>
    <t>Verspreide huizen polder Giethoorn-Zuid</t>
  </si>
  <si>
    <t>2021BU17081705</t>
  </si>
  <si>
    <t>buurten.46868eb9-bf96-45f1-b3de-420958acd8a5</t>
  </si>
  <si>
    <t>BU17081706</t>
  </si>
  <si>
    <t>Dwarsgracht</t>
  </si>
  <si>
    <t>2021BU17081706</t>
  </si>
  <si>
    <t>buurten.8499bb30-5128-4180-aec2-85ca3e6c8daa</t>
  </si>
  <si>
    <t>BU17081707</t>
  </si>
  <si>
    <t>Verspreide huizen Jonen</t>
  </si>
  <si>
    <t>2021BU17081707</t>
  </si>
  <si>
    <t>buurten.4e567298-fb4c-476e-a5b4-8dd11aee9c1b</t>
  </si>
  <si>
    <t>BU17081800</t>
  </si>
  <si>
    <t>Zuidveen</t>
  </si>
  <si>
    <t>WK170818</t>
  </si>
  <si>
    <t>2021BU17081800</t>
  </si>
  <si>
    <t>buurten.322b8f10-1a50-4e43-b70b-9b7635d1eef2</t>
  </si>
  <si>
    <t>BU17081801</t>
  </si>
  <si>
    <t>Buitengebied Zuidveen</t>
  </si>
  <si>
    <t>2021BU17081801</t>
  </si>
  <si>
    <t>buurten.0dc7a68b-21e6-48d5-bf0d-0fb20d7cc0b7</t>
  </si>
  <si>
    <t>BU17081900</t>
  </si>
  <si>
    <t>Onna</t>
  </si>
  <si>
    <t>WK170819</t>
  </si>
  <si>
    <t>2021BU17081900</t>
  </si>
  <si>
    <t>buurten.a53feb4f-c218-4b1d-85a2-cbd1b671e51e</t>
  </si>
  <si>
    <t>BU17081901</t>
  </si>
  <si>
    <t>Buitengebied Onna</t>
  </si>
  <si>
    <t>2021BU17081901</t>
  </si>
  <si>
    <t>buurten.91b4b4db-bafb-41e8-87ea-d711454c7811</t>
  </si>
  <si>
    <t>BU17082000</t>
  </si>
  <si>
    <t>Kallenkote</t>
  </si>
  <si>
    <t>WK170820</t>
  </si>
  <si>
    <t>2021BU17082000</t>
  </si>
  <si>
    <t>buurten.27ac486d-cbd7-4109-b9ce-bb5c9b8f0db6</t>
  </si>
  <si>
    <t>BU17082001</t>
  </si>
  <si>
    <t>Buitengebied Kallenkote</t>
  </si>
  <si>
    <t>2021BU17082001</t>
  </si>
  <si>
    <t>buurten.fda45dc4-15f2-46dd-97a7-c93cca5baa8b</t>
  </si>
  <si>
    <t>BU17082100</t>
  </si>
  <si>
    <t>Eesveen</t>
  </si>
  <si>
    <t>WK170821</t>
  </si>
  <si>
    <t>2021BU17082100</t>
  </si>
  <si>
    <t>buurten.18df9944-b935-40d6-9c3d-631fee4c3fed</t>
  </si>
  <si>
    <t>BU17082101</t>
  </si>
  <si>
    <t>Buitengebied Eesveen</t>
  </si>
  <si>
    <t>2021BU17082101</t>
  </si>
  <si>
    <t>buurten.d5e950c2-0421-4de3-abac-0152e6a1b69e</t>
  </si>
  <si>
    <t>BU17082200</t>
  </si>
  <si>
    <t>De Bult</t>
  </si>
  <si>
    <t>WK170822</t>
  </si>
  <si>
    <t>2021BU17082200</t>
  </si>
  <si>
    <t>buurten.5be8ea03-fd97-401f-88bd-b585d916fe9c</t>
  </si>
  <si>
    <t>BU17082300</t>
  </si>
  <si>
    <t>Baars</t>
  </si>
  <si>
    <t>WK170823</t>
  </si>
  <si>
    <t>2021BU17082300</t>
  </si>
  <si>
    <t>buurten.3cb70048-f52a-4842-8855-9237a40e4a1a</t>
  </si>
  <si>
    <t>BU17082400</t>
  </si>
  <si>
    <t>Witte Paarden</t>
  </si>
  <si>
    <t>WK170824</t>
  </si>
  <si>
    <t>2021BU17082400</t>
  </si>
  <si>
    <t>buurten.a91b6e27-3917-4336-8d56-6ba66708ded1</t>
  </si>
  <si>
    <t>BU17082401</t>
  </si>
  <si>
    <t>Buitengebied Witte Paarden</t>
  </si>
  <si>
    <t>2021BU17082401</t>
  </si>
  <si>
    <t>buurten.6a7c32db-0144-49b0-8aa8-4a460aa5444f</t>
  </si>
  <si>
    <t>BU17082500</t>
  </si>
  <si>
    <t>WK170825</t>
  </si>
  <si>
    <t>2021BU17082500</t>
  </si>
  <si>
    <t>buurten.dc700b39-f1c1-4734-99cc-8f7995ec4c73</t>
  </si>
  <si>
    <t>BU17082600</t>
  </si>
  <si>
    <t>WK170826</t>
  </si>
  <si>
    <t>2021BU17082600</t>
  </si>
  <si>
    <t>buurten.cce62490-58c2-404e-b31c-da7fab988f3c</t>
  </si>
  <si>
    <t>BU17082601</t>
  </si>
  <si>
    <t>Buitengebied Willemsoord</t>
  </si>
  <si>
    <t>2021BU17082601</t>
  </si>
  <si>
    <t>buurten.263a9420-7160-420e-8a2d-f9f5f7074870</t>
  </si>
  <si>
    <t>BU17082700</t>
  </si>
  <si>
    <t>Marijenkampen</t>
  </si>
  <si>
    <t>WK170827</t>
  </si>
  <si>
    <t>2021BU17082700</t>
  </si>
  <si>
    <t>buurten.1e4d4581-c7c9-4a60-a995-ba4d94635ee8</t>
  </si>
  <si>
    <t>BU17082800</t>
  </si>
  <si>
    <t>Tuk</t>
  </si>
  <si>
    <t>WK170828</t>
  </si>
  <si>
    <t>2021BU17082800</t>
  </si>
  <si>
    <t>buurten.aa43b6f5-a585-4dde-88a3-f9aeff46efdd</t>
  </si>
  <si>
    <t>BU17082801</t>
  </si>
  <si>
    <t>Buitengebied Tuk</t>
  </si>
  <si>
    <t>2021BU17082801</t>
  </si>
  <si>
    <t>buurten.7639ea6d-5f84-4824-9052-89fe7fd2199c</t>
  </si>
  <si>
    <t>BU17082900</t>
  </si>
  <si>
    <t>Steenwijkerwold</t>
  </si>
  <si>
    <t>WK170829</t>
  </si>
  <si>
    <t>2021BU17082900</t>
  </si>
  <si>
    <t>buurten.8a44aa2b-e9a7-42da-9ec0-426dd72a7427</t>
  </si>
  <si>
    <t>BU17082901</t>
  </si>
  <si>
    <t>Buitengebied Steenwijkerwold</t>
  </si>
  <si>
    <t>2021BU17082901</t>
  </si>
  <si>
    <t>buurten.3691a372-3cf4-4692-8fc7-221ae4b10078</t>
  </si>
  <si>
    <t>BU17083000</t>
  </si>
  <si>
    <t>Basse</t>
  </si>
  <si>
    <t>WK170830</t>
  </si>
  <si>
    <t>2021BU17083000</t>
  </si>
  <si>
    <t>buurten.9d61ee72-3d43-422a-928f-c16c4ca192fd</t>
  </si>
  <si>
    <t>BU17083001</t>
  </si>
  <si>
    <t>Buitengebied Basse</t>
  </si>
  <si>
    <t>2021BU17083001</t>
  </si>
  <si>
    <t>buurten.2298ed92-65c5-4856-a90c-781c89a67d38</t>
  </si>
  <si>
    <t>BU17083100</t>
  </si>
  <si>
    <t>Paasloo</t>
  </si>
  <si>
    <t>WK170831</t>
  </si>
  <si>
    <t>2021BU17083100</t>
  </si>
  <si>
    <t>buurten.34c8c4ad-894e-4118-aca1-42a9b8f4951e</t>
  </si>
  <si>
    <t>BU17083200</t>
  </si>
  <si>
    <t>IJsselham</t>
  </si>
  <si>
    <t>WK170832</t>
  </si>
  <si>
    <t>2021BU17083200</t>
  </si>
  <si>
    <t>buurten.6ce4d510-3623-458c-bfe1-0f191dc507db</t>
  </si>
  <si>
    <t>BU17083300</t>
  </si>
  <si>
    <t>Ossenzijl</t>
  </si>
  <si>
    <t>WK170833</t>
  </si>
  <si>
    <t>2021BU17083300</t>
  </si>
  <si>
    <t>buurten.7f05927a-d525-4683-802d-a0e02e15118c</t>
  </si>
  <si>
    <t>BU17083301</t>
  </si>
  <si>
    <t>Buitengebied Ossenzijl</t>
  </si>
  <si>
    <t>2021BU17083301</t>
  </si>
  <si>
    <t>buurten.395c5019-4cc0-4d44-96c1-ba7711d66a0a</t>
  </si>
  <si>
    <t>BU17083400</t>
  </si>
  <si>
    <t>WK170834</t>
  </si>
  <si>
    <t>2021BU17083400</t>
  </si>
  <si>
    <t>buurten.86d2adf5-bf6a-4f89-a67f-a5f7a6a59bcc</t>
  </si>
  <si>
    <t>BU17083401</t>
  </si>
  <si>
    <t>Buitengebied Wetering</t>
  </si>
  <si>
    <t>2021BU17083401</t>
  </si>
  <si>
    <t>buurten.cbe8f013-3a78-4040-85a9-85f89bb1a3bc</t>
  </si>
  <si>
    <t>BU17083500</t>
  </si>
  <si>
    <t>Nederland</t>
  </si>
  <si>
    <t>WK170835</t>
  </si>
  <si>
    <t>2021BU17083500</t>
  </si>
  <si>
    <t>buurten.7488d284-7cb7-45eb-9b02-b4557de91128</t>
  </si>
  <si>
    <t>BU17083600</t>
  </si>
  <si>
    <t>Baarlo</t>
  </si>
  <si>
    <t>WK170836</t>
  </si>
  <si>
    <t>2021BU17083600</t>
  </si>
  <si>
    <t>buurten.69b2c154-ff8c-4e89-84fb-f4b90fcb7f07</t>
  </si>
  <si>
    <t>BU17090000</t>
  </si>
  <si>
    <t>WK170900</t>
  </si>
  <si>
    <t>2021BU17090000</t>
  </si>
  <si>
    <t>buurten.1f05101c-90c9-4d63-b172-44da81762a63</t>
  </si>
  <si>
    <t>PL1709010004</t>
  </si>
  <si>
    <t>Zevenbergen, Zevenbergschenhoek, Moerdijk, Klundert + bedrijventerreinen Zevenbergen en haven/industrie Moerdijk</t>
  </si>
  <si>
    <t>Afronding eerste verkenning in 2023.</t>
  </si>
  <si>
    <t>Start onderzoek afhankelijk van draagvlak</t>
  </si>
  <si>
    <t>Verkenningsgebieden aardgasvrij:Verkenning isolatie en aardgasvrije alternatieven samen met inwoners, bedrijven en organisaties, onder regie gemeente. Als uit het onderzoek komt dat een warmtenet niet haalbaarblijkt, gaan we verder met de uitvoering rich</t>
  </si>
  <si>
    <t>WKO zou mogelijkheid kunnen zijn. In Zevenbergen ook aquathermie</t>
  </si>
  <si>
    <t>BU17090001</t>
  </si>
  <si>
    <t>Torenveld</t>
  </si>
  <si>
    <t>2021BU17090001</t>
  </si>
  <si>
    <t>buurten.2971116d-b065-4839-b683-e63a6e33ea06</t>
  </si>
  <si>
    <t>Zevenbergen, Fijnaart, Standdaarbuiten</t>
  </si>
  <si>
    <t>Samenwerkingsgebieden kleine collectieve kansen:Informeren, bij elkaar brengen inwoners en/of facilitering</t>
  </si>
  <si>
    <t>BU17090002</t>
  </si>
  <si>
    <t>Krooswijk</t>
  </si>
  <si>
    <t>2021BU17090002</t>
  </si>
  <si>
    <t>buurten.bf4776df-687d-4435-92f7-bfed59a6d3ae</t>
  </si>
  <si>
    <t>BU17090003</t>
  </si>
  <si>
    <t>Bosselaar</t>
  </si>
  <si>
    <t>2021BU17090003</t>
  </si>
  <si>
    <t>buurten.1ce8134e-1233-46d5-b294-f9de7e45af66</t>
  </si>
  <si>
    <t>BU17090004</t>
  </si>
  <si>
    <t>Lindonk</t>
  </si>
  <si>
    <t>2021BU17090004</t>
  </si>
  <si>
    <t>buurten.679625b3-4170-4b7c-af52-35eb4d69c731</t>
  </si>
  <si>
    <t>BU17090005</t>
  </si>
  <si>
    <t>Schansdijk en omgeving</t>
  </si>
  <si>
    <t>2021BU17090005</t>
  </si>
  <si>
    <t>buurten.105e1bf5-fcc5-48fc-8a6e-8be7cde63b88</t>
  </si>
  <si>
    <t>BU17090006</t>
  </si>
  <si>
    <t>Zwanengat en omgeving</t>
  </si>
  <si>
    <t>2021BU17090006</t>
  </si>
  <si>
    <t>buurten.552eff44-d0c2-4ad3-8fd5-5424e2446d20</t>
  </si>
  <si>
    <t>BU17090008</t>
  </si>
  <si>
    <t>Verspreide huizen ten westen van Zevenbergen</t>
  </si>
  <si>
    <t>2021BU17090008</t>
  </si>
  <si>
    <t>buurten.936a1ea6-535e-4379-bdb8-881f9fdc1c62</t>
  </si>
  <si>
    <t>BU17090009</t>
  </si>
  <si>
    <t>Verspreide huizen ten oosten van Zevenbergen</t>
  </si>
  <si>
    <t>2021BU17090009</t>
  </si>
  <si>
    <t>buurten.96bca8ed-a83e-40c1-851d-76c52c2361c4</t>
  </si>
  <si>
    <t>BU17090100</t>
  </si>
  <si>
    <t>Zevenbergschen Hoek</t>
  </si>
  <si>
    <t>WK170901</t>
  </si>
  <si>
    <t>2021BU17090100</t>
  </si>
  <si>
    <t>buurten.f9892b8f-24d3-485d-a35c-06663ac39e00</t>
  </si>
  <si>
    <t>BU17090109</t>
  </si>
  <si>
    <t>Verspreide huizen Zevenbergschen Hoek</t>
  </si>
  <si>
    <t>2021BU17090109</t>
  </si>
  <si>
    <t>buurten.eb1ed096-c3fe-49eb-8383-9e14b59c9baf</t>
  </si>
  <si>
    <t>BU17090200</t>
  </si>
  <si>
    <t>WK170902</t>
  </si>
  <si>
    <t>2021BU17090200</t>
  </si>
  <si>
    <t>buurten.9ef92952-5a89-455e-b64f-663ce92419ee</t>
  </si>
  <si>
    <t>BU17090209</t>
  </si>
  <si>
    <t>Verspreide huizen Langeweg</t>
  </si>
  <si>
    <t>2021BU17090209</t>
  </si>
  <si>
    <t>buurten.2c50aefc-8207-4a87-96fe-223bb85e19ab</t>
  </si>
  <si>
    <t>BU17090300</t>
  </si>
  <si>
    <t>Klundert</t>
  </si>
  <si>
    <t>WK170903</t>
  </si>
  <si>
    <t>2021BU17090300</t>
  </si>
  <si>
    <t>buurten.7901c3d5-2280-4057-8079-aefb902183ea</t>
  </si>
  <si>
    <t>BU17090301</t>
  </si>
  <si>
    <t>Noordschans</t>
  </si>
  <si>
    <t>2021BU17090301</t>
  </si>
  <si>
    <t>buurten.2997cdde-1c33-4814-ad77-fb2c696689c1</t>
  </si>
  <si>
    <t>BU17090302</t>
  </si>
  <si>
    <t>Tonnekreek</t>
  </si>
  <si>
    <t>2021BU17090302</t>
  </si>
  <si>
    <t>buurten.a241a297-f9d8-457a-97ef-cc7a1ef48dea</t>
  </si>
  <si>
    <t>BU17090303</t>
  </si>
  <si>
    <t>Industrieterrein Moerdijk</t>
  </si>
  <si>
    <t>2021BU17090303</t>
  </si>
  <si>
    <t>buurten.b774cf73-f873-417f-98e6-e4e6ae82d966</t>
  </si>
  <si>
    <t>BU17090309</t>
  </si>
  <si>
    <t>Verspreide huizen Klundert</t>
  </si>
  <si>
    <t>2021BU17090309</t>
  </si>
  <si>
    <t>buurten.85023439-a929-4e60-ac53-768330ce5b9a</t>
  </si>
  <si>
    <t>BU17090400</t>
  </si>
  <si>
    <t>WK170904</t>
  </si>
  <si>
    <t>2021BU17090400</t>
  </si>
  <si>
    <t>buurten.9e48f3b9-122d-4b28-8e32-8ef9a4cf9994</t>
  </si>
  <si>
    <t>BU17090401</t>
  </si>
  <si>
    <t>Roodevaart</t>
  </si>
  <si>
    <t>2021BU17090401</t>
  </si>
  <si>
    <t>buurten.d60de4eb-75b1-44ff-af32-3d01b5007e84</t>
  </si>
  <si>
    <t>BU17090409</t>
  </si>
  <si>
    <t>Verspreide huizen Moerdijk</t>
  </si>
  <si>
    <t>2021BU17090409</t>
  </si>
  <si>
    <t>buurten.68f5aaca-3c2b-4b23-acb2-bb7106d1bd2c</t>
  </si>
  <si>
    <t>BU17090500</t>
  </si>
  <si>
    <t>Noordhoek</t>
  </si>
  <si>
    <t>WK170905</t>
  </si>
  <si>
    <t>2021BU17090500</t>
  </si>
  <si>
    <t>buurten.e7855f9d-0d81-4de4-9777-4c248c89ef44</t>
  </si>
  <si>
    <t>BU17090509</t>
  </si>
  <si>
    <t>Verspreide huizen Noordhoek</t>
  </si>
  <si>
    <t>2021BU17090509</t>
  </si>
  <si>
    <t>buurten.b232e8af-2a7f-41e4-887a-7e3d39413f43</t>
  </si>
  <si>
    <t>BU17090600</t>
  </si>
  <si>
    <t>Standdaarbuiten</t>
  </si>
  <si>
    <t>WK170906</t>
  </si>
  <si>
    <t>2021BU17090600</t>
  </si>
  <si>
    <t>buurten.391cc34a-0a98-45a3-a1a9-0b9319cbe0d3</t>
  </si>
  <si>
    <t>PL1655010027</t>
  </si>
  <si>
    <t>BU17090601</t>
  </si>
  <si>
    <t>Kreek</t>
  </si>
  <si>
    <t>2021BU17090601</t>
  </si>
  <si>
    <t>buurten.93e88267-38e1-4d9a-a9d4-d0f5970e07af</t>
  </si>
  <si>
    <t>BU17090609</t>
  </si>
  <si>
    <t>Verspreide huizen Standdaarbuiten</t>
  </si>
  <si>
    <t>2021BU17090609</t>
  </si>
  <si>
    <t>buurten.23c1fbcf-2422-41c2-9ab0-a05a0d56c507</t>
  </si>
  <si>
    <t>BU17090700</t>
  </si>
  <si>
    <t>Fijnaart</t>
  </si>
  <si>
    <t>WK170907</t>
  </si>
  <si>
    <t>2021BU17090700</t>
  </si>
  <si>
    <t>buurten.dbb86128-4f26-495e-9856-8426c71e83c2</t>
  </si>
  <si>
    <t>BU17090701</t>
  </si>
  <si>
    <t>Oudemolen</t>
  </si>
  <si>
    <t>2021BU17090701</t>
  </si>
  <si>
    <t>buurten.6fa178e5-838f-4d99-b9f7-e5b63039658f</t>
  </si>
  <si>
    <t>BU17090702</t>
  </si>
  <si>
    <t>Nieuwemolen met Driehoek</t>
  </si>
  <si>
    <t>2021BU17090702</t>
  </si>
  <si>
    <t>buurten.44baa6a5-241b-471f-9df8-ad711b63853f</t>
  </si>
  <si>
    <t>BU17090703</t>
  </si>
  <si>
    <t>Zwingelspaan</t>
  </si>
  <si>
    <t>2021BU17090703</t>
  </si>
  <si>
    <t>buurten.4123823b-5c50-4016-922c-af1c1fe7ab48</t>
  </si>
  <si>
    <t>BU17090709</t>
  </si>
  <si>
    <t>Verspreide huizen Fijnaart</t>
  </si>
  <si>
    <t>2021BU17090709</t>
  </si>
  <si>
    <t>buurten.07df5d6a-9679-4bd8-b8ad-093733ab8396</t>
  </si>
  <si>
    <t>BU17090800</t>
  </si>
  <si>
    <t>Heijningen</t>
  </si>
  <si>
    <t>WK170908</t>
  </si>
  <si>
    <t>2021BU17090800</t>
  </si>
  <si>
    <t>buurten.d9fbe5c8-aa86-4564-8148-204d6bf7b5e5</t>
  </si>
  <si>
    <t>BU17090809</t>
  </si>
  <si>
    <t>Verspreide huizen Heijningen</t>
  </si>
  <si>
    <t>2021BU17090809</t>
  </si>
  <si>
    <t>buurten.80070efd-4b80-4ff9-8e3f-0f028b228f37</t>
  </si>
  <si>
    <t>BU17090900</t>
  </si>
  <si>
    <t>Willemstad</t>
  </si>
  <si>
    <t>WK170909</t>
  </si>
  <si>
    <t>2021BU17090900</t>
  </si>
  <si>
    <t>buurten.efdb76fd-4aef-4302-abc1-7c5d4d3682b8</t>
  </si>
  <si>
    <t>PL1709010002</t>
  </si>
  <si>
    <t>Willemstad, Klundert, Helwijk</t>
  </si>
  <si>
    <t>Samenwerkingsgebieden isolatie:Doelgroep- of gebiedsgerichte stimulering van isolatie</t>
  </si>
  <si>
    <t>BU17090901</t>
  </si>
  <si>
    <t>Noordlangeweg</t>
  </si>
  <si>
    <t>2021BU17090901</t>
  </si>
  <si>
    <t>buurten.1d9e1d56-8b37-440c-a939-86bdb2986b55</t>
  </si>
  <si>
    <t>BU17090902</t>
  </si>
  <si>
    <t>Kloosterblokje</t>
  </si>
  <si>
    <t>2021BU17090902</t>
  </si>
  <si>
    <t>buurten.6f28c82c-4e1d-4aec-b266-13041ded8233</t>
  </si>
  <si>
    <t>BU17090909</t>
  </si>
  <si>
    <t>Verspreide huizen Willemstad</t>
  </si>
  <si>
    <t>2021BU17090909</t>
  </si>
  <si>
    <t>buurten.189c4159-4572-4f06-933d-e984f7e8aab1</t>
  </si>
  <si>
    <t>BU17091000</t>
  </si>
  <si>
    <t>Helwijk</t>
  </si>
  <si>
    <t>WK170910</t>
  </si>
  <si>
    <t>2021BU17091000</t>
  </si>
  <si>
    <t>buurten.0febc74c-fc7e-4be9-85e3-e5e3584b5656</t>
  </si>
  <si>
    <t>BU17091009</t>
  </si>
  <si>
    <t>Verspreide huizen Helwijk</t>
  </si>
  <si>
    <t>2021BU17091009</t>
  </si>
  <si>
    <t>buurten.5fefe0b0-cc05-4217-b764-245964e2e3ba</t>
  </si>
  <si>
    <t>BU17110101</t>
  </si>
  <si>
    <t>Baakhoven</t>
  </si>
  <si>
    <t>WK171101</t>
  </si>
  <si>
    <t>GM1711</t>
  </si>
  <si>
    <t>Echt-Susteren</t>
  </si>
  <si>
    <t>2021BU17110101</t>
  </si>
  <si>
    <t>buurten.39a4b60a-91f6-4df1-af03-709aa0d5d7e4</t>
  </si>
  <si>
    <t>BU17110102</t>
  </si>
  <si>
    <t>In de Mehre</t>
  </si>
  <si>
    <t>2021BU17110102</t>
  </si>
  <si>
    <t>buurten.869c756b-936b-4bfd-91ef-7574aafdf40e</t>
  </si>
  <si>
    <t>DC171101</t>
  </si>
  <si>
    <t>Transitievisie Warmte Gemeente Echt-Susteren 2022-2030 Concept 1.0</t>
  </si>
  <si>
    <t>2021-10-06</t>
  </si>
  <si>
    <t>[1] tot 2030 wil de gemeente niemand verplichten van het aardgas af te gaan; [2] de investeringen in de warmtetransitie moeten terugverdiend kunnen worden; [3] waar koppelkansen en kansen voor laaghangend fruit zijn gaat de gemeente nu al aan de slag</t>
  </si>
  <si>
    <t>De gemeente wil als regisseur van de warmtetransitie inzetten op bewustwording, communicatie en participatie. Dit gaat men onder meer doen d.m.v. het opstarten en onderhouden van een website (incl. een adviesfunctie op woningniveau), een energieloket, he</t>
  </si>
  <si>
    <t>Voor 2030 is het streven in ieder geval 20% CO2-uitstootreductie t.o.v. 2021 in gemeentelijk uitstoot door een combinatie van het aardgasvrij maken van woningen d.m.v. de inzet van warmte-alternatieven en door het inzetten op isolatie en energiebesparing</t>
  </si>
  <si>
    <t>https://echt-susteren.raadsinformatie.nl/vergadering/917961#ai_6353508</t>
  </si>
  <si>
    <t>PL1711010002</t>
  </si>
  <si>
    <t>Het opstarten van een pilotbuurt voor de individuele elektrische warmtepomp in de wijk In de Mehre</t>
  </si>
  <si>
    <t>BU17110103</t>
  </si>
  <si>
    <t>Mariaveld</t>
  </si>
  <si>
    <t>2021BU17110103</t>
  </si>
  <si>
    <t>buurten.415dd1fe-0077-4dca-a0d6-b246476d91ba</t>
  </si>
  <si>
    <t>BU17110104</t>
  </si>
  <si>
    <t>Middelveld</t>
  </si>
  <si>
    <t>2021BU17110104</t>
  </si>
  <si>
    <t>buurten.e70405f1-fa46-4c32-a686-03c5be4c133e</t>
  </si>
  <si>
    <t>BU17110105</t>
  </si>
  <si>
    <t>Munsterveld</t>
  </si>
  <si>
    <t>2021BU17110105</t>
  </si>
  <si>
    <t>buurten.704079a3-e1d7-4f10-afbc-c4d7a2407025</t>
  </si>
  <si>
    <t>BU17110106</t>
  </si>
  <si>
    <t>Susteren Centrum</t>
  </si>
  <si>
    <t>2021BU17110106</t>
  </si>
  <si>
    <t>buurten.6a1f9887-7ad6-4d61-bf99-4bd3549b73bb</t>
  </si>
  <si>
    <t>BU17110107</t>
  </si>
  <si>
    <t>Verspreide huizen Susteren</t>
  </si>
  <si>
    <t>2021BU17110107</t>
  </si>
  <si>
    <t>buurten.81d47245-96fe-4b1c-b584-7610622bba0b</t>
  </si>
  <si>
    <t>BU17110108</t>
  </si>
  <si>
    <t>Wolfskoul</t>
  </si>
  <si>
    <t>2021BU17110108</t>
  </si>
  <si>
    <t>buurten.e22a0a12-aee9-414a-b966-d6c81b1d89d3</t>
  </si>
  <si>
    <t>BU17110153</t>
  </si>
  <si>
    <t>Handelsterrein</t>
  </si>
  <si>
    <t>2021BU17110153</t>
  </si>
  <si>
    <t>buurten.58663586-473f-468d-862a-839cde09c25c</t>
  </si>
  <si>
    <t>BU17110209</t>
  </si>
  <si>
    <t>Dieteren</t>
  </si>
  <si>
    <t>WK171102</t>
  </si>
  <si>
    <t>2021BU17110209</t>
  </si>
  <si>
    <t>buurten.5307d931-5140-4104-9d3b-ed71df8608e5</t>
  </si>
  <si>
    <t>BU17110210</t>
  </si>
  <si>
    <t>Verspreide huizen Dieteren</t>
  </si>
  <si>
    <t>2021BU17110210</t>
  </si>
  <si>
    <t>buurten.b878b75d-ce84-49e7-9dca-cac1c9419faa</t>
  </si>
  <si>
    <t>BU17110311</t>
  </si>
  <si>
    <t>WK171103</t>
  </si>
  <si>
    <t>2021BU17110311</t>
  </si>
  <si>
    <t>buurten.d8f47c8d-5c58-48eb-805c-3f672a8fd4ea</t>
  </si>
  <si>
    <t>BU17110312</t>
  </si>
  <si>
    <t>Recreatiepark Hommelheide</t>
  </si>
  <si>
    <t>2021BU17110312</t>
  </si>
  <si>
    <t>buurten.5f37c297-e4e3-4f4b-b9b2-53184a9c4efb</t>
  </si>
  <si>
    <t>BU17110313</t>
  </si>
  <si>
    <t>Verspreide huizen Heide</t>
  </si>
  <si>
    <t>2021BU17110313</t>
  </si>
  <si>
    <t>buurten.7a28e348-38de-4357-af8d-c0d04ba3885e</t>
  </si>
  <si>
    <t>BU17110414</t>
  </si>
  <si>
    <t>Illikhoven en Visserweert</t>
  </si>
  <si>
    <t>WK171104</t>
  </si>
  <si>
    <t>2021BU17110414</t>
  </si>
  <si>
    <t>buurten.386669d3-82de-4898-87eb-5d06481c2d34</t>
  </si>
  <si>
    <t>BU17110415</t>
  </si>
  <si>
    <t>Kokkelert</t>
  </si>
  <si>
    <t>2021BU17110415</t>
  </si>
  <si>
    <t>buurten.8b988e3b-1110-4d6d-88d8-f840ce6eb397</t>
  </si>
  <si>
    <t>BU17110416</t>
  </si>
  <si>
    <t>Oud-Roosteren</t>
  </si>
  <si>
    <t>2021BU17110416</t>
  </si>
  <si>
    <t>buurten.66805214-8083-4f74-8ba9-57710794692e</t>
  </si>
  <si>
    <t>BU17110417</t>
  </si>
  <si>
    <t>Roosteren</t>
  </si>
  <si>
    <t>2021BU17110417</t>
  </si>
  <si>
    <t>buurten.c573f326-f7cf-48e5-8484-76d4a0332505</t>
  </si>
  <si>
    <t>BU17110418</t>
  </si>
  <si>
    <t>Verspreide huizen Illikhoven en Visserweert</t>
  </si>
  <si>
    <t>2021BU17110418</t>
  </si>
  <si>
    <t>buurten.0604cf48-68ba-4f97-8575-ee3416694491</t>
  </si>
  <si>
    <t>BU17110419</t>
  </si>
  <si>
    <t>Verspreide huizen Roosteren</t>
  </si>
  <si>
    <t>2021BU17110419</t>
  </si>
  <si>
    <t>buurten.221affa3-fd3a-4958-a940-bd4005384939</t>
  </si>
  <si>
    <t>BU17110456</t>
  </si>
  <si>
    <t>Buitengebied Oud-Roosteren</t>
  </si>
  <si>
    <t>2021BU17110456</t>
  </si>
  <si>
    <t>buurten.7285eaa3-1d0f-41a8-805b-79ceada97acd</t>
  </si>
  <si>
    <t>BU17110520</t>
  </si>
  <si>
    <t>Aasterberg</t>
  </si>
  <si>
    <t>WK171105</t>
  </si>
  <si>
    <t>2021BU17110520</t>
  </si>
  <si>
    <t>buurten.5741412a-914c-4366-9a06-af2feefcb45e</t>
  </si>
  <si>
    <t>BU17110521</t>
  </si>
  <si>
    <t>Berkelaar</t>
  </si>
  <si>
    <t>2021BU17110521</t>
  </si>
  <si>
    <t>buurten.9b8b4e8b-1c9f-4b83-a903-b56702491513</t>
  </si>
  <si>
    <t>BU17110522</t>
  </si>
  <si>
    <t>De Berk</t>
  </si>
  <si>
    <t>2021BU17110522</t>
  </si>
  <si>
    <t>buurten.b37555c5-3e73-4e70-b874-82cfdc5c70a7</t>
  </si>
  <si>
    <t>BU17110523</t>
  </si>
  <si>
    <t>De Loop</t>
  </si>
  <si>
    <t>2021BU17110523</t>
  </si>
  <si>
    <t>buurten.4405eb49-d612-4d04-896d-b2340059b4ff</t>
  </si>
  <si>
    <t>BU17110524</t>
  </si>
  <si>
    <t>Echt Centrum</t>
  </si>
  <si>
    <t>2021BU17110524</t>
  </si>
  <si>
    <t>buurten.b6c38d35-8dbf-4926-a0ff-2e82a606bbff</t>
  </si>
  <si>
    <t>BU17110525</t>
  </si>
  <si>
    <t>Echt Noord</t>
  </si>
  <si>
    <t>2021BU17110525</t>
  </si>
  <si>
    <t>buurten.3aca27c6-9c05-4c3c-a003-8d34e3415632</t>
  </si>
  <si>
    <t>BU17110526</t>
  </si>
  <si>
    <t>Gebroek</t>
  </si>
  <si>
    <t>2021BU17110526</t>
  </si>
  <si>
    <t>buurten.46862bd9-80c3-4185-bd43-bf1492614c56</t>
  </si>
  <si>
    <t>BU17110527</t>
  </si>
  <si>
    <t>Ophoven</t>
  </si>
  <si>
    <t>2021BU17110527</t>
  </si>
  <si>
    <t>buurten.603e6bd8-0b48-4f0b-8d4c-b2a1bdb950f6</t>
  </si>
  <si>
    <t>BU17110528</t>
  </si>
  <si>
    <t>Businesspark Midden-Limburg</t>
  </si>
  <si>
    <t>2021BU17110528</t>
  </si>
  <si>
    <t>buurten.d44ae508-414c-47c4-b45a-576c12f6b78f</t>
  </si>
  <si>
    <t>BU17110547</t>
  </si>
  <si>
    <t>Buitengebied de Berk</t>
  </si>
  <si>
    <t>2021BU17110547</t>
  </si>
  <si>
    <t>buurten.eab40a3d-c841-4c3b-a020-505b9ea953a6</t>
  </si>
  <si>
    <t>BU17110548</t>
  </si>
  <si>
    <t>Buitengebied de Loop</t>
  </si>
  <si>
    <t>2021BU17110548</t>
  </si>
  <si>
    <t>buurten.18ee39d3-34ee-4b6a-a61b-4990aff0a754</t>
  </si>
  <si>
    <t>BU17110549</t>
  </si>
  <si>
    <t>Buitengebied Gebroek</t>
  </si>
  <si>
    <t>2021BU17110549</t>
  </si>
  <si>
    <t>buurten.8ed94923-8bc8-4425-9b6f-8b36e7f1dadc</t>
  </si>
  <si>
    <t>BU17110551</t>
  </si>
  <si>
    <t>Buitengebied Ophoven</t>
  </si>
  <si>
    <t>2021BU17110551</t>
  </si>
  <si>
    <t>buurten.832311e9-13cb-4094-8a4e-a5017a48ea25</t>
  </si>
  <si>
    <t>BU17110554</t>
  </si>
  <si>
    <t>Buitengebied Berkelaar</t>
  </si>
  <si>
    <t>2021BU17110554</t>
  </si>
  <si>
    <t>buurten.c1578ca1-99aa-4626-8ae6-809035394348</t>
  </si>
  <si>
    <t>BU17110555</t>
  </si>
  <si>
    <t>Buitengebied Aasterberg</t>
  </si>
  <si>
    <t>2021BU17110555</t>
  </si>
  <si>
    <t>buurten.f0784b9c-cf44-4b2c-99c1-b55c808b4fb8</t>
  </si>
  <si>
    <t>BU17110628</t>
  </si>
  <si>
    <t>Diergaarde</t>
  </si>
  <si>
    <t>WK171106</t>
  </si>
  <si>
    <t>2021BU17110628</t>
  </si>
  <si>
    <t>buurten.ddc93068-4239-4052-aad2-f824f7c1179b</t>
  </si>
  <si>
    <t>BU17110629</t>
  </si>
  <si>
    <t>Echterbosch</t>
  </si>
  <si>
    <t>2021BU17110629</t>
  </si>
  <si>
    <t>buurten.189d8c7c-f9b4-48ab-bf81-fdeb600e7bf7</t>
  </si>
  <si>
    <t>BU17110630</t>
  </si>
  <si>
    <t>Maria Hoop</t>
  </si>
  <si>
    <t>2021BU17110630</t>
  </si>
  <si>
    <t>buurten.0a162132-6b37-4c7a-831e-f1682d5f0f7d</t>
  </si>
  <si>
    <t>BU17110731</t>
  </si>
  <si>
    <t>Hingen</t>
  </si>
  <si>
    <t>WK171107</t>
  </si>
  <si>
    <t>2021BU17110731</t>
  </si>
  <si>
    <t>buurten.d5044a7a-711a-4e4a-be65-d797e8d52a2b</t>
  </si>
  <si>
    <t>BU17110732</t>
  </si>
  <si>
    <t>Peij</t>
  </si>
  <si>
    <t>2021BU17110732</t>
  </si>
  <si>
    <t>buurten.985e8b52-6d4a-4141-8475-74299449ad49</t>
  </si>
  <si>
    <t>BU17110733</t>
  </si>
  <si>
    <t>Peijerveld</t>
  </si>
  <si>
    <t>2021BU17110733</t>
  </si>
  <si>
    <t>buurten.8888936c-c71f-447a-a2d3-360a649dd52c</t>
  </si>
  <si>
    <t>BU17110734</t>
  </si>
  <si>
    <t>Recreatiepark Marisheem</t>
  </si>
  <si>
    <t>2021BU17110734</t>
  </si>
  <si>
    <t>buurten.b966a8c6-ae67-4e26-ba20-dc9af5dcfc2b</t>
  </si>
  <si>
    <t>BU17110735</t>
  </si>
  <si>
    <t>Schilberg</t>
  </si>
  <si>
    <t>2021BU17110735</t>
  </si>
  <si>
    <t>buurten.38bea8d7-9c45-4886-a115-96a6c732bf78</t>
  </si>
  <si>
    <t>BU17110750</t>
  </si>
  <si>
    <t>Buitengebied Hingen</t>
  </si>
  <si>
    <t>2021BU17110750</t>
  </si>
  <si>
    <t>buurten.ceeb204b-b1b7-458d-8e50-b933c0310e06</t>
  </si>
  <si>
    <t>BU17110836</t>
  </si>
  <si>
    <t>Liboscherveld</t>
  </si>
  <si>
    <t>WK171108</t>
  </si>
  <si>
    <t>2021BU17110836</t>
  </si>
  <si>
    <t>buurten.1a5e22c2-6ee0-4ca1-8839-a2644de6d6dc</t>
  </si>
  <si>
    <t>BU17110837</t>
  </si>
  <si>
    <t>Slek</t>
  </si>
  <si>
    <t>2021BU17110837</t>
  </si>
  <si>
    <t>buurten.f834ac7f-a220-4e02-a875-5bf0ce4fe698</t>
  </si>
  <si>
    <t>BU17110938</t>
  </si>
  <si>
    <t>Verspreide huizen Nieuwstadt</t>
  </si>
  <si>
    <t>WK171109</t>
  </si>
  <si>
    <t>2021BU17110938</t>
  </si>
  <si>
    <t>buurten.d5e56ef0-38dd-4b87-88cf-ac8c4164fa10</t>
  </si>
  <si>
    <t>PL1711010001</t>
  </si>
  <si>
    <t>Het opstarten van een pilotbuurt voor isolatie en de hybride warmtepomp in de wijk Cristina (mogelijk met PAW-subsidie)</t>
  </si>
  <si>
    <t>BU17110939</t>
  </si>
  <si>
    <t>Nieuwstadt Centrum</t>
  </si>
  <si>
    <t>2021BU17110939</t>
  </si>
  <si>
    <t>buurten.58f4ea46-3d35-4319-83e4-81fcacc5c42a</t>
  </si>
  <si>
    <t>BU17110940</t>
  </si>
  <si>
    <t>Cristina</t>
  </si>
  <si>
    <t>2021BU17110940</t>
  </si>
  <si>
    <t>buurten.d35c52f1-d763-4c19-a251-f61a73331b0b</t>
  </si>
  <si>
    <t>BU17111041</t>
  </si>
  <si>
    <t>Sint Joost</t>
  </si>
  <si>
    <t>WK171110</t>
  </si>
  <si>
    <t>2021BU17111041</t>
  </si>
  <si>
    <t>buurten.a401a4c7-e22f-4f2c-b404-960401eb4dc7</t>
  </si>
  <si>
    <t>BU17111042</t>
  </si>
  <si>
    <t>Verspreide Huizen Sint Joost</t>
  </si>
  <si>
    <t>2021BU17111042</t>
  </si>
  <si>
    <t>buurten.c1eecde5-755a-41bd-9189-74d62bf2e4ef</t>
  </si>
  <si>
    <t>BU17111143</t>
  </si>
  <si>
    <t>Koningsbosch</t>
  </si>
  <si>
    <t>WK171111</t>
  </si>
  <si>
    <t>2021BU17111143</t>
  </si>
  <si>
    <t>buurten.3982fb62-07f2-468c-984d-62e1d5387b27</t>
  </si>
  <si>
    <t>BU17111144</t>
  </si>
  <si>
    <t>Lackerbosch</t>
  </si>
  <si>
    <t>2021BU17111144</t>
  </si>
  <si>
    <t>buurten.ef460376-23f0-4b6e-8193-9fea01153f21</t>
  </si>
  <si>
    <t>BU17111145</t>
  </si>
  <si>
    <t>Spaanshuisken</t>
  </si>
  <si>
    <t>2021BU17111145</t>
  </si>
  <si>
    <t>buurten.00d49ef8-712d-4add-b079-537351606157</t>
  </si>
  <si>
    <t>BU17111146</t>
  </si>
  <si>
    <t>Aan het Echterbos</t>
  </si>
  <si>
    <t>2021BU17111146</t>
  </si>
  <si>
    <t>buurten.ff2c1d59-72e4-44b6-b63c-08eda7454059</t>
  </si>
  <si>
    <t>BU17111152</t>
  </si>
  <si>
    <t>Buitengebied Spaanshuisken</t>
  </si>
  <si>
    <t>2021BU17111152</t>
  </si>
  <si>
    <t>buurten.eb02fa24-2fe9-49bb-af50-fe7bdc64aff8</t>
  </si>
  <si>
    <t>BU17140000</t>
  </si>
  <si>
    <t>WK171400</t>
  </si>
  <si>
    <t>2021BU17140000</t>
  </si>
  <si>
    <t>buurten.135dbbef-cb7e-47a6-af37-336c6d4d35b7</t>
  </si>
  <si>
    <t>BU17140001</t>
  </si>
  <si>
    <t>Sint Anna ter Muiden</t>
  </si>
  <si>
    <t>2021BU17140001</t>
  </si>
  <si>
    <t>buurten.ee5474d2-b3df-4225-9411-3a5374150482</t>
  </si>
  <si>
    <t>BU17140009</t>
  </si>
  <si>
    <t>Verspreide huizen Sluis</t>
  </si>
  <si>
    <t>2021BU17140009</t>
  </si>
  <si>
    <t>buurten.6e14fa85-80d9-4c51-af6a-ee2eba581f7f</t>
  </si>
  <si>
    <t>BU17140100</t>
  </si>
  <si>
    <t>Retranchement</t>
  </si>
  <si>
    <t>WK171401</t>
  </si>
  <si>
    <t>2021BU17140100</t>
  </si>
  <si>
    <t>buurten.ce627730-2411-42bb-8017-e099c45166da</t>
  </si>
  <si>
    <t>BU17140109</t>
  </si>
  <si>
    <t>Verspreide huizen Retranchement</t>
  </si>
  <si>
    <t>2021BU17140109</t>
  </si>
  <si>
    <t>buurten.929b176b-7c44-40df-b38b-e454579a7d68</t>
  </si>
  <si>
    <t>BU17140200</t>
  </si>
  <si>
    <t>Aardenburg</t>
  </si>
  <si>
    <t>WK171402</t>
  </si>
  <si>
    <t>2021BU17140200</t>
  </si>
  <si>
    <t>buurten.9f8a00b1-8b56-447b-b343-05a382f35bf3</t>
  </si>
  <si>
    <t>BU17140209</t>
  </si>
  <si>
    <t>Verspreide huizen Aardenburg</t>
  </si>
  <si>
    <t>2021BU17140209</t>
  </si>
  <si>
    <t>buurten.ab5d9161-6996-44b4-bdb4-6349583b0468</t>
  </si>
  <si>
    <t>BU17140300</t>
  </si>
  <si>
    <t>Eede</t>
  </si>
  <si>
    <t>WK171403</t>
  </si>
  <si>
    <t>2021BU17140300</t>
  </si>
  <si>
    <t>buurten.250f580c-3967-4928-9183-b4fbf1bdb4d3</t>
  </si>
  <si>
    <t>BU17140309</t>
  </si>
  <si>
    <t>Verspreide huizen Eede</t>
  </si>
  <si>
    <t>2021BU17140309</t>
  </si>
  <si>
    <t>buurten.dd9cc757-f88e-4c9f-8326-efef47c2fafb</t>
  </si>
  <si>
    <t>BU17140400</t>
  </si>
  <si>
    <t>Sint Kruis</t>
  </si>
  <si>
    <t>WK171404</t>
  </si>
  <si>
    <t>2021BU17140400</t>
  </si>
  <si>
    <t>buurten.322a5282-7fcb-476e-8931-b8ace49e7ad7</t>
  </si>
  <si>
    <t>BU17140409</t>
  </si>
  <si>
    <t>Verspreide huizen Sint Kruis</t>
  </si>
  <si>
    <t>2021BU17140409</t>
  </si>
  <si>
    <t>buurten.ea669d3a-fefc-42e4-8cb2-8e0ea2bfc0a7</t>
  </si>
  <si>
    <t>BU17140500</t>
  </si>
  <si>
    <t>Oostburg</t>
  </si>
  <si>
    <t>WK171405</t>
  </si>
  <si>
    <t>2021BU17140500</t>
  </si>
  <si>
    <t>buurten.cdfc36f0-0b80-45f0-bf4b-1139d4143749</t>
  </si>
  <si>
    <t>BU17140509</t>
  </si>
  <si>
    <t>Verspreide huizen Oostburg</t>
  </si>
  <si>
    <t>2021BU17140509</t>
  </si>
  <si>
    <t>buurten.91c5f1f1-27a3-4af5-833b-bc360796d06b</t>
  </si>
  <si>
    <t>BU17140600</t>
  </si>
  <si>
    <t>Zuidzande</t>
  </si>
  <si>
    <t>WK171406</t>
  </si>
  <si>
    <t>2021BU17140600</t>
  </si>
  <si>
    <t>buurten.9b5d8301-ce63-4b88-8a01-b73bd57b8942</t>
  </si>
  <si>
    <t>BU17140609</t>
  </si>
  <si>
    <t>Verspreide huizen Zuidzande</t>
  </si>
  <si>
    <t>2021BU17140609</t>
  </si>
  <si>
    <t>buurten.0cb6f998-e752-4550-b9f0-da039b626f31</t>
  </si>
  <si>
    <t>BU17140700</t>
  </si>
  <si>
    <t>Cadzand</t>
  </si>
  <si>
    <t>WK171407</t>
  </si>
  <si>
    <t>2021BU17140700</t>
  </si>
  <si>
    <t>buurten.77b43525-1138-4882-88a9-b87af44d4ce3</t>
  </si>
  <si>
    <t>BU17140701</t>
  </si>
  <si>
    <t>Cadzand-Bad</t>
  </si>
  <si>
    <t>2021BU17140701</t>
  </si>
  <si>
    <t>buurten.b5ba1492-63f7-446b-aa75-4ebd448cfeab</t>
  </si>
  <si>
    <t>BU17140709</t>
  </si>
  <si>
    <t>Verspreide huizen Cadzand</t>
  </si>
  <si>
    <t>2021BU17140709</t>
  </si>
  <si>
    <t>buurten.95232051-b11f-4fe7-91b1-e150aefab1fe</t>
  </si>
  <si>
    <t>BU17140800</t>
  </si>
  <si>
    <t>Nieuwvliet</t>
  </si>
  <si>
    <t>WK171408</t>
  </si>
  <si>
    <t>2021BU17140800</t>
  </si>
  <si>
    <t>buurten.af703a87-b0e8-4a05-9167-0513cd519e5d</t>
  </si>
  <si>
    <t>BU17140801</t>
  </si>
  <si>
    <t>Nieuwvliet-Bad-Oost en -West</t>
  </si>
  <si>
    <t>2021BU17140801</t>
  </si>
  <si>
    <t>buurten.da9e3eb6-3b68-41f4-af32-d9c4ffb88b94</t>
  </si>
  <si>
    <t>BU17140809</t>
  </si>
  <si>
    <t>Verspreide huizen Nieuwvliet</t>
  </si>
  <si>
    <t>2021BU17140809</t>
  </si>
  <si>
    <t>buurten.d43d5c4f-fce4-4560-8c11-3df210bea216</t>
  </si>
  <si>
    <t>BU17140900</t>
  </si>
  <si>
    <t>Groede</t>
  </si>
  <si>
    <t>WK171409</t>
  </si>
  <si>
    <t>2021BU17140900</t>
  </si>
  <si>
    <t>buurten.d554d67a-d395-457c-b16e-d07eab55996c</t>
  </si>
  <si>
    <t>BU17140909</t>
  </si>
  <si>
    <t>Verspreide huizen Groede</t>
  </si>
  <si>
    <t>2021BU17140909</t>
  </si>
  <si>
    <t>buurten.cd88f8c3-95c4-4928-bd92-94c66b1db96e</t>
  </si>
  <si>
    <t>BU17141000</t>
  </si>
  <si>
    <t>Breskens</t>
  </si>
  <si>
    <t>WK171410</t>
  </si>
  <si>
    <t>2021BU17141000</t>
  </si>
  <si>
    <t>buurten.5b5f5c9a-5445-49e8-8155-9cfb901e83a7</t>
  </si>
  <si>
    <t>PL1714010003</t>
  </si>
  <si>
    <t>Breskens en Ijzendijke</t>
  </si>
  <si>
    <t>BU17141009</t>
  </si>
  <si>
    <t>Verspreide huizen Breskens</t>
  </si>
  <si>
    <t>2021BU17141009</t>
  </si>
  <si>
    <t>buurten.7b234abd-8588-4cff-bfaa-6b5c7bb2f299</t>
  </si>
  <si>
    <t>BU17141100</t>
  </si>
  <si>
    <t>Hoofdplaat</t>
  </si>
  <si>
    <t>WK171411</t>
  </si>
  <si>
    <t>2021BU17141100</t>
  </si>
  <si>
    <t>buurten.160fae36-c589-4c29-81db-aaaebac089db</t>
  </si>
  <si>
    <t>BU17141101</t>
  </si>
  <si>
    <t>Nummer Eén en omgeving</t>
  </si>
  <si>
    <t>2021BU17141101</t>
  </si>
  <si>
    <t>buurten.744da52b-bb95-4ab1-a44d-f264fcc955fd</t>
  </si>
  <si>
    <t>BU17141108</t>
  </si>
  <si>
    <t>Verspreide huizen Nummer Eén en Slijkplaat</t>
  </si>
  <si>
    <t>2021BU17141108</t>
  </si>
  <si>
    <t>buurten.b2a33c99-d49e-44e6-bd5a-b472df7a0843</t>
  </si>
  <si>
    <t>BU17141109</t>
  </si>
  <si>
    <t>Overige verspreide huizen Hoofdplaat</t>
  </si>
  <si>
    <t>2021BU17141109</t>
  </si>
  <si>
    <t>buurten.6c260e65-d6aa-4892-85bd-fd0fd11eab78</t>
  </si>
  <si>
    <t>BU17141200</t>
  </si>
  <si>
    <t>IJzendijke</t>
  </si>
  <si>
    <t>WK171412</t>
  </si>
  <si>
    <t>2021BU17141200</t>
  </si>
  <si>
    <t>buurten.18863ae8-001a-41c0-8b52-acbc7867def1</t>
  </si>
  <si>
    <t>BU17141209</t>
  </si>
  <si>
    <t>Verspreide huizen IJzendijke</t>
  </si>
  <si>
    <t>2021BU17141209</t>
  </si>
  <si>
    <t>buurten.4bd22873-5052-48c1-847d-4552faaa0b92</t>
  </si>
  <si>
    <t>BU17141300</t>
  </si>
  <si>
    <t>Schoondijke</t>
  </si>
  <si>
    <t>WK171413</t>
  </si>
  <si>
    <t>2021BU17141300</t>
  </si>
  <si>
    <t>buurten.03eb260e-c698-4a40-89c6-bb3e146ca100</t>
  </si>
  <si>
    <t>BU17141309</t>
  </si>
  <si>
    <t>Verspreide huizen Schoondijke</t>
  </si>
  <si>
    <t>2021BU17141309</t>
  </si>
  <si>
    <t>buurten.b652e9a6-2b83-4f4b-8fbc-24f67e81efa1</t>
  </si>
  <si>
    <t>BU17141400</t>
  </si>
  <si>
    <t>Waterlandkerkje</t>
  </si>
  <si>
    <t>WK171414</t>
  </si>
  <si>
    <t>2021BU17141400</t>
  </si>
  <si>
    <t>buurten.d73b1105-d5a9-491a-8617-1ac5cee00759</t>
  </si>
  <si>
    <t>BU17141409</t>
  </si>
  <si>
    <t>Verspreide huizen Waterlandkerkje</t>
  </si>
  <si>
    <t>2021BU17141409</t>
  </si>
  <si>
    <t>buurten.99148dc9-ea90-4f7a-beb4-9fd78a4aea47</t>
  </si>
  <si>
    <t>BU17190101</t>
  </si>
  <si>
    <t>Verspreide huizen Biesbosch</t>
  </si>
  <si>
    <t>WK171901</t>
  </si>
  <si>
    <t>2021BU17190101</t>
  </si>
  <si>
    <t>buurten.1eb50880-986b-4060-85f1-08ea1a50684b</t>
  </si>
  <si>
    <t>BU17190102</t>
  </si>
  <si>
    <t>Verspreide huizen Drimmelen</t>
  </si>
  <si>
    <t>2021BU17190102</t>
  </si>
  <si>
    <t>buurten.75c4d5bb-4e10-446f-b2a2-8cde0e189938</t>
  </si>
  <si>
    <t>BU17190103</t>
  </si>
  <si>
    <t>Drimmelen havens</t>
  </si>
  <si>
    <t>2021BU17190103</t>
  </si>
  <si>
    <t>buurten.84fa6470-4760-4c63-be5a-58f5a62c0b0f</t>
  </si>
  <si>
    <t>BU17190104</t>
  </si>
  <si>
    <t>Drimmelen Centrum</t>
  </si>
  <si>
    <t>2021BU17190104</t>
  </si>
  <si>
    <t>buurten.b884381e-c298-4fff-b2ab-053046035cd1</t>
  </si>
  <si>
    <t>PL1719010004</t>
  </si>
  <si>
    <t>Voldoende draagvlak, randvoorwaarden en uitgangspunten moeten nog worden opgehaald met inwoners, ondernemers en andere stakeholders</t>
  </si>
  <si>
    <t>BU17190201</t>
  </si>
  <si>
    <t>Verspreide huizen Made</t>
  </si>
  <si>
    <t>WK171902</t>
  </si>
  <si>
    <t>2021BU17190201</t>
  </si>
  <si>
    <t>buurten.85c689a2-894a-4d32-9dc0-90982b2c2478</t>
  </si>
  <si>
    <t>BU17190202</t>
  </si>
  <si>
    <t>Middelmade</t>
  </si>
  <si>
    <t>2021BU17190202</t>
  </si>
  <si>
    <t>buurten.f164b03d-88d7-4520-b317-58d565c543a2</t>
  </si>
  <si>
    <t>BU17190203</t>
  </si>
  <si>
    <t>Zilverberg</t>
  </si>
  <si>
    <t>2021BU17190203</t>
  </si>
  <si>
    <t>buurten.6dca2170-64cf-4f72-9e58-4e05879f7a0f</t>
  </si>
  <si>
    <t>BU17190204</t>
  </si>
  <si>
    <t>Hondenhei</t>
  </si>
  <si>
    <t>2021BU17190204</t>
  </si>
  <si>
    <t>buurten.518fd3a0-a982-4610-9530-5b286f89330e</t>
  </si>
  <si>
    <t>BU17190205</t>
  </si>
  <si>
    <t>Haasdijk</t>
  </si>
  <si>
    <t>2021BU17190205</t>
  </si>
  <si>
    <t>buurten.cb668c8f-47e9-4b67-a299-1323b3fea8bf</t>
  </si>
  <si>
    <t>BU17190206</t>
  </si>
  <si>
    <t>2021BU17190206</t>
  </si>
  <si>
    <t>buurten.6bc6b2d4-ff4f-4cd1-990d-b3ca13c60ec7</t>
  </si>
  <si>
    <t>BU17190207</t>
  </si>
  <si>
    <t>Stuivezand</t>
  </si>
  <si>
    <t>2021BU17190207</t>
  </si>
  <si>
    <t>buurten.5f30dded-4deb-4b27-8059-a25f22d37937</t>
  </si>
  <si>
    <t>BU17190208</t>
  </si>
  <si>
    <t>Vierendelen</t>
  </si>
  <si>
    <t>2021BU17190208</t>
  </si>
  <si>
    <t>buurten.d9daa8db-a955-40cc-803c-8ec904fd021e</t>
  </si>
  <si>
    <t>BU17190209</t>
  </si>
  <si>
    <t>2021BU17190209</t>
  </si>
  <si>
    <t>buurten.442de258-8813-492b-98de-4675bec23323</t>
  </si>
  <si>
    <t>BU17190210</t>
  </si>
  <si>
    <t>De Meede</t>
  </si>
  <si>
    <t>2021BU17190210</t>
  </si>
  <si>
    <t>buurten.9daac4f1-4041-4781-9041-adb26fdab1dc</t>
  </si>
  <si>
    <t>BU17190301</t>
  </si>
  <si>
    <t>Verspreide huizen Terheijden</t>
  </si>
  <si>
    <t>WK171903</t>
  </si>
  <si>
    <t>2021BU17190301</t>
  </si>
  <si>
    <t>buurten.5296ef3c-b296-4094-b767-1ea9dd4bd46c</t>
  </si>
  <si>
    <t>Terheijden (Kleine Schans; Zeggepolder-zuid en Molenpolder)</t>
  </si>
  <si>
    <t>Aansluiting bij warmtenet TEC; Voldoende draagvlak, randvoorwaarden en uitgangspunten moeten nog worden opgehaald met inwoners, ondernemers en andere stakeholders</t>
  </si>
  <si>
    <t>BU17190302</t>
  </si>
  <si>
    <t>Vaartkant</t>
  </si>
  <si>
    <t>2021BU17190302</t>
  </si>
  <si>
    <t>buurten.7b2e29c2-a28e-4f65-b6a5-497da55cf1a9</t>
  </si>
  <si>
    <t>BU17190303</t>
  </si>
  <si>
    <t>Terheijden centrum</t>
  </si>
  <si>
    <t>2021BU17190303</t>
  </si>
  <si>
    <t>buurten.b3360983-1945-4a01-96c9-9b860df30e9e</t>
  </si>
  <si>
    <t>PL1719010003</t>
  </si>
  <si>
    <t>Uitvoering (deels) gestart</t>
  </si>
  <si>
    <t>BU17190304</t>
  </si>
  <si>
    <t>Zeggepolder-oost</t>
  </si>
  <si>
    <t>2021BU17190304</t>
  </si>
  <si>
    <t>buurten.33e24201-bddf-4de3-8df5-50b7e7f6ed7b</t>
  </si>
  <si>
    <t>BU17190305</t>
  </si>
  <si>
    <t>Zeggepolder-zuid</t>
  </si>
  <si>
    <t>2021BU17190305</t>
  </si>
  <si>
    <t>buurten.e9b2ec3f-5afe-4e4d-a275-d5073e56f3a7</t>
  </si>
  <si>
    <t>BU17190306</t>
  </si>
  <si>
    <t>2021BU17190306</t>
  </si>
  <si>
    <t>buurten.2a265041-4c4f-4593-a864-5abb08ea028d</t>
  </si>
  <si>
    <t>BU17190307</t>
  </si>
  <si>
    <t>Molenpolder</t>
  </si>
  <si>
    <t>2021BU17190307</t>
  </si>
  <si>
    <t>buurten.bd913320-e519-4037-b072-9b454931d9a9</t>
  </si>
  <si>
    <t>BU17190308</t>
  </si>
  <si>
    <t>Kleine Schans</t>
  </si>
  <si>
    <t>2021BU17190308</t>
  </si>
  <si>
    <t>buurten.5750edbb-e290-4b58-a990-a766ad93d339</t>
  </si>
  <si>
    <t>BU17190309</t>
  </si>
  <si>
    <t>Terheijden noordwest</t>
  </si>
  <si>
    <t>2021BU17190309</t>
  </si>
  <si>
    <t>buurten.ede38a2f-dfc9-4b8b-aca2-4274febbf5eb</t>
  </si>
  <si>
    <t>BU17190401</t>
  </si>
  <si>
    <t>Verspreide huizen Wagenberg</t>
  </si>
  <si>
    <t>WK171904</t>
  </si>
  <si>
    <t>2021BU17190401</t>
  </si>
  <si>
    <t>buurten.f4c0f2be-e9d1-4fb1-b63a-bbc25a2fe05c</t>
  </si>
  <si>
    <t>BU17190402</t>
  </si>
  <si>
    <t>Wagenberg noordwest</t>
  </si>
  <si>
    <t>2021BU17190402</t>
  </si>
  <si>
    <t>buurten.33c7901f-e26c-444e-9118-35d4c52da209</t>
  </si>
  <si>
    <t>BU17190403</t>
  </si>
  <si>
    <t>Wagenberg zuidoost</t>
  </si>
  <si>
    <t>2021BU17190403</t>
  </si>
  <si>
    <t>buurten.8bd714da-ddaa-4199-a0e3-bd38cbcb0e74</t>
  </si>
  <si>
    <t>BU17190501</t>
  </si>
  <si>
    <t>Verspreide huizen Hooge Zwaluwe</t>
  </si>
  <si>
    <t>WK171905</t>
  </si>
  <si>
    <t>2021BU17190501</t>
  </si>
  <si>
    <t>buurten.3eb1884a-cb56-4150-84c3-78905a5b03a0</t>
  </si>
  <si>
    <t>PL1719010002</t>
  </si>
  <si>
    <t>De Heerlijkheid Hooge Zwaluwe</t>
  </si>
  <si>
    <t>BU17190502</t>
  </si>
  <si>
    <t>2021BU17190502</t>
  </si>
  <si>
    <t>buurten.492abd36-eaa3-46ba-8987-05d2f1d03cd5</t>
  </si>
  <si>
    <t>BU17190503</t>
  </si>
  <si>
    <t>Helkant</t>
  </si>
  <si>
    <t>2021BU17190503</t>
  </si>
  <si>
    <t>buurten.15f3792e-7ac0-4af5-9d1f-772bb9693cc8</t>
  </si>
  <si>
    <t>BU17190504</t>
  </si>
  <si>
    <t>2021BU17190504</t>
  </si>
  <si>
    <t>buurten.c679c36e-36ee-43f1-9b83-9383419fe6c2</t>
  </si>
  <si>
    <t>BU17190505</t>
  </si>
  <si>
    <t>De Langstraatspoorlijn</t>
  </si>
  <si>
    <t>2021BU17190505</t>
  </si>
  <si>
    <t>buurten.f83a41dc-3332-47e5-a414-cd87f17e75ac</t>
  </si>
  <si>
    <t>BU17190601</t>
  </si>
  <si>
    <t>Verspreide huizen Lage Zwaluwe</t>
  </si>
  <si>
    <t>WK171906</t>
  </si>
  <si>
    <t>2021BU17190601</t>
  </si>
  <si>
    <t>buurten.08a3eb1c-02a2-4ba4-930b-f57185cbf8b5</t>
  </si>
  <si>
    <t>BU17190602</t>
  </si>
  <si>
    <t>Kwistgeldpolder</t>
  </si>
  <si>
    <t>2021BU17190602</t>
  </si>
  <si>
    <t>buurten.5bd17dfa-d494-4de7-aefa-f98660871e41</t>
  </si>
  <si>
    <t>BU17190603</t>
  </si>
  <si>
    <t>Die Swaluw</t>
  </si>
  <si>
    <t>2021BU17190603</t>
  </si>
  <si>
    <t>buurten.45b4ab76-adb8-4bd0-9be7-abf9670f977b</t>
  </si>
  <si>
    <t>PL1719010001</t>
  </si>
  <si>
    <t>Lage Zwaluwe (Nieuwland; Grienden; De Heerlijkheid Lage Zwaluwe)</t>
  </si>
  <si>
    <t>BU17190604</t>
  </si>
  <si>
    <t>De Heerlijkheid Lage Zwaluwe</t>
  </si>
  <si>
    <t>2021BU17190604</t>
  </si>
  <si>
    <t>buurten.64f23818-d949-408a-97f0-f0ffd7e4383a</t>
  </si>
  <si>
    <t>BU17190605</t>
  </si>
  <si>
    <t>Blauwe Sluis</t>
  </si>
  <si>
    <t>2021BU17190605</t>
  </si>
  <si>
    <t>buurten.3e77e8e9-1245-4802-bd1f-5bcd7e1adaa6</t>
  </si>
  <si>
    <t>BU17190606</t>
  </si>
  <si>
    <t>Grienden</t>
  </si>
  <si>
    <t>2021BU17190606</t>
  </si>
  <si>
    <t>buurten.d6cb8102-85ed-47dc-90c7-5ce797077b6f</t>
  </si>
  <si>
    <t>BU17190607</t>
  </si>
  <si>
    <t>2021BU17190607</t>
  </si>
  <si>
    <t>buurten.bd38d35c-071c-4f75-8e84-ea5293b5e305</t>
  </si>
  <si>
    <t>BU17210101</t>
  </si>
  <si>
    <t>'t Dorp</t>
  </si>
  <si>
    <t>WK172101</t>
  </si>
  <si>
    <t>2021BU17210101</t>
  </si>
  <si>
    <t>buurten.dc95152c-04bb-42b2-9f13-0b36b15b699f</t>
  </si>
  <si>
    <t>PL1721010001</t>
  </si>
  <si>
    <t>Heesch (Oranjebuurt, Bekerbuurt en Wagnerplein)</t>
  </si>
  <si>
    <t>opstelling plan; Een buurtactieplan (BAP) wordt  opgesteld.</t>
  </si>
  <si>
    <t>Deze gebieden worden als pilot of blauwdruk gebruikt voor het opzetten van een strategie voor de rest van de gemeente. De buurten worden via een aanpak aardgasvrij of tenminste aardgasvrij-ready gemaakt.</t>
  </si>
  <si>
    <t>BU17210102</t>
  </si>
  <si>
    <t>2021BU17210102</t>
  </si>
  <si>
    <t>buurten.5a039b23-d4f1-4934-8c3f-fabda847b1b1</t>
  </si>
  <si>
    <t>BU17210103</t>
  </si>
  <si>
    <t>'t Vijfeiken</t>
  </si>
  <si>
    <t>2021BU17210103</t>
  </si>
  <si>
    <t>buurten.98a15935-abd3-4ff2-9aea-76ac1efeefa4</t>
  </si>
  <si>
    <t>BU17210104</t>
  </si>
  <si>
    <t>Schoonstraat</t>
  </si>
  <si>
    <t>2021BU17210104</t>
  </si>
  <si>
    <t>buurten.4819d030-d017-4550-b056-fa31e97075af</t>
  </si>
  <si>
    <t>BU17210105</t>
  </si>
  <si>
    <t>Kennedystraat</t>
  </si>
  <si>
    <t>2021BU17210105</t>
  </si>
  <si>
    <t>buurten.f2033903-8348-4152-bd7c-5a89b52eac1c</t>
  </si>
  <si>
    <t>BU17210106</t>
  </si>
  <si>
    <t>Den Berg</t>
  </si>
  <si>
    <t>2021BU17210106</t>
  </si>
  <si>
    <t>buurten.9214b43e-61ab-41e2-8b19-7c6e70bef7b5</t>
  </si>
  <si>
    <t>BU17210107</t>
  </si>
  <si>
    <t>Heelwijk</t>
  </si>
  <si>
    <t>2021BU17210107</t>
  </si>
  <si>
    <t>buurten.c8a4a54e-b0ce-4564-aa71-59d6521c5b92</t>
  </si>
  <si>
    <t>BU17210108</t>
  </si>
  <si>
    <t>2021BU17210108</t>
  </si>
  <si>
    <t>buurten.8f9671ed-a66f-4278-8d76-b46fe6fd6e74</t>
  </si>
  <si>
    <t>BU17210109</t>
  </si>
  <si>
    <t>Monseigneur van Den Hurklaan</t>
  </si>
  <si>
    <t>2021BU17210109</t>
  </si>
  <si>
    <t>buurten.1103ab68-8210-4984-bcae-d67e9ecfce9e</t>
  </si>
  <si>
    <t>BU17210110</t>
  </si>
  <si>
    <t>Buitenpas - Noordrand</t>
  </si>
  <si>
    <t>2021BU17210110</t>
  </si>
  <si>
    <t>buurten.1a9d0c5d-fef4-4ba8-aed0-fc14ea18280e</t>
  </si>
  <si>
    <t>BU17210111</t>
  </si>
  <si>
    <t>De Velft</t>
  </si>
  <si>
    <t>2021BU17210111</t>
  </si>
  <si>
    <t>buurten.387bd2b7-c49e-4471-b507-b210eff6ee9c</t>
  </si>
  <si>
    <t>BU17210112</t>
  </si>
  <si>
    <t>Bekerbuurt</t>
  </si>
  <si>
    <t>2021BU17210112</t>
  </si>
  <si>
    <t>buurten.114917a0-052a-42a5-8934-c46376f3a9a4</t>
  </si>
  <si>
    <t>BU17210113</t>
  </si>
  <si>
    <t>Wagnerplein</t>
  </si>
  <si>
    <t>2021BU17210113</t>
  </si>
  <si>
    <t>buurten.77d9c2c8-1c68-4eff-8294-1ce9fb9ecb21</t>
  </si>
  <si>
    <t>BU17210114</t>
  </si>
  <si>
    <t>Het Rul</t>
  </si>
  <si>
    <t>2021BU17210114</t>
  </si>
  <si>
    <t>buurten.a2b0f327-3630-4dea-8d99-6dd53784d4cb</t>
  </si>
  <si>
    <t>BU17210115</t>
  </si>
  <si>
    <t>De Zeis</t>
  </si>
  <si>
    <t>2021BU17210115</t>
  </si>
  <si>
    <t>buurten.7949e5a4-6fb0-45aa-8956-6e1c6e5a2f64</t>
  </si>
  <si>
    <t>BU17210116</t>
  </si>
  <si>
    <t>Graanbuurt</t>
  </si>
  <si>
    <t>2021BU17210116</t>
  </si>
  <si>
    <t>buurten.74766a81-7aa2-41c7-9f04-21b54fd8100a</t>
  </si>
  <si>
    <t>BU17210117</t>
  </si>
  <si>
    <t>De Hoef 1</t>
  </si>
  <si>
    <t>2021BU17210117</t>
  </si>
  <si>
    <t>buurten.9be34874-2a6d-4a03-ac89-e8a6338a6eb2</t>
  </si>
  <si>
    <t>BU17210118</t>
  </si>
  <si>
    <t>De Hoef 2</t>
  </si>
  <si>
    <t>2021BU17210118</t>
  </si>
  <si>
    <t>buurten.685dd9ac-7990-40da-91bd-ce7bd29e1979</t>
  </si>
  <si>
    <t>BU17210119</t>
  </si>
  <si>
    <t>Broekhoek - Middelste Groes</t>
  </si>
  <si>
    <t>2021BU17210119</t>
  </si>
  <si>
    <t>buurten.42fc4c81-5182-4cad-a06c-d794746ca279</t>
  </si>
  <si>
    <t>BU17210120</t>
  </si>
  <si>
    <t>De Beemd</t>
  </si>
  <si>
    <t>2021BU17210120</t>
  </si>
  <si>
    <t>buurten.84833138-4a8a-473f-971f-ac7a24a18f51</t>
  </si>
  <si>
    <t>BU17210201</t>
  </si>
  <si>
    <t>St. Servatius - Schoonstr - Den Dolvert</t>
  </si>
  <si>
    <t>WK172102</t>
  </si>
  <si>
    <t>2021BU17210201</t>
  </si>
  <si>
    <t>buurten.10f19141-a56b-4c9c-99fb-9e5c51b10369</t>
  </si>
  <si>
    <t>PL1721010005</t>
  </si>
  <si>
    <t>Heeswijk-Dinther (Oranjewijk, St Servatius, Heilaren, Rodenburg)</t>
  </si>
  <si>
    <t>voorkeursoptie (onderzoek naar aquathermie)</t>
  </si>
  <si>
    <t>De mogelijkheden voor de toekomst in het kader van aquathermie worden in beeld gebracht. Op basis van de analyse is het verstandig om de potentie rond aquathermie in beeld te brengen ente relateren aan het vastgoed in de wijken</t>
  </si>
  <si>
    <t>BU17210202</t>
  </si>
  <si>
    <t>2021BU17210202</t>
  </si>
  <si>
    <t>buurten.234eb642-2338-473b-9271-1fa574af7b74</t>
  </si>
  <si>
    <t>BU17210203</t>
  </si>
  <si>
    <t>Heilige Stok - Kerkstraat</t>
  </si>
  <si>
    <t>2021BU17210203</t>
  </si>
  <si>
    <t>buurten.ab823265-c1a5-452e-bca2-0c9ca36253d2</t>
  </si>
  <si>
    <t>BU17210204</t>
  </si>
  <si>
    <t>De abdij</t>
  </si>
  <si>
    <t>2021BU17210204</t>
  </si>
  <si>
    <t>buurten.9ec180fc-82fd-496a-b180-2f5201b12309</t>
  </si>
  <si>
    <t>BU17210205</t>
  </si>
  <si>
    <t>Graaf Wernerstraat</t>
  </si>
  <si>
    <t>2021BU17210205</t>
  </si>
  <si>
    <t>buurten.268ea486-4b4b-43f5-8d25-71b46cf8d791</t>
  </si>
  <si>
    <t>BU17210206</t>
  </si>
  <si>
    <t>2021BU17210206</t>
  </si>
  <si>
    <t>buurten.59728ec9-f7ab-4baf-b528-f443d2ff4689</t>
  </si>
  <si>
    <t>BU17210207</t>
  </si>
  <si>
    <t>Balledonk</t>
  </si>
  <si>
    <t>2021BU17210207</t>
  </si>
  <si>
    <t>buurten.ab695930-bf66-4f05-bdec-dd84c32a3347</t>
  </si>
  <si>
    <t>BU17210208</t>
  </si>
  <si>
    <t>Hopveld - Muggenhoek</t>
  </si>
  <si>
    <t>2021BU17210208</t>
  </si>
  <si>
    <t>buurten.f884d42b-bbb6-4f42-8a81-58cc80abcf11</t>
  </si>
  <si>
    <t>BU17210209</t>
  </si>
  <si>
    <t>Eikenhoek</t>
  </si>
  <si>
    <t>2021BU17210209</t>
  </si>
  <si>
    <t>buurten.c5ace7e5-a068-4aac-832d-2d482a6213f8</t>
  </si>
  <si>
    <t>BU17210210</t>
  </si>
  <si>
    <t>Heilaren</t>
  </si>
  <si>
    <t>2021BU17210210</t>
  </si>
  <si>
    <t>buurten.4d83ec7f-82bc-48f8-a09f-8ec1dada13e3</t>
  </si>
  <si>
    <t>BU17210211</t>
  </si>
  <si>
    <t>Rodenburg</t>
  </si>
  <si>
    <t>2021BU17210211</t>
  </si>
  <si>
    <t>buurten.d9656901-127b-4d66-9341-d298d12da014</t>
  </si>
  <si>
    <t>BU17210301</t>
  </si>
  <si>
    <t>WK172103</t>
  </si>
  <si>
    <t>2021BU17210301</t>
  </si>
  <si>
    <t>buurten.b1e60485-5adb-4c6f-aca7-f8f6c9f9f8c8</t>
  </si>
  <si>
    <t>PL1721010002</t>
  </si>
  <si>
    <t>Nistelrode (Weijen Westen Van t Rijk)</t>
  </si>
  <si>
    <t>BU17210302</t>
  </si>
  <si>
    <t>2021BU17210302</t>
  </si>
  <si>
    <t>buurten.4e1641ba-5785-4639-b45d-e33fa8a317cf</t>
  </si>
  <si>
    <t>BU17210303</t>
  </si>
  <si>
    <t>Kerkveld</t>
  </si>
  <si>
    <t>2021BU17210303</t>
  </si>
  <si>
    <t>buurten.cd5deb19-2b25-435c-9e3c-d032aedf231f</t>
  </si>
  <si>
    <t>BU17210304</t>
  </si>
  <si>
    <t>Donzel</t>
  </si>
  <si>
    <t>2021BU17210304</t>
  </si>
  <si>
    <t>buurten.5b3bfd29-2181-4ad9-9a48-208924126c42</t>
  </si>
  <si>
    <t>BU17210305</t>
  </si>
  <si>
    <t>Maxend</t>
  </si>
  <si>
    <t>2021BU17210305</t>
  </si>
  <si>
    <t>buurten.80d7d237-168b-429f-8719-7fbbd94ca216</t>
  </si>
  <si>
    <t>BU17210306</t>
  </si>
  <si>
    <t>Weijen West</t>
  </si>
  <si>
    <t>2021BU17210306</t>
  </si>
  <si>
    <t>buurten.a9acc154-d28b-49e7-ad81-160769a0764e</t>
  </si>
  <si>
    <t>BU17210307</t>
  </si>
  <si>
    <t>2021BU17210307</t>
  </si>
  <si>
    <t>buurten.63b7949a-4e8c-4d69-a6af-e51dd7207154</t>
  </si>
  <si>
    <t>BU17210308</t>
  </si>
  <si>
    <t>Van 't Rijk</t>
  </si>
  <si>
    <t>2021BU17210308</t>
  </si>
  <si>
    <t>buurten.c3ccd779-f1b5-4286-aeeb-cb919651ff29</t>
  </si>
  <si>
    <t>BU17210309</t>
  </si>
  <si>
    <t>Kleinwijk</t>
  </si>
  <si>
    <t>2021BU17210309</t>
  </si>
  <si>
    <t>buurten.672795b1-dde4-4541-91d2-e520b1670dca</t>
  </si>
  <si>
    <t>BU17210310</t>
  </si>
  <si>
    <t>Zwarte Molen</t>
  </si>
  <si>
    <t>2021BU17210310</t>
  </si>
  <si>
    <t>buurten.21b8d836-7b0b-43ec-be23-914832e5bacc</t>
  </si>
  <si>
    <t>BU17210401</t>
  </si>
  <si>
    <t>De Bleeken - 't Grolder</t>
  </si>
  <si>
    <t>WK172104</t>
  </si>
  <si>
    <t>2021BU17210401</t>
  </si>
  <si>
    <t>buurten.7a77c985-ada6-41f0-ba50-9d1ed9875f62</t>
  </si>
  <si>
    <t>BU17210402</t>
  </si>
  <si>
    <t>Zoggel - Berkt</t>
  </si>
  <si>
    <t>2021BU17210402</t>
  </si>
  <si>
    <t>buurten.bef9a3bb-5fac-4294-85b8-b7925007c4a1</t>
  </si>
  <si>
    <t>BU17210403</t>
  </si>
  <si>
    <t>Hooge Wijst - De Vorssel</t>
  </si>
  <si>
    <t>2021BU17210403</t>
  </si>
  <si>
    <t>buurten.9ae47de1-a08a-4318-b78e-b37dbd415b99</t>
  </si>
  <si>
    <t>BU17210501</t>
  </si>
  <si>
    <t>Beugt</t>
  </si>
  <si>
    <t>WK172105</t>
  </si>
  <si>
    <t>2021BU17210501</t>
  </si>
  <si>
    <t>buurten.156b4a1f-a8e9-4cf9-bfec-87f38016062c</t>
  </si>
  <si>
    <t>BU17210502</t>
  </si>
  <si>
    <t>Fokkershoek</t>
  </si>
  <si>
    <t>2021BU17210502</t>
  </si>
  <si>
    <t>buurten.0fb5617f-abd1-450d-a90e-76593a317e29</t>
  </si>
  <si>
    <t>BU17210503</t>
  </si>
  <si>
    <t>Heeswijkse Bosschen</t>
  </si>
  <si>
    <t>2021BU17210503</t>
  </si>
  <si>
    <t>buurten.9093be91-66ff-4ca4-9532-71e17c7a3762</t>
  </si>
  <si>
    <t>BU17210504</t>
  </si>
  <si>
    <t>Hazelberg</t>
  </si>
  <si>
    <t>2021BU17210504</t>
  </si>
  <si>
    <t>buurten.a831893f-1cf3-4512-bf94-821eb28a73d5</t>
  </si>
  <si>
    <t>PL1721010004</t>
  </si>
  <si>
    <t>Vorstenbosch</t>
  </si>
  <si>
    <t>BU17210505</t>
  </si>
  <si>
    <t>Heische Wal - DintherseHoek</t>
  </si>
  <si>
    <t>2021BU17210505</t>
  </si>
  <si>
    <t>buurten.01c15800-edab-45a1-99e9-1694c6ec0325</t>
  </si>
  <si>
    <t>PL1721010003</t>
  </si>
  <si>
    <t>BU17210506</t>
  </si>
  <si>
    <t>Loosbroek</t>
  </si>
  <si>
    <t>2021BU17210506</t>
  </si>
  <si>
    <t>buurten.deb78b67-c8fd-4d30-822e-e2b7ef731896</t>
  </si>
  <si>
    <t>BU17210601</t>
  </si>
  <si>
    <t>Groote Heide</t>
  </si>
  <si>
    <t>WK172106</t>
  </si>
  <si>
    <t>2021BU17210601</t>
  </si>
  <si>
    <t>buurten.77f88cfc-b5c9-4ee2-9b16-ed258803c66c</t>
  </si>
  <si>
    <t>faciliterend. lokale initiatieven enambassadeurs te ondersteunen en faciliteren.</t>
  </si>
  <si>
    <t>BU17210602</t>
  </si>
  <si>
    <t>2021BU17210602</t>
  </si>
  <si>
    <t>buurten.bfaa9564-286b-454e-8faa-85ffeb8014de</t>
  </si>
  <si>
    <t>BU17210603</t>
  </si>
  <si>
    <t>Menzel</t>
  </si>
  <si>
    <t>2021BU17210603</t>
  </si>
  <si>
    <t>buurten.09d4aaed-ffbd-46a4-8c29-2e24bff76188</t>
  </si>
  <si>
    <t>BU17230101</t>
  </si>
  <si>
    <t>Noordwest Alphen</t>
  </si>
  <si>
    <t>WK172301</t>
  </si>
  <si>
    <t>2021BU17230101</t>
  </si>
  <si>
    <t>buurten.4db0b104-36e5-4298-9858-345f9198d44d</t>
  </si>
  <si>
    <t>PL1723010001</t>
  </si>
  <si>
    <t>Gefaseerde aanpak: All-electric</t>
  </si>
  <si>
    <t>BU17230102</t>
  </si>
  <si>
    <t>Zuidoost Alphen</t>
  </si>
  <si>
    <t>2021BU17230102</t>
  </si>
  <si>
    <t>buurten.df6cccfa-e319-4307-8a20-55995d97c84a</t>
  </si>
  <si>
    <t>BU17230103</t>
  </si>
  <si>
    <t>Zuidwest Alphen</t>
  </si>
  <si>
    <t>2021BU17230103</t>
  </si>
  <si>
    <t>buurten.197382ff-4eb1-454a-806a-6276b4d2c40e</t>
  </si>
  <si>
    <t>BU17230104</t>
  </si>
  <si>
    <t>Bedrijventerrein Alphen</t>
  </si>
  <si>
    <t>2021BU17230104</t>
  </si>
  <si>
    <t>buurten.1e2b8555-b50a-4262-822d-9222aa696157</t>
  </si>
  <si>
    <t>BU17230105</t>
  </si>
  <si>
    <t>2021BU17230105</t>
  </si>
  <si>
    <t>buurten.e615011d-bf97-44f6-8a3b-125bae3e02f3</t>
  </si>
  <si>
    <t>BU17230106</t>
  </si>
  <si>
    <t>Noordoost Alphen</t>
  </si>
  <si>
    <t>2021BU17230106</t>
  </si>
  <si>
    <t>buurten.39b77f3f-b132-4b55-ad71-325f7addb0ec</t>
  </si>
  <si>
    <t>BU17230107</t>
  </si>
  <si>
    <t>2021BU17230107</t>
  </si>
  <si>
    <t>buurten.fa432a5b-2894-404d-877e-144886af6c85</t>
  </si>
  <si>
    <t>BU17230201</t>
  </si>
  <si>
    <t>Centrum Chaam</t>
  </si>
  <si>
    <t>WK172302</t>
  </si>
  <si>
    <t>2021BU17230201</t>
  </si>
  <si>
    <t>buurten.7ba894aa-040d-42e8-8648-f6df4291ebbc</t>
  </si>
  <si>
    <t>BU17230202</t>
  </si>
  <si>
    <t>Roode Beek</t>
  </si>
  <si>
    <t>2021BU17230202</t>
  </si>
  <si>
    <t>buurten.b6ba3c46-4457-4718-9338-f8db3c091549</t>
  </si>
  <si>
    <t>BU17230203</t>
  </si>
  <si>
    <t>Elsakker</t>
  </si>
  <si>
    <t>2021BU17230203</t>
  </si>
  <si>
    <t>buurten.28a2cc06-ef09-4420-b0dc-aad72c65038b</t>
  </si>
  <si>
    <t>BU17230204</t>
  </si>
  <si>
    <t>Wolfsdonk</t>
  </si>
  <si>
    <t>2021BU17230204</t>
  </si>
  <si>
    <t>buurten.27d4d0d6-6d79-42a5-86b1-45000949c778</t>
  </si>
  <si>
    <t>BU17230205</t>
  </si>
  <si>
    <t>Bedrijventerrein Baarleseweg Noord</t>
  </si>
  <si>
    <t>2021BU17230205</t>
  </si>
  <si>
    <t>buurten.4dde935b-0cab-44b5-9f42-744e42477438</t>
  </si>
  <si>
    <t>BU17230206</t>
  </si>
  <si>
    <t>Den Brabander</t>
  </si>
  <si>
    <t>2021BU17230206</t>
  </si>
  <si>
    <t>buurten.ca70d843-c7f7-4fef-9158-489825348173</t>
  </si>
  <si>
    <t>BU17230207</t>
  </si>
  <si>
    <t>Buitengebied Chaam</t>
  </si>
  <si>
    <t>2021BU17230207</t>
  </si>
  <si>
    <t>buurten.fec77488-7287-4d06-8f7a-d2bd69f0e37b</t>
  </si>
  <si>
    <t>BU17230301</t>
  </si>
  <si>
    <t>Strijbeek</t>
  </si>
  <si>
    <t>WK172303</t>
  </si>
  <si>
    <t>2021BU17230301</t>
  </si>
  <si>
    <t>buurten.82c28a15-b978-4348-90b9-70c6e8b9d29c</t>
  </si>
  <si>
    <t>BU17230401</t>
  </si>
  <si>
    <t>Kern Galder</t>
  </si>
  <si>
    <t>WK172304</t>
  </si>
  <si>
    <t>2021BU17230401</t>
  </si>
  <si>
    <t>buurten.56b36dee-81a1-42ac-b6da-da9fb125e0ed</t>
  </si>
  <si>
    <t>BU17230402</t>
  </si>
  <si>
    <t>Buitengebied Galder</t>
  </si>
  <si>
    <t>2021BU17230402</t>
  </si>
  <si>
    <t>buurten.05ebad95-8155-448d-b6c9-080b9c447e62</t>
  </si>
  <si>
    <t>BU17230501</t>
  </si>
  <si>
    <t>Ulvenhout AC</t>
  </si>
  <si>
    <t>WK172305</t>
  </si>
  <si>
    <t>2021BU17230501</t>
  </si>
  <si>
    <t>buurten.39474616-6f99-4eb6-b231-f03e1e79306b</t>
  </si>
  <si>
    <t>BU17230601</t>
  </si>
  <si>
    <t>Bavel AC</t>
  </si>
  <si>
    <t>WK172306</t>
  </si>
  <si>
    <t>2021BU17230601</t>
  </si>
  <si>
    <t>buurten.fc69cdcb-f869-4ae5-b78b-5a70656a8387</t>
  </si>
  <si>
    <t>BU17240001</t>
  </si>
  <si>
    <t>Broekstraat-Hoek-Lijnt-Eijkereind</t>
  </si>
  <si>
    <t>WK172400</t>
  </si>
  <si>
    <t>2021BU17240001</t>
  </si>
  <si>
    <t>buurten.7972f0ff-4b7b-47ba-a34e-00a2f3037012</t>
  </si>
  <si>
    <t>PL1724010001</t>
  </si>
  <si>
    <t>kleinschalige energie-opslag</t>
  </si>
  <si>
    <t>BU17240002</t>
  </si>
  <si>
    <t>Kleine Broekstraat</t>
  </si>
  <si>
    <t>2021BU17240002</t>
  </si>
  <si>
    <t>buurten.4a878d16-c274-49a7-8117-9701f99b16d4</t>
  </si>
  <si>
    <t>BU17240003</t>
  </si>
  <si>
    <t>2021BU17240003</t>
  </si>
  <si>
    <t>buurten.dececc87-2920-4633-8acb-6f4d2e8a3b9a</t>
  </si>
  <si>
    <t>BU17240004</t>
  </si>
  <si>
    <t>Burgemeester Magneestraat e.o.</t>
  </si>
  <si>
    <t>2021BU17240004</t>
  </si>
  <si>
    <t>buurten.c3aadeee-acbd-4a7f-b2aa-d19d6eeea4ac</t>
  </si>
  <si>
    <t>BU17240005</t>
  </si>
  <si>
    <t>Dokter A.Hoynck van Papendrechtstraat-Dokter Duchateaustraat</t>
  </si>
  <si>
    <t>2021BU17240005</t>
  </si>
  <si>
    <t>buurten.ff6f44cd-9a7d-40e4-9253-c171648d63f4</t>
  </si>
  <si>
    <t>BU17240006</t>
  </si>
  <si>
    <t>Kept e.o.</t>
  </si>
  <si>
    <t>2021BU17240006</t>
  </si>
  <si>
    <t>buurten.284ded75-c672-4589-9812-fb961aea2587</t>
  </si>
  <si>
    <t>BU17240007</t>
  </si>
  <si>
    <t>2021BU17240007</t>
  </si>
  <si>
    <t>buurten.93ec59df-9baf-4579-9edb-1bb2948fbc1c</t>
  </si>
  <si>
    <t>BU17240008</t>
  </si>
  <si>
    <t>Meester Pankenstraat-Riethovensedijk</t>
  </si>
  <si>
    <t>2021BU17240008</t>
  </si>
  <si>
    <t>buurten.34d40c24-a85a-432e-b308-cf938d5e9701</t>
  </si>
  <si>
    <t>BU17240009</t>
  </si>
  <si>
    <t>Bucht e.o.</t>
  </si>
  <si>
    <t>2021BU17240009</t>
  </si>
  <si>
    <t>buurten.4ab20000-c12b-4b4c-babb-9208aa801c90</t>
  </si>
  <si>
    <t>BU17240010</t>
  </si>
  <si>
    <t>Schutsboom e.o.</t>
  </si>
  <si>
    <t>2021BU17240010</t>
  </si>
  <si>
    <t>buurten.8e48ff69-2a30-4778-87ab-349e48784870</t>
  </si>
  <si>
    <t>BU17240011</t>
  </si>
  <si>
    <t>Eerselsedijk-Woonbos e.o.</t>
  </si>
  <si>
    <t>2021BU17240011</t>
  </si>
  <si>
    <t>buurten.c15b60de-2fdc-4adc-a9d0-6f792fd30792</t>
  </si>
  <si>
    <t>BU17240012</t>
  </si>
  <si>
    <t>Van den Valgaetstraat e.o.</t>
  </si>
  <si>
    <t>2021BU17240012</t>
  </si>
  <si>
    <t>buurten.08637549-11b7-4dfe-8d9b-d1573d0bc3a5</t>
  </si>
  <si>
    <t>BU17240013</t>
  </si>
  <si>
    <t>Hagelkruis e.o.</t>
  </si>
  <si>
    <t>2021BU17240013</t>
  </si>
  <si>
    <t>buurten.f65d86f6-7883-4807-9a0a-ffd74bbbce6a</t>
  </si>
  <si>
    <t>BU17240014</t>
  </si>
  <si>
    <t>Beistervelden</t>
  </si>
  <si>
    <t>2021BU17240014</t>
  </si>
  <si>
    <t>buurten.c8efa1f0-e12a-48fb-a42a-33a02205d3cb</t>
  </si>
  <si>
    <t>BU17240015</t>
  </si>
  <si>
    <t>De Kabouterberg e.o.</t>
  </si>
  <si>
    <t>2021BU17240015</t>
  </si>
  <si>
    <t>buurten.3f35b2de-c811-4f19-b24c-bafe559439c0</t>
  </si>
  <si>
    <t>BU17240016</t>
  </si>
  <si>
    <t>Eikenberg-Hooge Berkt</t>
  </si>
  <si>
    <t>2021BU17240016</t>
  </si>
  <si>
    <t>buurten.456c155d-dfd8-46b6-b7ac-d456c3063c90</t>
  </si>
  <si>
    <t>BU17240017</t>
  </si>
  <si>
    <t>Industrieterrein ' 't Stoom '</t>
  </si>
  <si>
    <t>2021BU17240017</t>
  </si>
  <si>
    <t>buurten.5903919e-a516-4b5d-8c0f-cb45c2961caa</t>
  </si>
  <si>
    <t>BU17240101</t>
  </si>
  <si>
    <t>Weebosch</t>
  </si>
  <si>
    <t>WK172401</t>
  </si>
  <si>
    <t>2021BU17240101</t>
  </si>
  <si>
    <t>buurten.5dee0ee4-aecd-4ea5-bc1f-a5c5d7ba7c7f</t>
  </si>
  <si>
    <t>BU17240201</t>
  </si>
  <si>
    <t>Tiliaans-Weegbree e.o.</t>
  </si>
  <si>
    <t>WK172402</t>
  </si>
  <si>
    <t>2021BU17240201</t>
  </si>
  <si>
    <t>buurten.2988ab47-01ab-4105-9f3d-cb17d52020c7</t>
  </si>
  <si>
    <t>BU17240202</t>
  </si>
  <si>
    <t>Prins van Luikstraat e.o.</t>
  </si>
  <si>
    <t>2021BU17240202</t>
  </si>
  <si>
    <t>buurten.46c02b40-7ca4-4e25-ad64-009b82632b02</t>
  </si>
  <si>
    <t>BU17240203</t>
  </si>
  <si>
    <t>Dorpstraat-Sengelsbroeksestraat</t>
  </si>
  <si>
    <t>2021BU17240203</t>
  </si>
  <si>
    <t>buurten.8e815206-e836-4160-8682-0fc8fbcbc7ca</t>
  </si>
  <si>
    <t>BU17240204</t>
  </si>
  <si>
    <t>Hasselsestraat e.o.</t>
  </si>
  <si>
    <t>2021BU17240204</t>
  </si>
  <si>
    <t>buurten.0854ca9f-814e-49ed-9f7a-ada442579ded</t>
  </si>
  <si>
    <t>BU17240205</t>
  </si>
  <si>
    <t>Kerkstraat e.o.</t>
  </si>
  <si>
    <t>2021BU17240205</t>
  </si>
  <si>
    <t>buurten.1986a169-cb18-4297-aee9-92ce9684d3d0</t>
  </si>
  <si>
    <t>BU17240206</t>
  </si>
  <si>
    <t>Dorpstraat</t>
  </si>
  <si>
    <t>2021BU17240206</t>
  </si>
  <si>
    <t>buurten.52f5ea1a-706b-42bf-826a-0c688effc9e5</t>
  </si>
  <si>
    <t>BU17240207</t>
  </si>
  <si>
    <t>Kapellerweg-Rijt</t>
  </si>
  <si>
    <t>2021BU17240207</t>
  </si>
  <si>
    <t>buurten.6de7d354-6b3a-4167-bd75-f854830886db</t>
  </si>
  <si>
    <t>BU17240208</t>
  </si>
  <si>
    <t>Molenstraat e.o.</t>
  </si>
  <si>
    <t>2021BU17240208</t>
  </si>
  <si>
    <t>buurten.a52a8ed1-7fe8-4b1c-96a0-a5059ccacdcc</t>
  </si>
  <si>
    <t>BU17240209</t>
  </si>
  <si>
    <t>Industrieterrein 'Loonsebaan'</t>
  </si>
  <si>
    <t>2021BU17240209</t>
  </si>
  <si>
    <t>buurten.57744e08-acf5-442c-8a60-0372cb7961eb</t>
  </si>
  <si>
    <t>BU17240210</t>
  </si>
  <si>
    <t>Boscheind</t>
  </si>
  <si>
    <t>2021BU17240210</t>
  </si>
  <si>
    <t>buurten.263f9d73-95cf-48f7-9538-98b7026fc898</t>
  </si>
  <si>
    <t>BU17240211</t>
  </si>
  <si>
    <t>Industrieterrein 'Zoeferbeemd'</t>
  </si>
  <si>
    <t>2021BU17240211</t>
  </si>
  <si>
    <t>buurten.c8006dd9-f457-4e17-b1e1-3573cdb1a70c</t>
  </si>
  <si>
    <t>BU17240301</t>
  </si>
  <si>
    <t>Dorpsplein e.o.</t>
  </si>
  <si>
    <t>WK172403</t>
  </si>
  <si>
    <t>2021BU17240301</t>
  </si>
  <si>
    <t>buurten.f60086b1-f128-4773-8a8c-4f7b133e37f6</t>
  </si>
  <si>
    <t>BU17240302</t>
  </si>
  <si>
    <t>Eviestraat-Vlasstraat e.o.</t>
  </si>
  <si>
    <t>2021BU17240302</t>
  </si>
  <si>
    <t>buurten.2a3285c4-bb9d-483a-9126-7e93e77e0b91</t>
  </si>
  <si>
    <t>BU17240303</t>
  </si>
  <si>
    <t>Willibrordusstraat e.o.</t>
  </si>
  <si>
    <t>2021BU17240303</t>
  </si>
  <si>
    <t>buurten.c8243e28-83dc-4577-b5e7-5ebc76c09d4b</t>
  </si>
  <si>
    <t>BU17240304</t>
  </si>
  <si>
    <t>Dorpsstraat e.o.</t>
  </si>
  <si>
    <t>2021BU17240304</t>
  </si>
  <si>
    <t>buurten.996ac122-196d-496b-879d-e77c98a2d9f3</t>
  </si>
  <si>
    <t>BU17240306</t>
  </si>
  <si>
    <t>De Hasselt e.o.</t>
  </si>
  <si>
    <t>2021BU17240306</t>
  </si>
  <si>
    <t>buurten.a2c5cefb-44f2-4d55-be74-089112fe117e</t>
  </si>
  <si>
    <t>BU17240307</t>
  </si>
  <si>
    <t>Walik</t>
  </si>
  <si>
    <t>2021BU17240307</t>
  </si>
  <si>
    <t>buurten.eb848d66-8605-49b2-b042-590e7f67c0b7</t>
  </si>
  <si>
    <t>BU17240401</t>
  </si>
  <si>
    <t>Heijerstraat-Loveren</t>
  </si>
  <si>
    <t>WK172404</t>
  </si>
  <si>
    <t>2021BU17240401</t>
  </si>
  <si>
    <t>buurten.e0950a86-4e86-4f80-8bec-b94d1c69c0be</t>
  </si>
  <si>
    <t>BU17240402</t>
  </si>
  <si>
    <t>2021BU17240402</t>
  </si>
  <si>
    <t>buurten.307aceec-9e12-42a6-8637-ef2659078042</t>
  </si>
  <si>
    <t>BU17240403</t>
  </si>
  <si>
    <t>Aarperstraat-Lange Akkers</t>
  </si>
  <si>
    <t>2021BU17240403</t>
  </si>
  <si>
    <t>buurten.683072d4-98dc-4c8d-be4c-e57d046081d4</t>
  </si>
  <si>
    <t>BU17240404</t>
  </si>
  <si>
    <t>2021BU17240404</t>
  </si>
  <si>
    <t>buurten.295e651c-2700-43f5-88a3-e1682f16690b</t>
  </si>
  <si>
    <t>BU17240405</t>
  </si>
  <si>
    <t>Beukenlaan e.o.</t>
  </si>
  <si>
    <t>2021BU17240405</t>
  </si>
  <si>
    <t>buurten.0be94361-08e7-4450-850d-c2a2215a9a27</t>
  </si>
  <si>
    <t>BU17240406</t>
  </si>
  <si>
    <t>Hoeverstraat e.o.</t>
  </si>
  <si>
    <t>2021BU17240406</t>
  </si>
  <si>
    <t>buurten.57baaefd-f647-4be7-8295-7ce801e62d72</t>
  </si>
  <si>
    <t>BU17240407</t>
  </si>
  <si>
    <t>Steenovens</t>
  </si>
  <si>
    <t>2021BU17240407</t>
  </si>
  <si>
    <t>buurten.8f617b36-20bd-4f41-98cb-1e597e80f135</t>
  </si>
  <si>
    <t>BU17240408</t>
  </si>
  <si>
    <t>Aan de Heerstraat e.o.</t>
  </si>
  <si>
    <t>2021BU17240408</t>
  </si>
  <si>
    <t>buurten.d7ec8e3d-1b85-47a7-b659-3a09153a4b8d</t>
  </si>
  <si>
    <t>BU17240409</t>
  </si>
  <si>
    <t>Industrieterrein 'Leemskuilen'</t>
  </si>
  <si>
    <t>2021BU17240409</t>
  </si>
  <si>
    <t>buurten.291649dc-dece-4e10-8be6-4c3e27a6d302</t>
  </si>
  <si>
    <t>BU17240501</t>
  </si>
  <si>
    <t>WK172405</t>
  </si>
  <si>
    <t>2021BU17240501</t>
  </si>
  <si>
    <t>buurten.fdf0ec12-b2d9-46f7-b356-239a3082aabd</t>
  </si>
  <si>
    <t>BU17240502</t>
  </si>
  <si>
    <t>Van den Tillaartstraat e.o.</t>
  </si>
  <si>
    <t>2021BU17240502</t>
  </si>
  <si>
    <t>buurten.5e07f979-6a4e-4879-b4bd-8efb5539ad25</t>
  </si>
  <si>
    <t>BU17240503</t>
  </si>
  <si>
    <t>Industrieterrein 'Waterlaat'</t>
  </si>
  <si>
    <t>2021BU17240503</t>
  </si>
  <si>
    <t>buurten.af663f26-28d8-4244-b7b6-8ba9667d2316</t>
  </si>
  <si>
    <t>BU17240504</t>
  </si>
  <si>
    <t>Langveld e.o.</t>
  </si>
  <si>
    <t>2021BU17240504</t>
  </si>
  <si>
    <t>buurten.b8ff4880-38b3-4316-848c-f1d783695e09</t>
  </si>
  <si>
    <t>BU17240505</t>
  </si>
  <si>
    <t>Weebosserweg-Breerijt</t>
  </si>
  <si>
    <t>2021BU17240505</t>
  </si>
  <si>
    <t>buurten.cc929419-dd9b-428e-bb79-3f2068cc0501</t>
  </si>
  <si>
    <t>BU17240601</t>
  </si>
  <si>
    <t>Buitengebied Noord 1</t>
  </si>
  <si>
    <t>WK172406</t>
  </si>
  <si>
    <t>2021BU17240601</t>
  </si>
  <si>
    <t>buurten.cb5aa29c-7193-4edf-a62e-6f0b5259986c</t>
  </si>
  <si>
    <t>BU17240602</t>
  </si>
  <si>
    <t>Buitengebied Noord 2</t>
  </si>
  <si>
    <t>2021BU17240602</t>
  </si>
  <si>
    <t>buurten.1f25ea01-b08d-4edc-abcd-c87498d50614</t>
  </si>
  <si>
    <t>BU17240603</t>
  </si>
  <si>
    <t>Buitengebied Noord 3</t>
  </si>
  <si>
    <t>2021BU17240603</t>
  </si>
  <si>
    <t>buurten.161c2bf8-5c56-4bba-80c3-e553e8819fb0</t>
  </si>
  <si>
    <t>BU17240604</t>
  </si>
  <si>
    <t>Buitengebied Noord 4</t>
  </si>
  <si>
    <t>2021BU17240604</t>
  </si>
  <si>
    <t>buurten.1bf3f3f3-208a-460a-aa97-73383d724b8a</t>
  </si>
  <si>
    <t>BU17240605</t>
  </si>
  <si>
    <t>2021BU17240605</t>
  </si>
  <si>
    <t>buurten.56254a6c-5d19-4113-a93e-2333776d8a7e</t>
  </si>
  <si>
    <t>BU17240606</t>
  </si>
  <si>
    <t>Buitengebied Noord-West 1</t>
  </si>
  <si>
    <t>2021BU17240606</t>
  </si>
  <si>
    <t>buurten.d46cfb78-9e2a-4844-b8d8-24126936a04a</t>
  </si>
  <si>
    <t>BU17240607</t>
  </si>
  <si>
    <t>Buitengebied Noord-West 2</t>
  </si>
  <si>
    <t>2021BU17240607</t>
  </si>
  <si>
    <t>buurten.86f9902f-f5e0-4305-9841-f406f1b42794</t>
  </si>
  <si>
    <t>BU17240608</t>
  </si>
  <si>
    <t>Buitengebied Zuid-West</t>
  </si>
  <si>
    <t>2021BU17240608</t>
  </si>
  <si>
    <t>buurten.51120098-30a4-4718-b0e2-017cea9bbcf2</t>
  </si>
  <si>
    <t>BU17240609</t>
  </si>
  <si>
    <t>Buitengebied Zuid 1</t>
  </si>
  <si>
    <t>2021BU17240609</t>
  </si>
  <si>
    <t>buurten.22fe3524-d574-4ee6-b708-d09375a74465</t>
  </si>
  <si>
    <t>BU17240610</t>
  </si>
  <si>
    <t>Buitengebied Zuid 2</t>
  </si>
  <si>
    <t>2021BU17240610</t>
  </si>
  <si>
    <t>buurten.dfeaf367-6475-4b50-b9c2-ee91e3df1047</t>
  </si>
  <si>
    <t>BU17280000</t>
  </si>
  <si>
    <t>Bladel Centrum</t>
  </si>
  <si>
    <t>WK172800</t>
  </si>
  <si>
    <t>2021BU17280000</t>
  </si>
  <si>
    <t>buurten.1c3b8b93-459a-4554-9f31-e6619697c265</t>
  </si>
  <si>
    <t>PL1728010001</t>
  </si>
  <si>
    <t>Bladel (kern)</t>
  </si>
  <si>
    <t>Onderzoek kansen warmtenet op RWZI/zonthermie</t>
  </si>
  <si>
    <t>RWZI/zonthermie</t>
  </si>
  <si>
    <t>aquathermie (RWZI) en/of zonnewarmte</t>
  </si>
  <si>
    <t>BU17280001</t>
  </si>
  <si>
    <t>Bladel Bedrijventerrein De Sleutel</t>
  </si>
  <si>
    <t>2021BU17280001</t>
  </si>
  <si>
    <t>buurten.df3c066f-3790-46ea-8a47-4665be39f8de</t>
  </si>
  <si>
    <t>BU17280002</t>
  </si>
  <si>
    <t>Bladel Bedrijventerrein De Beemd en Leemskuilen</t>
  </si>
  <si>
    <t>2021BU17280002</t>
  </si>
  <si>
    <t>buurten.51e639a2-11f0-45b1-981d-625bc96d69e8</t>
  </si>
  <si>
    <t>BU17280003</t>
  </si>
  <si>
    <t>Bladel Wilhelminalaan</t>
  </si>
  <si>
    <t>2021BU17280003</t>
  </si>
  <si>
    <t>buurten.8bf36ac0-4dc7-4adc-b93a-8c61009f2a7c</t>
  </si>
  <si>
    <t>BU17280004</t>
  </si>
  <si>
    <t>Bladel Gozelinusbocht</t>
  </si>
  <si>
    <t>2021BU17280004</t>
  </si>
  <si>
    <t>buurten.90ba0fbf-649a-463c-9ef8-e174ead29b26</t>
  </si>
  <si>
    <t>BU17280005</t>
  </si>
  <si>
    <t>Bladel Heeleind</t>
  </si>
  <si>
    <t>2021BU17280005</t>
  </si>
  <si>
    <t>buurten.75fbb301-1a14-4208-ba0e-fa53a7d37881</t>
  </si>
  <si>
    <t>BU17280006</t>
  </si>
  <si>
    <t>Bladel Hofstad</t>
  </si>
  <si>
    <t>2021BU17280006</t>
  </si>
  <si>
    <t>buurten.85169658-a950-4dd8-8c6e-1241b9d0ff6a</t>
  </si>
  <si>
    <t>BU17280007</t>
  </si>
  <si>
    <t>Bladel Veilig Oord</t>
  </si>
  <si>
    <t>2021BU17280007</t>
  </si>
  <si>
    <t>buurten.2af3b05d-68cc-409a-979d-878888292017</t>
  </si>
  <si>
    <t>BU17280008</t>
  </si>
  <si>
    <t>Bladel Zuid</t>
  </si>
  <si>
    <t>2021BU17280008</t>
  </si>
  <si>
    <t>buurten.8ff2646b-af88-41ca-ba64-d8156cf0f63d</t>
  </si>
  <si>
    <t>BU17280009</t>
  </si>
  <si>
    <t>Verspreide huizen Bladel</t>
  </si>
  <si>
    <t>2021BU17280009</t>
  </si>
  <si>
    <t>buurten.416c76ee-4c6d-4b04-8f79-de2e68fc2530</t>
  </si>
  <si>
    <t>Focus op participeren en mede-opstellen van WUP, niemand wordt gedwongen maar meedoen is wel gewenst.</t>
  </si>
  <si>
    <t>BU17280100</t>
  </si>
  <si>
    <t>Netersel</t>
  </si>
  <si>
    <t>WK172801</t>
  </si>
  <si>
    <t>2021BU17280100</t>
  </si>
  <si>
    <t>buurten.3d2edd4e-44fa-4059-b794-bddf155d2748</t>
  </si>
  <si>
    <t>BU17280109</t>
  </si>
  <si>
    <t>Verspreide huizen Netersel</t>
  </si>
  <si>
    <t>2021BU17280109</t>
  </si>
  <si>
    <t>buurten.81da79e3-523b-4901-95cc-90c72a9993d6</t>
  </si>
  <si>
    <t>BU17280200</t>
  </si>
  <si>
    <t>Hapert Centrum</t>
  </si>
  <si>
    <t>WK172802</t>
  </si>
  <si>
    <t>2021BU17280200</t>
  </si>
  <si>
    <t>buurten.432b98a8-4cb0-4939-860f-3959d5c2dfb6</t>
  </si>
  <si>
    <t>PL1728010002</t>
  </si>
  <si>
    <t>Hapert-Noord</t>
  </si>
  <si>
    <t>BU17280201</t>
  </si>
  <si>
    <t>Industrieterrein Hapert</t>
  </si>
  <si>
    <t>2021BU17280201</t>
  </si>
  <si>
    <t>buurten.f609c8df-e070-454b-8d2e-f11aefafb2da</t>
  </si>
  <si>
    <t>BU17280202</t>
  </si>
  <si>
    <t>Hapert Oost</t>
  </si>
  <si>
    <t>2021BU17280202</t>
  </si>
  <si>
    <t>buurten.ecdb005a-448b-4083-856b-e9de3d8b4188</t>
  </si>
  <si>
    <t>BU17280203</t>
  </si>
  <si>
    <t>Hapert Noord</t>
  </si>
  <si>
    <t>2021BU17280203</t>
  </si>
  <si>
    <t>buurten.85929f34-6638-435d-9dfa-f01924572a2a</t>
  </si>
  <si>
    <t>BU17280204</t>
  </si>
  <si>
    <t>Hapert Zuid-West</t>
  </si>
  <si>
    <t>2021BU17280204</t>
  </si>
  <si>
    <t>buurten.c76efe27-a12f-4eca-8943-be706b004b76</t>
  </si>
  <si>
    <t>BU17280207</t>
  </si>
  <si>
    <t>Hapert Het Vennenbos</t>
  </si>
  <si>
    <t>2021BU17280207</t>
  </si>
  <si>
    <t>buurten.fecb2d8e-35fd-4dfa-9f3e-168169d521cf</t>
  </si>
  <si>
    <t>BU17280208</t>
  </si>
  <si>
    <t>Hapert Kempisch Bedrijvenpark</t>
  </si>
  <si>
    <t>2021BU17280208</t>
  </si>
  <si>
    <t>buurten.f9a84b72-11a0-49c1-a5c4-2acf9cda02d2</t>
  </si>
  <si>
    <t>BU17280209</t>
  </si>
  <si>
    <t>Verspreide huizen Hapert</t>
  </si>
  <si>
    <t>2021BU17280209</t>
  </si>
  <si>
    <t>buurten.35fbb3b7-0dc8-4a09-8097-7c5bb109fc80</t>
  </si>
  <si>
    <t>BU17280300</t>
  </si>
  <si>
    <t>Hoogeloon</t>
  </si>
  <si>
    <t>WK172803</t>
  </si>
  <si>
    <t>2021BU17280300</t>
  </si>
  <si>
    <t>buurten.f1f99b9f-4a7c-47fd-bc88-68589d27c9c9</t>
  </si>
  <si>
    <t>BU17280301</t>
  </si>
  <si>
    <t>Hoogcasteren en omgeving</t>
  </si>
  <si>
    <t>2021BU17280301</t>
  </si>
  <si>
    <t>buurten.32cede8d-a5fc-4513-9017-7ee10a9b46e0</t>
  </si>
  <si>
    <t>BU17280309</t>
  </si>
  <si>
    <t>Verspreide huizen Hoogeloon</t>
  </si>
  <si>
    <t>2021BU17280309</t>
  </si>
  <si>
    <t>buurten.b707e7f3-0b53-4709-9ab2-4eaeb9a192f5</t>
  </si>
  <si>
    <t>Casteren</t>
  </si>
  <si>
    <t>BU17280400</t>
  </si>
  <si>
    <t>WK172804</t>
  </si>
  <si>
    <t>2021BU17280400</t>
  </si>
  <si>
    <t>buurten.9490e548-7c9f-427e-af1d-ecd756a7ae50</t>
  </si>
  <si>
    <t>PL1728010004</t>
  </si>
  <si>
    <t>Groen gas, waterstof of elektriciteit</t>
  </si>
  <si>
    <t>BU17280409</t>
  </si>
  <si>
    <t>Verspreide huizen Casteren</t>
  </si>
  <si>
    <t>2021BU17280409</t>
  </si>
  <si>
    <t>buurten.f09742a0-70fd-4172-89a0-d265c402a66a</t>
  </si>
  <si>
    <t>BU17290000</t>
  </si>
  <si>
    <t>Gulpen</t>
  </si>
  <si>
    <t>WK172900</t>
  </si>
  <si>
    <t>GM1729</t>
  </si>
  <si>
    <t>Gulpen-Wittem</t>
  </si>
  <si>
    <t>2021BU17290000</t>
  </si>
  <si>
    <t>buurten.0031b709-bc14-4498-9ea1-62026128f312</t>
  </si>
  <si>
    <t>BU17290001</t>
  </si>
  <si>
    <t>Ingber-De Hut</t>
  </si>
  <si>
    <t>2021BU17290001</t>
  </si>
  <si>
    <t>buurten.a5e04f84-edb0-45a8-80bb-dd13ff089228</t>
  </si>
  <si>
    <t>BU17290002</t>
  </si>
  <si>
    <t>Euverem, Pesaken, Billinghuizen en Waterop</t>
  </si>
  <si>
    <t>2021BU17290002</t>
  </si>
  <si>
    <t>buurten.a18eae36-2fa7-4ea9-a647-cdc0de42c0c8</t>
  </si>
  <si>
    <t>BU17290003</t>
  </si>
  <si>
    <t>Reijmerstok</t>
  </si>
  <si>
    <t>2021BU17290003</t>
  </si>
  <si>
    <t>buurten.abe33f38-fdb2-40f6-9599-145503b7a002</t>
  </si>
  <si>
    <t>BU17290009</t>
  </si>
  <si>
    <t>2021BU17290009</t>
  </si>
  <si>
    <t>buurten.cda4fae4-af30-4cc9-b0b6-7c1815075386</t>
  </si>
  <si>
    <t>BU17290100</t>
  </si>
  <si>
    <t>Wijlre</t>
  </si>
  <si>
    <t>WK172901</t>
  </si>
  <si>
    <t>2021BU17290100</t>
  </si>
  <si>
    <t>buurten.a21b5ff1-9d0d-4f89-b92d-7ee246764aa4</t>
  </si>
  <si>
    <t>BU17290101</t>
  </si>
  <si>
    <t>Etenaken</t>
  </si>
  <si>
    <t>2021BU17290101</t>
  </si>
  <si>
    <t>buurten.fadb7e3d-8ac8-413d-b03b-261e6a9538c8</t>
  </si>
  <si>
    <t>BU17290102</t>
  </si>
  <si>
    <t>Stokhem-Beertsenhoven</t>
  </si>
  <si>
    <t>2021BU17290102</t>
  </si>
  <si>
    <t>buurten.d3900a84-48d0-4d44-8873-99cc7d2caed0</t>
  </si>
  <si>
    <t>BU17290103</t>
  </si>
  <si>
    <t>Elkenrade</t>
  </si>
  <si>
    <t>2021BU17290103</t>
  </si>
  <si>
    <t>buurten.42572bef-c79e-4ea1-b606-b8999b66c75b</t>
  </si>
  <si>
    <t>BU17290109</t>
  </si>
  <si>
    <t>2021BU17290109</t>
  </si>
  <si>
    <t>buurten.811c3729-0cb5-4d43-9a9c-eb9328cca734</t>
  </si>
  <si>
    <t>BU17290200</t>
  </si>
  <si>
    <t>Eys-Overeys</t>
  </si>
  <si>
    <t>WK172902</t>
  </si>
  <si>
    <t>2021BU17290200</t>
  </si>
  <si>
    <t>buurten.fe06692f-ed33-4e10-a373-b42cff8b265e</t>
  </si>
  <si>
    <t>BU17290201</t>
  </si>
  <si>
    <t>Trintelen</t>
  </si>
  <si>
    <t>2021BU17290201</t>
  </si>
  <si>
    <t>buurten.4a725df9-5d00-4da1-b72d-36b82c39d6e8</t>
  </si>
  <si>
    <t>BU17290202</t>
  </si>
  <si>
    <t>Eyserheide</t>
  </si>
  <si>
    <t>2021BU17290202</t>
  </si>
  <si>
    <t>buurten.e0510ba1-8c04-4133-bce5-8a712bf6997c</t>
  </si>
  <si>
    <t>BU17290209</t>
  </si>
  <si>
    <t>2021BU17290209</t>
  </si>
  <si>
    <t>buurten.9e49e92d-8bbc-45f0-aa5d-660587045916</t>
  </si>
  <si>
    <t>BU17290300</t>
  </si>
  <si>
    <t>Partij-Wittem</t>
  </si>
  <si>
    <t>WK172903</t>
  </si>
  <si>
    <t>2021BU17290300</t>
  </si>
  <si>
    <t>buurten.971b59f6-2668-4534-ba40-1d4e924d3cdb</t>
  </si>
  <si>
    <t>BU17290301</t>
  </si>
  <si>
    <t>Wahlwiller</t>
  </si>
  <si>
    <t>2021BU17290301</t>
  </si>
  <si>
    <t>buurten.21856629-266c-418d-bcd3-1cf3e744bc53</t>
  </si>
  <si>
    <t>BU17290302</t>
  </si>
  <si>
    <t>Nijswiller</t>
  </si>
  <si>
    <t>2021BU17290302</t>
  </si>
  <si>
    <t>buurten.24aa3425-babb-4274-b4fe-dbe1f7303881</t>
  </si>
  <si>
    <t>BU17290309</t>
  </si>
  <si>
    <t>2021BU17290309</t>
  </si>
  <si>
    <t>buurten.e201f247-9fbf-40a1-b7bc-ea5d55c67eea</t>
  </si>
  <si>
    <t>BU17290400</t>
  </si>
  <si>
    <t>Mechelen</t>
  </si>
  <si>
    <t>WK172904</t>
  </si>
  <si>
    <t>2021BU17290400</t>
  </si>
  <si>
    <t>buurten.d90a50be-75a3-4ca7-b402-b8a4c5db10b0</t>
  </si>
  <si>
    <t>BU17290401</t>
  </si>
  <si>
    <t>Hilleshagen</t>
  </si>
  <si>
    <t>2021BU17290401</t>
  </si>
  <si>
    <t>buurten.8365f8ea-6348-4fd4-9c36-bc8c6da1fd58</t>
  </si>
  <si>
    <t>BU17290402</t>
  </si>
  <si>
    <t>Schweiberg-Dal</t>
  </si>
  <si>
    <t>2021BU17290402</t>
  </si>
  <si>
    <t>buurten.8970b798-f482-41e7-beaa-87b29f4898c9</t>
  </si>
  <si>
    <t>BU17290409</t>
  </si>
  <si>
    <t>2021BU17290409</t>
  </si>
  <si>
    <t>buurten.2a5f889f-821f-48d1-bdcb-f5f9552eca04</t>
  </si>
  <si>
    <t>BU17290500</t>
  </si>
  <si>
    <t>Epen</t>
  </si>
  <si>
    <t>WK172905</t>
  </si>
  <si>
    <t>2021BU17290500</t>
  </si>
  <si>
    <t>buurten.c8e1b8fa-4718-483a-9797-14564848af66</t>
  </si>
  <si>
    <t>BU17290501</t>
  </si>
  <si>
    <t>Eperheide</t>
  </si>
  <si>
    <t>2021BU17290501</t>
  </si>
  <si>
    <t>buurten.f29e0d98-e92f-4bda-9648-2e6b6c8a7ecb</t>
  </si>
  <si>
    <t>BU17290509</t>
  </si>
  <si>
    <t>2021BU17290509</t>
  </si>
  <si>
    <t>buurten.649555e7-c137-4829-bd42-2d1b4f5b54c2</t>
  </si>
  <si>
    <t>BU17290600</t>
  </si>
  <si>
    <t>Slenaken</t>
  </si>
  <si>
    <t>WK172906</t>
  </si>
  <si>
    <t>2021BU17290600</t>
  </si>
  <si>
    <t>buurten.240dc264-53a3-4b92-a71f-1a93ca65561b</t>
  </si>
  <si>
    <t>BU17290601</t>
  </si>
  <si>
    <t>Heijenrade</t>
  </si>
  <si>
    <t>2021BU17290601</t>
  </si>
  <si>
    <t>buurten.1286e13c-9247-4e85-8754-781a6415e43b</t>
  </si>
  <si>
    <t>BU17290602</t>
  </si>
  <si>
    <t>Beutenaken</t>
  </si>
  <si>
    <t>2021BU17290602</t>
  </si>
  <si>
    <t>buurten.f37a4c74-b985-46ff-bb6f-c70cbaf4ee5c</t>
  </si>
  <si>
    <t>BU17290603</t>
  </si>
  <si>
    <t>Schilberg-Hoogcruts</t>
  </si>
  <si>
    <t>2021BU17290603</t>
  </si>
  <si>
    <t>buurten.8437c001-8981-4548-a95b-604f320d9df5</t>
  </si>
  <si>
    <t>BU17300000</t>
  </si>
  <si>
    <t>Zuidlaren</t>
  </si>
  <si>
    <t>WK173000</t>
  </si>
  <si>
    <t>2021BU17300000</t>
  </si>
  <si>
    <t>buurten.8b5719c7-ddb4-43ce-af3c-d63d13a5e409</t>
  </si>
  <si>
    <t>PL1730010013</t>
  </si>
  <si>
    <t>Zuidlaren: Centrum en Westlaren</t>
  </si>
  <si>
    <t>BU17300001</t>
  </si>
  <si>
    <t>Zuid-Es</t>
  </si>
  <si>
    <t>2021BU17300001</t>
  </si>
  <si>
    <t>buurten.9b89662b-e387-4129-8355-301d3d328986</t>
  </si>
  <si>
    <t>BU17300009</t>
  </si>
  <si>
    <t>Verspreide huizen Zuidlaren</t>
  </si>
  <si>
    <t>2021BU17300009</t>
  </si>
  <si>
    <t>buurten.f05fe14d-f980-4a09-8745-03061bc1fc84</t>
  </si>
  <si>
    <t>BU17300100</t>
  </si>
  <si>
    <t>De Groeve</t>
  </si>
  <si>
    <t>WK173001</t>
  </si>
  <si>
    <t>2021BU17300100</t>
  </si>
  <si>
    <t>buurten.66c2d587-f25d-4e12-9ed1-f245dcb0bcdc</t>
  </si>
  <si>
    <t>BU17300109</t>
  </si>
  <si>
    <t>Verspreide huizen De Groeve</t>
  </si>
  <si>
    <t>2021BU17300109</t>
  </si>
  <si>
    <t>buurten.a1146465-66da-4570-8922-8de0493d69f9</t>
  </si>
  <si>
    <t>BU17300200</t>
  </si>
  <si>
    <t>Zuidlaarderveen</t>
  </si>
  <si>
    <t>WK173002</t>
  </si>
  <si>
    <t>2021BU17300200</t>
  </si>
  <si>
    <t>buurten.c15d6570-703d-4477-809d-f5a4be0062db</t>
  </si>
  <si>
    <t>BU17300209</t>
  </si>
  <si>
    <t>Verspreide huizen Zuidlaarderveen</t>
  </si>
  <si>
    <t>2021BU17300209</t>
  </si>
  <si>
    <t>buurten.7c655270-bed0-4136-9eb7-ac5d620beb47</t>
  </si>
  <si>
    <t>BU17300300</t>
  </si>
  <si>
    <t>Midlaren</t>
  </si>
  <si>
    <t>WK173003</t>
  </si>
  <si>
    <t>2021BU17300300</t>
  </si>
  <si>
    <t>buurten.56d11c42-0af4-4db9-80e0-4fafe16eda75</t>
  </si>
  <si>
    <t>BU17300309</t>
  </si>
  <si>
    <t>Verspreide huizen Midlaren</t>
  </si>
  <si>
    <t>2021BU17300309</t>
  </si>
  <si>
    <t>buurten.bad8e4ee-0674-42c1-af46-b23f1238263c</t>
  </si>
  <si>
    <t>BU17300400</t>
  </si>
  <si>
    <t>Westlaren</t>
  </si>
  <si>
    <t>WK173004</t>
  </si>
  <si>
    <t>2021BU17300400</t>
  </si>
  <si>
    <t>buurten.b35f77b8-ed62-4554-a2ba-a836c5a098f2</t>
  </si>
  <si>
    <t>BU17300401</t>
  </si>
  <si>
    <t>Westlaren Noord</t>
  </si>
  <si>
    <t>2021BU17300401</t>
  </si>
  <si>
    <t>buurten.255c18d6-4a92-4593-a167-7463b85ad51c</t>
  </si>
  <si>
    <t>BU17300402</t>
  </si>
  <si>
    <t>Verspreide huizen Westlaren</t>
  </si>
  <si>
    <t>2021BU17300402</t>
  </si>
  <si>
    <t>buurten.a2907927-8a76-4874-874e-6de86e789eb1</t>
  </si>
  <si>
    <t>BU17300403</t>
  </si>
  <si>
    <t>Westlaren-West</t>
  </si>
  <si>
    <t>2021BU17300403</t>
  </si>
  <si>
    <t>buurten.df966700-7105-404b-a886-971978011c76</t>
  </si>
  <si>
    <t>BU17300500</t>
  </si>
  <si>
    <t>Schuilingsoord</t>
  </si>
  <si>
    <t>WK173005</t>
  </si>
  <si>
    <t>2021BU17300500</t>
  </si>
  <si>
    <t>buurten.e8dfccf6-6422-4c05-9a92-ac103c545036</t>
  </si>
  <si>
    <t>BU17300509</t>
  </si>
  <si>
    <t>Verspreide huizen Schuilingsoord</t>
  </si>
  <si>
    <t>2021BU17300509</t>
  </si>
  <si>
    <t>buurten.8743c400-66b6-49e9-8ec9-fea918831638</t>
  </si>
  <si>
    <t>BU17300600</t>
  </si>
  <si>
    <t>Paterswolde</t>
  </si>
  <si>
    <t>WK173006</t>
  </si>
  <si>
    <t>2021BU17300600</t>
  </si>
  <si>
    <t>buurten.e2592638-216f-47ff-8ce8-469832e64314</t>
  </si>
  <si>
    <t>Woningen (en appartementen) zonder voorof achtertuin. Centrum Zuidlaren en Eelde</t>
  </si>
  <si>
    <t>technische, financiele haalbaarheid LT warmtenet op buurt/blokniveau</t>
  </si>
  <si>
    <t>LT warmte: aquathermie (RWZI) en/of restwarmte</t>
  </si>
  <si>
    <t>BU17300609</t>
  </si>
  <si>
    <t>Verspreide huizen Paterswolde</t>
  </si>
  <si>
    <t>2021BU17300609</t>
  </si>
  <si>
    <t>buurten.f7730bec-0421-4914-87a0-b0b292bc1fdd</t>
  </si>
  <si>
    <t>BU17300700</t>
  </si>
  <si>
    <t>Eelde</t>
  </si>
  <si>
    <t>WK173007</t>
  </si>
  <si>
    <t>2021BU17300700</t>
  </si>
  <si>
    <t>buurten.73541f29-1926-4834-808e-99b874e8e11e</t>
  </si>
  <si>
    <t>BU17300701</t>
  </si>
  <si>
    <t>Oosterbroek en vliegveld</t>
  </si>
  <si>
    <t>2021BU17300701</t>
  </si>
  <si>
    <t>buurten.3d61bacc-9d91-43c7-abea-ca55890de8e7</t>
  </si>
  <si>
    <t>PL1730010008</t>
  </si>
  <si>
    <t>Koppeling investering/werkzaamheden en renovatieopgaves.</t>
  </si>
  <si>
    <t>BU17300709</t>
  </si>
  <si>
    <t>Verspreide huizen Eelde</t>
  </si>
  <si>
    <t>2021BU17300709</t>
  </si>
  <si>
    <t>buurten.b4f368b0-43a2-4efc-9f8b-a0e1bb7d0822</t>
  </si>
  <si>
    <t>BU17300800</t>
  </si>
  <si>
    <t>Eelderwolde</t>
  </si>
  <si>
    <t>WK173008</t>
  </si>
  <si>
    <t>2021BU17300800</t>
  </si>
  <si>
    <t>buurten.01dfb3b4-9ff5-44c0-b9c9-0f5fd4a4d4fe</t>
  </si>
  <si>
    <t>BU17300809</t>
  </si>
  <si>
    <t>Verspreide huizen Eelderwolde</t>
  </si>
  <si>
    <t>2021BU17300809</t>
  </si>
  <si>
    <t>buurten.d0dd42b0-2465-4644-8cb6-9de8a7d29d45</t>
  </si>
  <si>
    <t>BU17300900</t>
  </si>
  <si>
    <t>Vries</t>
  </si>
  <si>
    <t>WK173009</t>
  </si>
  <si>
    <t>2021BU17300900</t>
  </si>
  <si>
    <t>buurten.0a62990b-e5ad-4ef3-978e-7257b18a5708</t>
  </si>
  <si>
    <t>PL1730010012</t>
  </si>
  <si>
    <t>Vries: De Fledders</t>
  </si>
  <si>
    <t>aansluiten bij koppelkansen: renovatie + nieuwbouwplannen</t>
  </si>
  <si>
    <t>technische  financiele haalbaarheid LT warmtenet, in combinatie met revitalisering gebied/bedrijventerrein</t>
  </si>
  <si>
    <t>BU17300909</t>
  </si>
  <si>
    <t>Verspreide huizen Vries</t>
  </si>
  <si>
    <t>2021BU17300909</t>
  </si>
  <si>
    <t>buurten.0d0cd3ca-42bf-49db-af10-27ec18cf7e63</t>
  </si>
  <si>
    <t>BU17301000</t>
  </si>
  <si>
    <t>Donderen</t>
  </si>
  <si>
    <t>WK173010</t>
  </si>
  <si>
    <t>2021BU17301000</t>
  </si>
  <si>
    <t>buurten.feb17717-9719-478b-a7ec-62cd5a01bf91</t>
  </si>
  <si>
    <t>BU17301009</t>
  </si>
  <si>
    <t>Verspreide huizen Donderen</t>
  </si>
  <si>
    <t>2021BU17301009</t>
  </si>
  <si>
    <t>buurten.a01f7b08-232f-487a-8518-aaac9d30672a</t>
  </si>
  <si>
    <t>BU17301100</t>
  </si>
  <si>
    <t>Bunne</t>
  </si>
  <si>
    <t>WK173011</t>
  </si>
  <si>
    <t>2021BU17301100</t>
  </si>
  <si>
    <t>buurten.b9917b88-4833-44b1-bebe-2583762888ee</t>
  </si>
  <si>
    <t>BU17301101</t>
  </si>
  <si>
    <t>Winde</t>
  </si>
  <si>
    <t>2021BU17301101</t>
  </si>
  <si>
    <t>buurten.58b87fc9-0bad-43cd-8602-6e1b195706be</t>
  </si>
  <si>
    <t>BU17301108</t>
  </si>
  <si>
    <t>Verspreide huizen Winde</t>
  </si>
  <si>
    <t>2021BU17301108</t>
  </si>
  <si>
    <t>buurten.a11e9410-deae-44cf-99b6-e7a8eae91324</t>
  </si>
  <si>
    <t>BU17301109</t>
  </si>
  <si>
    <t>Verspreide huizen Bunne</t>
  </si>
  <si>
    <t>2021BU17301109</t>
  </si>
  <si>
    <t>buurten.06f1a34b-6962-4481-9eec-dbf2f23895f9</t>
  </si>
  <si>
    <t>BU17301200</t>
  </si>
  <si>
    <t>Yde</t>
  </si>
  <si>
    <t>WK173012</t>
  </si>
  <si>
    <t>2021BU17301200</t>
  </si>
  <si>
    <t>buurten.4807ad08-67b7-4602-b24b-dc3eeae0c426</t>
  </si>
  <si>
    <t>BU17301201</t>
  </si>
  <si>
    <t>2021BU17301201</t>
  </si>
  <si>
    <t>buurten.1f3907c0-3639-4766-9a44-6b3c4c1e11ca</t>
  </si>
  <si>
    <t>BU17301208</t>
  </si>
  <si>
    <t>Verspreide huizen De Punt</t>
  </si>
  <si>
    <t>2021BU17301208</t>
  </si>
  <si>
    <t>buurten.a7a080a0-8283-4dc7-bcad-e676cee9c1e4</t>
  </si>
  <si>
    <t>BU17301209</t>
  </si>
  <si>
    <t>Verspreide huizen Yde</t>
  </si>
  <si>
    <t>2021BU17301209</t>
  </si>
  <si>
    <t>buurten.100a2dd2-9eba-47b9-8eea-287f88ddda0b</t>
  </si>
  <si>
    <t>BU17301300</t>
  </si>
  <si>
    <t>WK173013</t>
  </si>
  <si>
    <t>2021BU17301300</t>
  </si>
  <si>
    <t>buurten.8a35b894-449d-4fba-8947-0e30eda4dcf3</t>
  </si>
  <si>
    <t>BU17301309</t>
  </si>
  <si>
    <t>Verspreide huizen Tynaarlo</t>
  </si>
  <si>
    <t>2021BU17301309</t>
  </si>
  <si>
    <t>buurten.25e5e1df-30eb-494c-9b1d-b9898dac758d</t>
  </si>
  <si>
    <t>BU17301400</t>
  </si>
  <si>
    <t>Zeegse</t>
  </si>
  <si>
    <t>WK173014</t>
  </si>
  <si>
    <t>2021BU17301400</t>
  </si>
  <si>
    <t>buurten.5c7d4f88-d3d4-46e1-bd2f-0571b4a6764f</t>
  </si>
  <si>
    <t>BU17301401</t>
  </si>
  <si>
    <t>2021BU17301401</t>
  </si>
  <si>
    <t>buurten.03ae5f02-ac94-4185-8007-de10ca7cafc2</t>
  </si>
  <si>
    <t>BU17301402</t>
  </si>
  <si>
    <t>Taarlo</t>
  </si>
  <si>
    <t>2021BU17301402</t>
  </si>
  <si>
    <t>buurten.ecfbb905-2cf9-4c30-88dd-b806d48b1427</t>
  </si>
  <si>
    <t>BU17301407</t>
  </si>
  <si>
    <t>Verspreide huizen Zeegse</t>
  </si>
  <si>
    <t>2021BU17301407</t>
  </si>
  <si>
    <t>buurten.17eff91d-2201-44c6-838f-330012b1721b</t>
  </si>
  <si>
    <t>BU17301408</t>
  </si>
  <si>
    <t>Verspreide huizen Oudemolen</t>
  </si>
  <si>
    <t>2021BU17301408</t>
  </si>
  <si>
    <t>buurten.44f4ab59-08bb-4404-ac01-8133476c21f9</t>
  </si>
  <si>
    <t>BU17301409</t>
  </si>
  <si>
    <t>Verspreide huizen Taarlo</t>
  </si>
  <si>
    <t>2021BU17301409</t>
  </si>
  <si>
    <t>buurten.e753ba5b-bd96-4bc7-96b7-56612bd32927</t>
  </si>
  <si>
    <t>BU17301500</t>
  </si>
  <si>
    <t>Zeijen</t>
  </si>
  <si>
    <t>WK173015</t>
  </si>
  <si>
    <t>2021BU17301500</t>
  </si>
  <si>
    <t>buurten.1cd8ce77-9999-4768-9c94-36613621f194</t>
  </si>
  <si>
    <t>BU17301509</t>
  </si>
  <si>
    <t>Verspreide huizen Zeijen</t>
  </si>
  <si>
    <t>2021BU17301509</t>
  </si>
  <si>
    <t>buurten.8d6539be-32a6-4b16-9764-49b2583208a6</t>
  </si>
  <si>
    <t>BU17310000</t>
  </si>
  <si>
    <t>Beilen</t>
  </si>
  <si>
    <t>WK173100</t>
  </si>
  <si>
    <t>2021BU17310000</t>
  </si>
  <si>
    <t>buurten.f0e81920-0918-4ef3-8c6c-42eb159a9a63</t>
  </si>
  <si>
    <t>BU17310001</t>
  </si>
  <si>
    <t>Lieving Makkum</t>
  </si>
  <si>
    <t>2021BU17310001</t>
  </si>
  <si>
    <t>buurten.5fc17684-8aad-4441-9488-8a4bda49649e</t>
  </si>
  <si>
    <t>BU17310002</t>
  </si>
  <si>
    <t>Holthe</t>
  </si>
  <si>
    <t>2021BU17310002</t>
  </si>
  <si>
    <t>buurten.076ee0a9-2bc5-475b-b392-f471963d45c4</t>
  </si>
  <si>
    <t>BU17310003</t>
  </si>
  <si>
    <t>Brunsting</t>
  </si>
  <si>
    <t>2021BU17310003</t>
  </si>
  <si>
    <t>buurten.219fa8e6-e6dc-4d9d-9e51-1c3616129233</t>
  </si>
  <si>
    <t>BU17310009</t>
  </si>
  <si>
    <t>Verspreide huizen Beilen</t>
  </si>
  <si>
    <t>2021BU17310009</t>
  </si>
  <si>
    <t>buurten.88142570-d2f5-4304-95e4-b6ca8e58adf0</t>
  </si>
  <si>
    <t>BU17310100</t>
  </si>
  <si>
    <t>Hijken</t>
  </si>
  <si>
    <t>WK173101</t>
  </si>
  <si>
    <t>2021BU17310100</t>
  </si>
  <si>
    <t>buurten.a7f3f3d8-32f4-4d25-ace4-4b3c28fba258</t>
  </si>
  <si>
    <t>BU17310101</t>
  </si>
  <si>
    <t>Oranje</t>
  </si>
  <si>
    <t>2021BU17310101</t>
  </si>
  <si>
    <t>buurten.270d85af-3dd1-4859-874d-af39bdd044a2</t>
  </si>
  <si>
    <t>BU17310109</t>
  </si>
  <si>
    <t>Verspreide huizen Hijken</t>
  </si>
  <si>
    <t>2021BU17310109</t>
  </si>
  <si>
    <t>buurten.2dfa50ac-5c90-44f2-ba92-f4a48de1f3b6</t>
  </si>
  <si>
    <t>BU17310200</t>
  </si>
  <si>
    <t>Hooghalen</t>
  </si>
  <si>
    <t>WK173102</t>
  </si>
  <si>
    <t>2021BU17310200</t>
  </si>
  <si>
    <t>buurten.b2e9382b-0ad2-47c5-b254-a886293bfe70</t>
  </si>
  <si>
    <t>BU17310201</t>
  </si>
  <si>
    <t>Laaghalen</t>
  </si>
  <si>
    <t>2021BU17310201</t>
  </si>
  <si>
    <t>buurten.42cfd486-7ac1-4016-b8da-bdbd66d22640</t>
  </si>
  <si>
    <t>BU17310209</t>
  </si>
  <si>
    <t>Verspreide huizen Hooghalen</t>
  </si>
  <si>
    <t>2021BU17310209</t>
  </si>
  <si>
    <t>buurten.b83268a2-4230-4372-8aeb-9b457ae6c367</t>
  </si>
  <si>
    <t>BU17310300</t>
  </si>
  <si>
    <t>Wijster</t>
  </si>
  <si>
    <t>WK173103</t>
  </si>
  <si>
    <t>2021BU17310300</t>
  </si>
  <si>
    <t>buurten.139ee211-b991-4395-952e-1ad8fe3350b0</t>
  </si>
  <si>
    <t>BU17310309</t>
  </si>
  <si>
    <t>Verspreide huizen Wijster</t>
  </si>
  <si>
    <t>2021BU17310309</t>
  </si>
  <si>
    <t>buurten.e191e0e1-cd11-4dc3-ad93-0ba50ce30318</t>
  </si>
  <si>
    <t>BU17310400</t>
  </si>
  <si>
    <t>Spier</t>
  </si>
  <si>
    <t>WK173104</t>
  </si>
  <si>
    <t>2021BU17310400</t>
  </si>
  <si>
    <t>buurten.8b75f930-b02f-4e20-b294-620026ca701e</t>
  </si>
  <si>
    <t>BU17310409</t>
  </si>
  <si>
    <t>Verspreide huizen Spier</t>
  </si>
  <si>
    <t>2021BU17310409</t>
  </si>
  <si>
    <t>buurten.65d1ba61-0300-44e2-9bb7-4db4d074b95e</t>
  </si>
  <si>
    <t>BU17310500</t>
  </si>
  <si>
    <t>Drijber</t>
  </si>
  <si>
    <t>WK173105</t>
  </si>
  <si>
    <t>2021BU17310500</t>
  </si>
  <si>
    <t>buurten.5bc44ed4-9555-412c-ab0d-92f1c471c829</t>
  </si>
  <si>
    <t>BU17310509</t>
  </si>
  <si>
    <t>Verspreide huizen Drijber</t>
  </si>
  <si>
    <t>2021BU17310509</t>
  </si>
  <si>
    <t>buurten.bd5e561f-a8ad-45c4-9ebc-d5093f312933</t>
  </si>
  <si>
    <t>BU17310600</t>
  </si>
  <si>
    <t>Smilde-Centrum</t>
  </si>
  <si>
    <t>WK173106</t>
  </si>
  <si>
    <t>2021BU17310600</t>
  </si>
  <si>
    <t>buurten.10203978-cf76-47af-8b08-e1b1813f4ef0</t>
  </si>
  <si>
    <t>BU17310601</t>
  </si>
  <si>
    <t>Smilde-Noord</t>
  </si>
  <si>
    <t>2021BU17310601</t>
  </si>
  <si>
    <t>buurten.12c138fc-06a8-402c-9c1f-ce02efa8e44a</t>
  </si>
  <si>
    <t>BU17310602</t>
  </si>
  <si>
    <t>Smilde-Zuid</t>
  </si>
  <si>
    <t>2021BU17310602</t>
  </si>
  <si>
    <t>buurten.7f0fa83e-9328-443b-827f-b06a347b6ab0</t>
  </si>
  <si>
    <t>BU17310609</t>
  </si>
  <si>
    <t>Verspreide huizen Smilde</t>
  </si>
  <si>
    <t>2021BU17310609</t>
  </si>
  <si>
    <t>buurten.650f23de-f0f2-449f-8169-2538fb9e2a9b</t>
  </si>
  <si>
    <t>BU17310700</t>
  </si>
  <si>
    <t>Bovensmilde-Centrum</t>
  </si>
  <si>
    <t>WK173107</t>
  </si>
  <si>
    <t>2021BU17310700</t>
  </si>
  <si>
    <t>buurten.18fb5451-b41d-428f-95d6-099ee5c14d4e</t>
  </si>
  <si>
    <t>BU17310701</t>
  </si>
  <si>
    <t>Bovensmilde-Noord</t>
  </si>
  <si>
    <t>2021BU17310701</t>
  </si>
  <si>
    <t>buurten.a8573f05-7cce-4916-87a0-a706de60bb18</t>
  </si>
  <si>
    <t>BU17310702</t>
  </si>
  <si>
    <t>Bovensmilde-Zuid</t>
  </si>
  <si>
    <t>2021BU17310702</t>
  </si>
  <si>
    <t>buurten.3a90514d-c07c-4f1e-92da-6af3b738eeef</t>
  </si>
  <si>
    <t>BU17310709</t>
  </si>
  <si>
    <t>Verspreide huizen Bovensmilde</t>
  </si>
  <si>
    <t>2021BU17310709</t>
  </si>
  <si>
    <t>buurten.756a1c31-7baf-470d-9cc4-122f4f61be05</t>
  </si>
  <si>
    <t>BU17310800</t>
  </si>
  <si>
    <t>Hoogersmilde-Centrum</t>
  </si>
  <si>
    <t>WK173108</t>
  </si>
  <si>
    <t>2021BU17310800</t>
  </si>
  <si>
    <t>buurten.96ff66b7-c684-4a2c-a31b-cf087f123337</t>
  </si>
  <si>
    <t>BU17310801</t>
  </si>
  <si>
    <t>Hoogersmilde-Noord</t>
  </si>
  <si>
    <t>2021BU17310801</t>
  </si>
  <si>
    <t>buurten.874a70e8-4565-4fb2-a518-9f89a9e99bb6</t>
  </si>
  <si>
    <t>BU17310802</t>
  </si>
  <si>
    <t>Hoogersmilde-Zuid</t>
  </si>
  <si>
    <t>2021BU17310802</t>
  </si>
  <si>
    <t>buurten.a30c149a-c4f8-4681-84cb-418ecbe2d875</t>
  </si>
  <si>
    <t>BU17310809</t>
  </si>
  <si>
    <t>Verspreide huizen Hoogersmilde</t>
  </si>
  <si>
    <t>2021BU17310809</t>
  </si>
  <si>
    <t>buurten.0c243906-9355-4996-b6ba-941bb9f49aab</t>
  </si>
  <si>
    <t>BU17310900</t>
  </si>
  <si>
    <t>Westerbork</t>
  </si>
  <si>
    <t>WK173109</t>
  </si>
  <si>
    <t>2021BU17310900</t>
  </si>
  <si>
    <t>buurten.d188cb46-c4c0-42b2-a958-10074170b968</t>
  </si>
  <si>
    <t>BU17310901</t>
  </si>
  <si>
    <t>Eursinge</t>
  </si>
  <si>
    <t>2021BU17310901</t>
  </si>
  <si>
    <t>buurten.51ae729a-dba0-4966-9441-fa6739598ebd</t>
  </si>
  <si>
    <t>BU17310909</t>
  </si>
  <si>
    <t>Verspreide huizen Westerbork</t>
  </si>
  <si>
    <t>2021BU17310909</t>
  </si>
  <si>
    <t>buurten.ce1229ee-7f52-48cf-a0dd-2816465c3173</t>
  </si>
  <si>
    <t>BU17311000</t>
  </si>
  <si>
    <t>Elp</t>
  </si>
  <si>
    <t>WK173110</t>
  </si>
  <si>
    <t>2021BU17311000</t>
  </si>
  <si>
    <t>buurten.cdeb5e20-cdba-4fb4-a3a5-3669fde7ae65</t>
  </si>
  <si>
    <t>BU17311001</t>
  </si>
  <si>
    <t>Zuidveld</t>
  </si>
  <si>
    <t>2021BU17311001</t>
  </si>
  <si>
    <t>buurten.07881efe-c4dd-42a8-b74c-f103bd231732</t>
  </si>
  <si>
    <t>BU17311009</t>
  </si>
  <si>
    <t>Verspreide huizen Elp</t>
  </si>
  <si>
    <t>2021BU17311009</t>
  </si>
  <si>
    <t>buurten.541ac682-a85b-4348-a472-e9ea97572eae</t>
  </si>
  <si>
    <t>BU17311100</t>
  </si>
  <si>
    <t>Witteveen</t>
  </si>
  <si>
    <t>WK173111</t>
  </si>
  <si>
    <t>2021BU17311100</t>
  </si>
  <si>
    <t>buurten.19d7a4da-d259-4014-9eb3-0cd0f6444e52</t>
  </si>
  <si>
    <t>BU17311109</t>
  </si>
  <si>
    <t>Verspreide huizen Witteveen</t>
  </si>
  <si>
    <t>2021BU17311109</t>
  </si>
  <si>
    <t>buurten.a2649bfb-ed79-4b88-b6c7-c3552f556510</t>
  </si>
  <si>
    <t>BU17311200</t>
  </si>
  <si>
    <t>Nieuw-Balinge</t>
  </si>
  <si>
    <t>WK173112</t>
  </si>
  <si>
    <t>2021BU17311200</t>
  </si>
  <si>
    <t>buurten.780fb577-e22d-4511-849a-3a22d3bacd07</t>
  </si>
  <si>
    <t>BU17311209</t>
  </si>
  <si>
    <t>Verspreide huizen Nieuw-Balinge</t>
  </si>
  <si>
    <t>2021BU17311209</t>
  </si>
  <si>
    <t>buurten.c9252315-80bf-4e39-b2d8-1ccc626827df</t>
  </si>
  <si>
    <t>BU17311309</t>
  </si>
  <si>
    <t>WK173113</t>
  </si>
  <si>
    <t>2021BU17311309</t>
  </si>
  <si>
    <t>buurten.4129e316-6045-4bc0-a430-ae1a6ced6130</t>
  </si>
  <si>
    <t>BU17311400</t>
  </si>
  <si>
    <t>Zwiggelte</t>
  </si>
  <si>
    <t>WK173114</t>
  </si>
  <si>
    <t>2021BU17311400</t>
  </si>
  <si>
    <t>buurten.f4998af9-c0a8-41a9-aa37-9c07231365bf</t>
  </si>
  <si>
    <t>BU17311409</t>
  </si>
  <si>
    <t>Verspreide huizen Zwiggelte</t>
  </si>
  <si>
    <t>2021BU17311409</t>
  </si>
  <si>
    <t>buurten.a11c721f-e2ce-4da0-a69a-9342000a5fce</t>
  </si>
  <si>
    <t>BU17311500</t>
  </si>
  <si>
    <t>Orvelte</t>
  </si>
  <si>
    <t>WK173115</t>
  </si>
  <si>
    <t>2021BU17311500</t>
  </si>
  <si>
    <t>buurten.d7447b43-7e3f-4756-9289-6e5f34eddeef</t>
  </si>
  <si>
    <t>BU17311509</t>
  </si>
  <si>
    <t>Verspreide huizen Orvelte</t>
  </si>
  <si>
    <t>2021BU17311509</t>
  </si>
  <si>
    <t>buurten.eec7a98c-69ee-441a-a5c5-1e9dbcb93ca5</t>
  </si>
  <si>
    <t>BU17311600</t>
  </si>
  <si>
    <t>Garminge</t>
  </si>
  <si>
    <t>WK173116</t>
  </si>
  <si>
    <t>2021BU17311600</t>
  </si>
  <si>
    <t>buurten.74db40df-f8bb-40d6-87d6-e61d40203981</t>
  </si>
  <si>
    <t>BU17311601</t>
  </si>
  <si>
    <t>Balinge</t>
  </si>
  <si>
    <t>2021BU17311601</t>
  </si>
  <si>
    <t>buurten.f8845565-3125-4310-8bc8-2eafa9d2991d</t>
  </si>
  <si>
    <t>BU17311602</t>
  </si>
  <si>
    <t>Mantinge</t>
  </si>
  <si>
    <t>2021BU17311602</t>
  </si>
  <si>
    <t>buurten.303b8eef-f5a0-40d7-81c5-76546f7b77b3</t>
  </si>
  <si>
    <t>BU17311609</t>
  </si>
  <si>
    <t>Verspreide huizen de Broekstreek</t>
  </si>
  <si>
    <t>2021BU17311609</t>
  </si>
  <si>
    <t>buurten.556c38c1-f965-4269-9347-d62ec26f01ea</t>
  </si>
  <si>
    <t>BU17340101</t>
  </si>
  <si>
    <t>Eimeren</t>
  </si>
  <si>
    <t>WK173401</t>
  </si>
  <si>
    <t>2021BU17340101</t>
  </si>
  <si>
    <t>buurten.e7cce11b-00b0-4aba-a54e-547aea8c14a5</t>
  </si>
  <si>
    <t>PL1734010006</t>
  </si>
  <si>
    <t>Andelst, Overhout, overige delen Herveld en Elst en kleinere kernen</t>
  </si>
  <si>
    <t>Verkennen mogelijkheden kleinschalige collectieve warmtenetwerken en vormgeven isolatieplan</t>
  </si>
  <si>
    <t>BU17340102</t>
  </si>
  <si>
    <t>Buitengebied Elst Oost</t>
  </si>
  <si>
    <t>2021BU17340102</t>
  </si>
  <si>
    <t>buurten.af601e2b-2b1b-4abf-8024-99096e210292</t>
  </si>
  <si>
    <t>Binnenkort, voor 2030, start wijkuitvoeringsplan; Keuze maken tussen warmtepomp of warmtenet voor deze buurt</t>
  </si>
  <si>
    <t>Mogelijke energiebron warmtenet oppervlaktewater Mare Nostrum, ook aansluiting op warmtenet Elst Centrum is mogelijk</t>
  </si>
  <si>
    <t>BU17340103</t>
  </si>
  <si>
    <t>Buitengebied Hollanderbroek</t>
  </si>
  <si>
    <t>2021BU17340103</t>
  </si>
  <si>
    <t>buurten.f2434ec6-114f-4faa-beb7-5cb9454bb6d1</t>
  </si>
  <si>
    <t>Elst Oost</t>
  </si>
  <si>
    <t>Er worden nieuwe woningen in het gebied gebouwd die al aardgasvrij worden. We gaan bekijken of de bestaande bouw hierop mee kan liften.</t>
  </si>
  <si>
    <t>Binnenkort, voor 2030, start wijkuitvoeringsplan; In Elst noordwest staan veel woningen van woningcorporatie Vivare. Daar moeten een aantal woningen binnenkort gerenoveerd worden. We gaan onderzoeken of dat meteen zo gedaan kan worden, dat de woningen kl</t>
  </si>
  <si>
    <t>BU17340104</t>
  </si>
  <si>
    <t>Reeth</t>
  </si>
  <si>
    <t>2021BU17340104</t>
  </si>
  <si>
    <t>buurten.342fd53b-bfeb-4b94-a62a-6793db633289</t>
  </si>
  <si>
    <t>BU17340201</t>
  </si>
  <si>
    <t>Kersenbongerd</t>
  </si>
  <si>
    <t>WK173402</t>
  </si>
  <si>
    <t>2021BU17340201</t>
  </si>
  <si>
    <t>buurten.74866390-c34a-4a4b-bda9-455853b14ade</t>
  </si>
  <si>
    <t>BU17340202</t>
  </si>
  <si>
    <t>de Wuurde</t>
  </si>
  <si>
    <t>2021BU17340202</t>
  </si>
  <si>
    <t>buurten.d4e53f16-0731-4326-bb78-742911aed770</t>
  </si>
  <si>
    <t>BU17340203</t>
  </si>
  <si>
    <t>Elst centrum Zuidzijde</t>
  </si>
  <si>
    <t>2021BU17340203</t>
  </si>
  <si>
    <t>buurten.695953b6-c432-4917-9335-dbc5dd87a691</t>
  </si>
  <si>
    <t>PL1734010001</t>
  </si>
  <si>
    <t>Onderzoek is nodig om te onderbouwen of restwarmte en oppervlaktewater inderdaad haalbaar is.</t>
  </si>
  <si>
    <t>Binnenkort, voor 2030, start wijkuitvoeringsplan</t>
  </si>
  <si>
    <t>Oppervlaktewater Aamseplas, eventueel ook restwarmte van bedrijven als Heinz en Logoplaste. Bij voldoende koudevraag van utiliteit kunnen ook WKO-systemen interessant zijn.</t>
  </si>
  <si>
    <t>aquathermie (TEO) en/of restwarmte (industrie) en/of WKO</t>
  </si>
  <si>
    <t>BU17340204</t>
  </si>
  <si>
    <t>Lynden</t>
  </si>
  <si>
    <t>2021BU17340204</t>
  </si>
  <si>
    <t>buurten.8d7095bb-3d3c-466c-8fce-070791f67e8a</t>
  </si>
  <si>
    <t>BU17340205</t>
  </si>
  <si>
    <t>Vosbergen</t>
  </si>
  <si>
    <t>2021BU17340205</t>
  </si>
  <si>
    <t>buurten.83eaa3ac-be95-43d5-8fac-6cc66b6e8cc6</t>
  </si>
  <si>
    <t>BU17340206</t>
  </si>
  <si>
    <t>Huyekamp</t>
  </si>
  <si>
    <t>2021BU17340206</t>
  </si>
  <si>
    <t>buurten.bb54c757-6c62-427c-9116-f8a7663b7833</t>
  </si>
  <si>
    <t>BU17340207</t>
  </si>
  <si>
    <t>de Zuiling</t>
  </si>
  <si>
    <t>2021BU17340207</t>
  </si>
  <si>
    <t>buurten.e843744f-9b9f-4b59-bd0b-ed0e8baf885a</t>
  </si>
  <si>
    <t>BU17340301</t>
  </si>
  <si>
    <t>de Helster</t>
  </si>
  <si>
    <t>WK173403</t>
  </si>
  <si>
    <t>2021BU17340301</t>
  </si>
  <si>
    <t>buurten.0cfaead8-0eea-4dbd-b625-b31205a56ebd</t>
  </si>
  <si>
    <t>PL1734010003</t>
  </si>
  <si>
    <t>Vergelijkende studie tussen warmtenet en individuele oplossing (warmtepompen)</t>
  </si>
  <si>
    <t>bestaande warmtenet uitbreiden en/of aquathermie (TEO)</t>
  </si>
  <si>
    <t>aquathermie, bestaand warmtenet</t>
  </si>
  <si>
    <t>BU17340302</t>
  </si>
  <si>
    <t>Steding</t>
  </si>
  <si>
    <t>2021BU17340302</t>
  </si>
  <si>
    <t>buurten.700e9999-c192-4065-918f-2ceb161e4b63</t>
  </si>
  <si>
    <t>PL1734010004</t>
  </si>
  <si>
    <t>Elst Noordwest</t>
  </si>
  <si>
    <t>BU17340303</t>
  </si>
  <si>
    <t>Elst Centrum Noordzijde</t>
  </si>
  <si>
    <t>2021BU17340303</t>
  </si>
  <si>
    <t>buurten.6a72693f-f82b-4881-83fd-dfd6528cd4bf</t>
  </si>
  <si>
    <t>BU17340304</t>
  </si>
  <si>
    <t>2021BU17340304</t>
  </si>
  <si>
    <t>buurten.e0b90b52-abc3-4ba4-bd13-7ac239f95f16</t>
  </si>
  <si>
    <t>BU17340305</t>
  </si>
  <si>
    <t>Hollanderbroek</t>
  </si>
  <si>
    <t>2021BU17340305</t>
  </si>
  <si>
    <t>buurten.7c506226-37b9-47f9-bfd2-e85ceed95b8e</t>
  </si>
  <si>
    <t>BU17340306</t>
  </si>
  <si>
    <t>de Kist</t>
  </si>
  <si>
    <t>2021BU17340306</t>
  </si>
  <si>
    <t>buurten.88403e78-3d2a-472a-91c2-6f0b2f7dadf5</t>
  </si>
  <si>
    <t>BU17340401</t>
  </si>
  <si>
    <t>Merm</t>
  </si>
  <si>
    <t>WK173404</t>
  </si>
  <si>
    <t>2021BU17340401</t>
  </si>
  <si>
    <t>buurten.f8cf16c0-7f3f-4166-9d05-2097960d2855</t>
  </si>
  <si>
    <t>BU17340402</t>
  </si>
  <si>
    <t>De Aam</t>
  </si>
  <si>
    <t>2021BU17340402</t>
  </si>
  <si>
    <t>buurten.8d710489-9ec1-4a4b-9a68-c7f7a4c84bbe</t>
  </si>
  <si>
    <t>Kansen voor bedrijventerreinen beginnen bij het inventariseren van de warmte- en koudevraag, het eventuele aanbod van restwarmte als bron en de inzet op het bedrijventerrein of richting nabijgelegen woningen. Veel bedrijven zijn zelf al bezig met een bes</t>
  </si>
  <si>
    <t>BU17340501</t>
  </si>
  <si>
    <t>Westeraam, Centrale zone</t>
  </si>
  <si>
    <t>WK173405</t>
  </si>
  <si>
    <t>2021BU17340501</t>
  </si>
  <si>
    <t>buurten.62ad0323-1b28-4971-baed-ed512b4c3fdb</t>
  </si>
  <si>
    <t>BU17340502</t>
  </si>
  <si>
    <t>Lingebuurt</t>
  </si>
  <si>
    <t>2021BU17340502</t>
  </si>
  <si>
    <t>buurten.52cacf91-dd8d-47c7-87a6-ae85ae0d8fbc</t>
  </si>
  <si>
    <t>BU17340503</t>
  </si>
  <si>
    <t>Vierslag</t>
  </si>
  <si>
    <t>2021BU17340503</t>
  </si>
  <si>
    <t>buurten.cf733917-ceec-417d-9b2d-979371b61f19</t>
  </si>
  <si>
    <t>BU17340504</t>
  </si>
  <si>
    <t>2021BU17340504</t>
  </si>
  <si>
    <t>buurten.9ed70011-188d-4cbe-b4b9-f508dcc4c9eb</t>
  </si>
  <si>
    <t>BU17340505</t>
  </si>
  <si>
    <t>Lanenbuurt</t>
  </si>
  <si>
    <t>2021BU17340505</t>
  </si>
  <si>
    <t>buurten.092917a2-bf43-4ef6-b54b-7075475c9956</t>
  </si>
  <si>
    <t>BU17340601</t>
  </si>
  <si>
    <t>Omgeving Oude Bemmelseweg</t>
  </si>
  <si>
    <t>WK173406</t>
  </si>
  <si>
    <t>2021BU17340601</t>
  </si>
  <si>
    <t>buurten.0296e321-4521-46c4-9c2b-af283b0152af</t>
  </si>
  <si>
    <t>BU17340602</t>
  </si>
  <si>
    <t>Eshof</t>
  </si>
  <si>
    <t>2021BU17340602</t>
  </si>
  <si>
    <t>buurten.bf9321ce-a3df-4f6d-99d2-b25e01e23fe5</t>
  </si>
  <si>
    <t>BU17340603</t>
  </si>
  <si>
    <t>De Brieneshof-De Pas</t>
  </si>
  <si>
    <t>2021BU17340603</t>
  </si>
  <si>
    <t>buurten.57d96cc2-3daa-4108-9b57-521e6e3c134f</t>
  </si>
  <si>
    <t>BU17340701</t>
  </si>
  <si>
    <t>Kern Oosterhout</t>
  </si>
  <si>
    <t>WK173407</t>
  </si>
  <si>
    <t>2021BU17340701</t>
  </si>
  <si>
    <t>buurten.1c7b6059-d224-419a-b923-28d9a7fa6410</t>
  </si>
  <si>
    <t>BU17340702</t>
  </si>
  <si>
    <t>Buitengebied Oosterhout oost</t>
  </si>
  <si>
    <t>2021BU17340702</t>
  </si>
  <si>
    <t>buurten.37e957bb-118d-42f5-af69-0390e448f4d7</t>
  </si>
  <si>
    <t>BU17340703</t>
  </si>
  <si>
    <t>De Rietgraaf</t>
  </si>
  <si>
    <t>2021BU17340703</t>
  </si>
  <si>
    <t>buurten.79fa5ea7-a8ea-4fc2-9511-f62e3af7efb7</t>
  </si>
  <si>
    <t>BU17340704</t>
  </si>
  <si>
    <t>Buitengebied Oosterhout West</t>
  </si>
  <si>
    <t>2021BU17340704</t>
  </si>
  <si>
    <t>buurten.e25d6f71-b62f-4a40-ac44-495bee62612b</t>
  </si>
  <si>
    <t>BU17340705</t>
  </si>
  <si>
    <t>Tergouw</t>
  </si>
  <si>
    <t>2021BU17340705</t>
  </si>
  <si>
    <t>buurten.5ff98d4b-bca9-4951-a304-fd3e05474826</t>
  </si>
  <si>
    <t>BU17340706</t>
  </si>
  <si>
    <t>Uiterwaarden Oosterhoutsche Waarden</t>
  </si>
  <si>
    <t>2021BU17340706</t>
  </si>
  <si>
    <t>buurten.b639c848-4ffc-4a5c-9c74-501969a05ee0</t>
  </si>
  <si>
    <t>BU17340801</t>
  </si>
  <si>
    <t>WK173408</t>
  </si>
  <si>
    <t>2021BU17340801</t>
  </si>
  <si>
    <t>buurten.c12e5e9c-2ee9-49dd-b006-743e36de588e</t>
  </si>
  <si>
    <t>BU17340802</t>
  </si>
  <si>
    <t>Kern Slijk-Ewijk</t>
  </si>
  <si>
    <t>2021BU17340802</t>
  </si>
  <si>
    <t>buurten.b8b8eb83-91c8-47a4-86b2-48034144a1d2</t>
  </si>
  <si>
    <t>BU17340803</t>
  </si>
  <si>
    <t>Uiterwaarden Loenense butenpolder</t>
  </si>
  <si>
    <t>2021BU17340803</t>
  </si>
  <si>
    <t>buurten.e8418c8f-82ca-437a-9964-d0a041e97535</t>
  </si>
  <si>
    <t>BU17340804</t>
  </si>
  <si>
    <t>Buitengebied de Danenberg</t>
  </si>
  <si>
    <t>2021BU17340804</t>
  </si>
  <si>
    <t>buurten.51667a29-0d39-415b-b428-a83984894c54</t>
  </si>
  <si>
    <t>BU17340901</t>
  </si>
  <si>
    <t>Buitengebied Herveld Zuid</t>
  </si>
  <si>
    <t>WK173409</t>
  </si>
  <si>
    <t>2021BU17340901</t>
  </si>
  <si>
    <t>buurten.998d5c59-a116-4061-af60-98ca750ed8e8</t>
  </si>
  <si>
    <t>BU17340902</t>
  </si>
  <si>
    <t>Kern Herveld</t>
  </si>
  <si>
    <t>2021BU17340902</t>
  </si>
  <si>
    <t>buurten.f211cd99-8d94-4693-bb5d-8ff26db3ea6d</t>
  </si>
  <si>
    <t>PL1734010002</t>
  </si>
  <si>
    <t>Herveld Noord</t>
  </si>
  <si>
    <t>Onderzoek energiebron warmtenet noodzakelijk</t>
  </si>
  <si>
    <t>mogelijk zonthermie, eventueel op daken</t>
  </si>
  <si>
    <t>BU17340903</t>
  </si>
  <si>
    <t>Omg. Binnenstraat-Stenenkamerstraat</t>
  </si>
  <si>
    <t>2021BU17340903</t>
  </si>
  <si>
    <t>buurten.ac771e47-92a5-4134-81c0-b256b2aaf5af</t>
  </si>
  <si>
    <t>BU17340904</t>
  </si>
  <si>
    <t>Buitengebied Herveldse Veld</t>
  </si>
  <si>
    <t>2021BU17340904</t>
  </si>
  <si>
    <t>buurten.fcf48791-b095-4661-bd28-955703d6db30</t>
  </si>
  <si>
    <t>BU17340905</t>
  </si>
  <si>
    <t>Kern Herveld Zuid</t>
  </si>
  <si>
    <t>2021BU17340905</t>
  </si>
  <si>
    <t>buurten.bd438a50-505b-493c-9150-4e20594f2798</t>
  </si>
  <si>
    <t>BU17341001</t>
  </si>
  <si>
    <t>Wolferen</t>
  </si>
  <si>
    <t>WK173410</t>
  </si>
  <si>
    <t>2021BU17341001</t>
  </si>
  <si>
    <t>buurten.ec554985-1627-4171-a8e7-ea4dd689500c</t>
  </si>
  <si>
    <t>BU17341002</t>
  </si>
  <si>
    <t>Bedrijventerrein Andelst Oost</t>
  </si>
  <si>
    <t>2021BU17341002</t>
  </si>
  <si>
    <t>buurten.8d6732c3-8ed5-4923-9be6-8764de9ff781</t>
  </si>
  <si>
    <t>BU17341003</t>
  </si>
  <si>
    <t>Buitengebied Andelst</t>
  </si>
  <si>
    <t>2021BU17341003</t>
  </si>
  <si>
    <t>buurten.bc91185b-69f1-45de-91a4-6d4ea31ba6a3</t>
  </si>
  <si>
    <t>BU17341004</t>
  </si>
  <si>
    <t>De Schalm</t>
  </si>
  <si>
    <t>2021BU17341004</t>
  </si>
  <si>
    <t>buurten.54944f87-4893-4575-8172-c9461f23c962</t>
  </si>
  <si>
    <t>BU17341005</t>
  </si>
  <si>
    <t>Uiterwaarden Andelst</t>
  </si>
  <si>
    <t>2021BU17341005</t>
  </si>
  <si>
    <t>buurten.d56314d3-f827-45b6-94c2-cd90900d30dd</t>
  </si>
  <si>
    <t>BU17341006</t>
  </si>
  <si>
    <t>Kern Andelst</t>
  </si>
  <si>
    <t>2021BU17341006</t>
  </si>
  <si>
    <t>buurten.b301648c-a375-415f-a2d6-ed246c99b735</t>
  </si>
  <si>
    <t>BU17341101</t>
  </si>
  <si>
    <t>Zetten Centrum</t>
  </si>
  <si>
    <t>WK173411</t>
  </si>
  <si>
    <t>2021BU17341101</t>
  </si>
  <si>
    <t>buurten.e121c314-f571-4852-bfd0-e4ef81bd1cc5</t>
  </si>
  <si>
    <t>PL1734010005</t>
  </si>
  <si>
    <t>Heteren, Driel, Zelten, Valburg</t>
  </si>
  <si>
    <t>Een all electric oplossing is kansrijk voor grondgebonden woningen van na 1990. Deze woningen hebben een hoog isolatieniveau. De aanpassingen aan isolatie en verwarmingssystemen die nodig zijn om de overstap naar aardgasvrij te kunnen maken zijn daarmee</t>
  </si>
  <si>
    <t>bodemwarmte, zonthermie of aquathermie</t>
  </si>
  <si>
    <t>bodemenergie en/of zonnewarmte en/of aquathermie</t>
  </si>
  <si>
    <t>BU17341102</t>
  </si>
  <si>
    <t>Zetten Noord-Magdalena</t>
  </si>
  <si>
    <t>2021BU17341102</t>
  </si>
  <si>
    <t>buurten.9c59f7b6-4467-4dba-9800-c99913417b49</t>
  </si>
  <si>
    <t>BU17341103</t>
  </si>
  <si>
    <t>Omg. Sterappel, Loohof en Zetten Zuid</t>
  </si>
  <si>
    <t>2021BU17341103</t>
  </si>
  <si>
    <t>buurten.992ecc33-2b2e-49a9-9901-f9667a05a103</t>
  </si>
  <si>
    <t>BU17341104</t>
  </si>
  <si>
    <t>2021BU17341104</t>
  </si>
  <si>
    <t>buurten.0c4bb93c-1727-4c26-91b6-6fb4e83c3590</t>
  </si>
  <si>
    <t>BU17341105</t>
  </si>
  <si>
    <t>Zetten NoordWest</t>
  </si>
  <si>
    <t>2021BU17341105</t>
  </si>
  <si>
    <t>buurten.6600f081-df06-4f9e-a0f5-dcd94d2e48cd</t>
  </si>
  <si>
    <t>BU17341106</t>
  </si>
  <si>
    <t>Rieshout</t>
  </si>
  <si>
    <t>2021BU17341106</t>
  </si>
  <si>
    <t>buurten.b1bd0458-7321-4b35-9db6-954c2ff49145</t>
  </si>
  <si>
    <t>BU17341107</t>
  </si>
  <si>
    <t>Omg. Vluchtheuvellaan</t>
  </si>
  <si>
    <t>2021BU17341107</t>
  </si>
  <si>
    <t>buurten.d97a53ea-cf40-4e00-8584-4cc588e678c8</t>
  </si>
  <si>
    <t>BU17341201</t>
  </si>
  <si>
    <t>Buitengebied Zetten Oost</t>
  </si>
  <si>
    <t>WK173412</t>
  </si>
  <si>
    <t>2021BU17341201</t>
  </si>
  <si>
    <t>buurten.7b7e2d75-73c1-46bd-9377-9aeba0bf1eac</t>
  </si>
  <si>
    <t>BU17341202</t>
  </si>
  <si>
    <t>Buitengebied Zetten West</t>
  </si>
  <si>
    <t>2021BU17341202</t>
  </si>
  <si>
    <t>buurten.19bd4f40-7af6-4d8e-80c6-c2586b179e10</t>
  </si>
  <si>
    <t>BU17341301</t>
  </si>
  <si>
    <t>Kern Hemmen</t>
  </si>
  <si>
    <t>WK173413</t>
  </si>
  <si>
    <t>2021BU17341301</t>
  </si>
  <si>
    <t>buurten.6e616153-961d-49df-a4ba-f56fccd9a02d</t>
  </si>
  <si>
    <t>BU17341302</t>
  </si>
  <si>
    <t>Buitengebied Hemmen</t>
  </si>
  <si>
    <t>2021BU17341302</t>
  </si>
  <si>
    <t>buurten.8c88d88a-e2a6-4432-b675-6b1a7c8f2269</t>
  </si>
  <si>
    <t>BU17341401</t>
  </si>
  <si>
    <t>Kern Randwijk</t>
  </si>
  <si>
    <t>WK173414</t>
  </si>
  <si>
    <t>2021BU17341401</t>
  </si>
  <si>
    <t>buurten.f282eb1e-b7f2-4a02-a009-f2bd35217d66</t>
  </si>
  <si>
    <t>BU17341402</t>
  </si>
  <si>
    <t>Buitengebied Randwijk</t>
  </si>
  <si>
    <t>2021BU17341402</t>
  </si>
  <si>
    <t>buurten.67c23a61-9d4d-4541-8783-4de57514cdbe</t>
  </si>
  <si>
    <t>BU17341403</t>
  </si>
  <si>
    <t>Indoornik</t>
  </si>
  <si>
    <t>2021BU17341403</t>
  </si>
  <si>
    <t>buurten.0b8ceba3-f5e5-48ec-b1b8-dc914e612b8e</t>
  </si>
  <si>
    <t>BU17341404</t>
  </si>
  <si>
    <t>Buitengebied Lakemond</t>
  </si>
  <si>
    <t>2021BU17341404</t>
  </si>
  <si>
    <t>buurten.a9eb8303-cc7d-4a44-8ba3-9650ae7f8ebb</t>
  </si>
  <si>
    <t>BU17341405</t>
  </si>
  <si>
    <t>Uiterwaarden Randwijk</t>
  </si>
  <si>
    <t>2021BU17341405</t>
  </si>
  <si>
    <t>buurten.5c54476b-8f2c-48c5-8b74-e6b02a739bac</t>
  </si>
  <si>
    <t>BU17341501</t>
  </si>
  <si>
    <t>Poort van Midden-Gelderland Zuid (Heterenkum)</t>
  </si>
  <si>
    <t>WK173415</t>
  </si>
  <si>
    <t>2021BU17341501</t>
  </si>
  <si>
    <t>buurten.0e9178e4-d8f5-4d2c-a0dc-6ca55b372f5a</t>
  </si>
  <si>
    <t>BU17341502</t>
  </si>
  <si>
    <t>Liefkenshoek</t>
  </si>
  <si>
    <t>2021BU17341502</t>
  </si>
  <si>
    <t>buurten.9fcd66c5-6310-4151-9c37-71f6d8545bee</t>
  </si>
  <si>
    <t>BU17341503</t>
  </si>
  <si>
    <t>Poort van Midden-Gelderland Noord 1/2/3</t>
  </si>
  <si>
    <t>2021BU17341503</t>
  </si>
  <si>
    <t>buurten.4d294763-b4e8-461d-ae7c-7f96bd61ffcd</t>
  </si>
  <si>
    <t>BU17341504</t>
  </si>
  <si>
    <t>De Haantjes-Vogelbuurt</t>
  </si>
  <si>
    <t>2021BU17341504</t>
  </si>
  <si>
    <t>buurten.93b26c15-92f3-4e17-bce9-30b33da99787</t>
  </si>
  <si>
    <t>BU17341505</t>
  </si>
  <si>
    <t>Omg. Julianaweg</t>
  </si>
  <si>
    <t>2021BU17341505</t>
  </si>
  <si>
    <t>buurten.cbbed807-db65-4ca1-b7e6-3d371d6e337c</t>
  </si>
  <si>
    <t>BU17341506</t>
  </si>
  <si>
    <t>Kern Heteren</t>
  </si>
  <si>
    <t>2021BU17341506</t>
  </si>
  <si>
    <t>buurten.89baf1ee-3fd7-4a6b-982b-6bad46613436</t>
  </si>
  <si>
    <t>BU17341507</t>
  </si>
  <si>
    <t>Melkweide</t>
  </si>
  <si>
    <t>2021BU17341507</t>
  </si>
  <si>
    <t>buurten.656e5a6d-ddad-43c8-a979-bcf18c366488</t>
  </si>
  <si>
    <t>BU17341601</t>
  </si>
  <si>
    <t>Uiterwaarden Heteren</t>
  </si>
  <si>
    <t>WK173416</t>
  </si>
  <si>
    <t>2021BU17341601</t>
  </si>
  <si>
    <t>buurten.a5ab547b-1b21-444c-b177-b449d85b23b9</t>
  </si>
  <si>
    <t>BU17341602</t>
  </si>
  <si>
    <t>Buitengebied Heteren Boterhoek-Weerbroek</t>
  </si>
  <si>
    <t>2021BU17341602</t>
  </si>
  <si>
    <t>buurten.e78be9f7-3e46-4960-a2f4-72363643039e</t>
  </si>
  <si>
    <t>BU17341603</t>
  </si>
  <si>
    <t>Buitengebied Heteren Uylenburg</t>
  </si>
  <si>
    <t>2021BU17341603</t>
  </si>
  <si>
    <t>buurten.698c4a7f-ef11-4aee-b666-b243d08d91ad</t>
  </si>
  <si>
    <t>BU17341701</t>
  </si>
  <si>
    <t>Buitengebied Valburg Zuid</t>
  </si>
  <si>
    <t>WK173417</t>
  </si>
  <si>
    <t>2021BU17341701</t>
  </si>
  <si>
    <t>buurten.223de7f3-9834-4c75-a7a6-4cc0c47fdc55</t>
  </si>
  <si>
    <t>BU17341702</t>
  </si>
  <si>
    <t>Molenzicht</t>
  </si>
  <si>
    <t>2021BU17341702</t>
  </si>
  <si>
    <t>buurten.f72426c7-4cdc-45e0-9e3b-ea064656971e</t>
  </si>
  <si>
    <t>BU17341703</t>
  </si>
  <si>
    <t>Buitengebied Homoet</t>
  </si>
  <si>
    <t>2021BU17341703</t>
  </si>
  <si>
    <t>buurten.c1cb9483-94dc-4029-8d99-71cf03842f94</t>
  </si>
  <si>
    <t>BU17341704</t>
  </si>
  <si>
    <t>De Weem</t>
  </si>
  <si>
    <t>2021BU17341704</t>
  </si>
  <si>
    <t>buurten.2ad79564-a3c5-4c9a-a8e9-4ebb471efeda</t>
  </si>
  <si>
    <t>BU17341705</t>
  </si>
  <si>
    <t>Buitengebied De Meilanden</t>
  </si>
  <si>
    <t>2021BU17341705</t>
  </si>
  <si>
    <t>buurten.e5f7c7ee-5efa-4aea-95d8-8294a3b1eef9</t>
  </si>
  <si>
    <t>BU17341706</t>
  </si>
  <si>
    <t>Kern Valburg</t>
  </si>
  <si>
    <t>2021BU17341706</t>
  </si>
  <si>
    <t>buurten.b80dd091-e658-4521-9ca3-7e45139171c7</t>
  </si>
  <si>
    <t>BU17341801</t>
  </si>
  <si>
    <t>Buitengebied Driel Noordhoek en Boltweg</t>
  </si>
  <si>
    <t>WK173418</t>
  </si>
  <si>
    <t>2021BU17341801</t>
  </si>
  <si>
    <t>buurten.55111d2d-fbfb-4e4f-8a2f-68855aca3b80</t>
  </si>
  <si>
    <t>BU17341802</t>
  </si>
  <si>
    <t>2021BU17341802</t>
  </si>
  <si>
    <t>buurten.f4999c8f-1f89-415b-a8d2-031df5f4e41f</t>
  </si>
  <si>
    <t>BU17341803</t>
  </si>
  <si>
    <t>Uiterwaarden Driel</t>
  </si>
  <si>
    <t>2021BU17341803</t>
  </si>
  <si>
    <t>buurten.46bae2fa-8ec8-4cc8-9640-adf641547993</t>
  </si>
  <si>
    <t>BU17341804</t>
  </si>
  <si>
    <t>Breekenhof</t>
  </si>
  <si>
    <t>2021BU17341804</t>
  </si>
  <si>
    <t>buurten.56e1b591-8d37-4072-97da-fbee808dd2db</t>
  </si>
  <si>
    <t>BU17341805</t>
  </si>
  <si>
    <t>Kern Driel</t>
  </si>
  <si>
    <t>2021BU17341805</t>
  </si>
  <si>
    <t>buurten.d4b0f69a-4a68-4db3-8834-7c0d3ffa6a24</t>
  </si>
  <si>
    <t>BU17341806</t>
  </si>
  <si>
    <t>Buitengebied Driel Keulse Kamp-GrietenKamp-Leedjes</t>
  </si>
  <si>
    <t>2021BU17341806</t>
  </si>
  <si>
    <t>buurten.caab3f07-6aef-4f04-af6a-732dbfc40619</t>
  </si>
  <si>
    <t>BU17341807</t>
  </si>
  <si>
    <t>Oldenhof</t>
  </si>
  <si>
    <t>2021BU17341807</t>
  </si>
  <si>
    <t>buurten.19293d34-4b45-4cc5-8dd3-7d2366c871b7</t>
  </si>
  <si>
    <t>BU17341808</t>
  </si>
  <si>
    <t>omg. Reuvenkamp</t>
  </si>
  <si>
    <t>2021BU17341808</t>
  </si>
  <si>
    <t>buurten.dfaa66e4-f2f8-4275-b032-d4c5aa37eff5</t>
  </si>
  <si>
    <t>BU17350000</t>
  </si>
  <si>
    <t>Centrum-Goor</t>
  </si>
  <si>
    <t>WK173500</t>
  </si>
  <si>
    <t>2021BU17350000</t>
  </si>
  <si>
    <t>buurten.2f98da63-c6ba-4ad1-be97-13ddff962f75</t>
  </si>
  <si>
    <t>PL1735010001</t>
  </si>
  <si>
    <t>PL1735010008</t>
  </si>
  <si>
    <t>Industriegebied Spechthorst I</t>
  </si>
  <si>
    <t>Een deel van de wijk bevat veelal woningen die recent gebouwd zijn, hebben een goede isolatiegraad en daarom geschikt voor all-electric</t>
  </si>
  <si>
    <t>Transitie gereed maken van de woning door isoleren volgens de landelijke standaard, ventileren, kieren te dichten en over stappen op elektrisch koken.</t>
  </si>
  <si>
    <t>Woningen &lt; 2005 Basisniveau van isolatie (conform Standaard), woningen &gt; 2005 vergaande isolatie</t>
  </si>
  <si>
    <t>WKO, collectieve warmtepomp</t>
  </si>
  <si>
    <t>WKO en/of collectieve warmtepomp</t>
  </si>
  <si>
    <t>51</t>
  </si>
  <si>
    <t>BU17350001</t>
  </si>
  <si>
    <t>De Whee I</t>
  </si>
  <si>
    <t>2021BU17350001</t>
  </si>
  <si>
    <t>buurten.08cbfa71-367d-4d5d-8288-28eeaec4cefb</t>
  </si>
  <si>
    <t>PL1735010009</t>
  </si>
  <si>
    <t>BU17350002</t>
  </si>
  <si>
    <t>Bungalow-wijk</t>
  </si>
  <si>
    <t>2021BU17350002</t>
  </si>
  <si>
    <t>buurten.4fe64a65-c772-45b2-8123-64d93a733cee</t>
  </si>
  <si>
    <t>PL1735010002</t>
  </si>
  <si>
    <t>Overstap naar elektrische warmtepomp stapsgewijs doen</t>
  </si>
  <si>
    <t>Gasnet en/of verzwaard Elektriciteitsnet</t>
  </si>
  <si>
    <t>Op termijn duurzaam gas / lucht of bodem</t>
  </si>
  <si>
    <t>BU17350003</t>
  </si>
  <si>
    <t>Heeckeren</t>
  </si>
  <si>
    <t>2021BU17350003</t>
  </si>
  <si>
    <t>buurten.7b9963d2-2b0b-4ee0-bc9e-8c2e273ab740</t>
  </si>
  <si>
    <t>PL1735010007</t>
  </si>
  <si>
    <t>Woningen die dicht bij elkaar liggen, collectief systeem financieel mogelijk. Duurzame bron nabij. Parkmanager aanwezig collectieve communicatie hierdoor makkelijker.</t>
  </si>
  <si>
    <t>250-900 woningen verduurzamen</t>
  </si>
  <si>
    <t>Biogas Goor</t>
  </si>
  <si>
    <t>BU17350004</t>
  </si>
  <si>
    <t>Dr. Schaepmanbuurt</t>
  </si>
  <si>
    <t>2021BU17350004</t>
  </si>
  <si>
    <t>buurten.503edebb-4faf-4b35-9465-e7b5a58bdd9e</t>
  </si>
  <si>
    <t>PL1735010006</t>
  </si>
  <si>
    <t>Gijmink</t>
  </si>
  <si>
    <t>BU17350005</t>
  </si>
  <si>
    <t>2021BU17350005</t>
  </si>
  <si>
    <t>buurten.b7adb49e-23f5-4cd8-b6da-cbaeb77e7a99</t>
  </si>
  <si>
    <t>PL1735010011</t>
  </si>
  <si>
    <t>Kerspel</t>
  </si>
  <si>
    <t>BU17350006</t>
  </si>
  <si>
    <t>Waterhoek</t>
  </si>
  <si>
    <t>2021BU17350006</t>
  </si>
  <si>
    <t>buurten.d7f54aa3-1101-4e76-ba3f-8cd92230530a</t>
  </si>
  <si>
    <t>Industriegebied Kevelhammerhoek</t>
  </si>
  <si>
    <t>Tot een aanpak komen om aardgasvrij te worden</t>
  </si>
  <si>
    <t>BU17350007</t>
  </si>
  <si>
    <t>2021BU17350007</t>
  </si>
  <si>
    <t>buurten.1bb2cde6-e8b9-490c-94fa-f7277e3d3875</t>
  </si>
  <si>
    <t>BU17350008</t>
  </si>
  <si>
    <t>De Meene</t>
  </si>
  <si>
    <t>2021BU17350008</t>
  </si>
  <si>
    <t>buurten.8588cadd-34f7-4511-a49f-c36030270db7</t>
  </si>
  <si>
    <t>BU17350009</t>
  </si>
  <si>
    <t>2021BU17350009</t>
  </si>
  <si>
    <t>buurten.73f6137f-8b77-4d39-9a51-4e14776c703c</t>
  </si>
  <si>
    <t>BU17350100</t>
  </si>
  <si>
    <t>De Whee II-Noord</t>
  </si>
  <si>
    <t>WK173501</t>
  </si>
  <si>
    <t>2021BU17350100</t>
  </si>
  <si>
    <t>buurten.8c202250-17cf-4e73-8147-0728fe087c3c</t>
  </si>
  <si>
    <t>PL1735010010</t>
  </si>
  <si>
    <t>Industriegebied Spechthorst II</t>
  </si>
  <si>
    <t>BU17350101</t>
  </si>
  <si>
    <t>De Whee II-Zuid</t>
  </si>
  <si>
    <t>2021BU17350101</t>
  </si>
  <si>
    <t>buurten.583773b7-2410-48db-bdc2-dcd14714a60c</t>
  </si>
  <si>
    <t>BU17350102</t>
  </si>
  <si>
    <t>2021BU17350102</t>
  </si>
  <si>
    <t>buurten.5fc0e1c5-e72b-4cf5-a17c-ac81c79f49b8</t>
  </si>
  <si>
    <t>BU17350109</t>
  </si>
  <si>
    <t>2021BU17350109</t>
  </si>
  <si>
    <t>buurten.e33944eb-8a21-4474-9e4a-1151217380fc</t>
  </si>
  <si>
    <t>BU17350200</t>
  </si>
  <si>
    <t>Markelo</t>
  </si>
  <si>
    <t>WK173502</t>
  </si>
  <si>
    <t>2021BU17350200</t>
  </si>
  <si>
    <t>buurten.317cab43-d6ab-457d-8a1d-16d2c0750101</t>
  </si>
  <si>
    <t>PL1735010012</t>
  </si>
  <si>
    <t>BU17350206</t>
  </si>
  <si>
    <t>Verspreide huizen Markelerbroek</t>
  </si>
  <si>
    <t>2021BU17350206</t>
  </si>
  <si>
    <t>buurten.969438b6-a7d0-4ca8-8d99-4cbf1340000f</t>
  </si>
  <si>
    <t>BU17350207</t>
  </si>
  <si>
    <t>Verspreide huizen Stokkum</t>
  </si>
  <si>
    <t>2021BU17350207</t>
  </si>
  <si>
    <t>buurten.1370cbea-cc91-4397-acf5-cf368b57f72c</t>
  </si>
  <si>
    <t>BU17350208</t>
  </si>
  <si>
    <t>Verspreide huizen Herike</t>
  </si>
  <si>
    <t>2021BU17350208</t>
  </si>
  <si>
    <t>buurten.8bdcc615-1dfb-46b0-bb47-e51d3c5d1cbd</t>
  </si>
  <si>
    <t>BU17350209</t>
  </si>
  <si>
    <t>Verspreide huizen Markelo</t>
  </si>
  <si>
    <t>2021BU17350209</t>
  </si>
  <si>
    <t>buurten.428acf05-a629-470b-b4d1-d3230b80ab79</t>
  </si>
  <si>
    <t>BU17350309</t>
  </si>
  <si>
    <t>Verspreide huizen Kerspel en Goor</t>
  </si>
  <si>
    <t>WK173503</t>
  </si>
  <si>
    <t>2021BU17350309</t>
  </si>
  <si>
    <t>buurten.aab64e89-0e89-4ea2-b4ec-ffafb8e70857</t>
  </si>
  <si>
    <t>BU17350407</t>
  </si>
  <si>
    <t>Verspreide huizen Elsen</t>
  </si>
  <si>
    <t>WK173504</t>
  </si>
  <si>
    <t>2021BU17350407</t>
  </si>
  <si>
    <t>buurten.5a03713d-f1ef-4dc6-b058-0f81f72798b1</t>
  </si>
  <si>
    <t>BU17350408</t>
  </si>
  <si>
    <t>Verspreide huizen Elsenerbroek</t>
  </si>
  <si>
    <t>2021BU17350408</t>
  </si>
  <si>
    <t>buurten.94a29eef-454f-42e6-a448-633a73e119ed</t>
  </si>
  <si>
    <t>BU17350409</t>
  </si>
  <si>
    <t>Verspreide huizen Elzenerveen en Borkeld</t>
  </si>
  <si>
    <t>2021BU17350409</t>
  </si>
  <si>
    <t>buurten.539103f4-22fa-4dc8-a2a7-e60c29a9a2a2</t>
  </si>
  <si>
    <t>BU17350500</t>
  </si>
  <si>
    <t>Diepenheim-Noord</t>
  </si>
  <si>
    <t>WK173505</t>
  </si>
  <si>
    <t>2021BU17350500</t>
  </si>
  <si>
    <t>buurten.1fdabd78-0280-4e3d-ac5f-eb427fdeface</t>
  </si>
  <si>
    <t>PL1735010013</t>
  </si>
  <si>
    <t>Diepenheim -Noord</t>
  </si>
  <si>
    <t>BU17350501</t>
  </si>
  <si>
    <t>Diepenheim-Zuid</t>
  </si>
  <si>
    <t>2021BU17350501</t>
  </si>
  <si>
    <t>buurten.53e09c3f-8f55-41a6-8c59-f3f0a85f40bd</t>
  </si>
  <si>
    <t>BU17350508</t>
  </si>
  <si>
    <t>Verspreide huizen Markvelde</t>
  </si>
  <si>
    <t>2021BU17350508</t>
  </si>
  <si>
    <t>buurten.9d693419-52fe-4dba-8dd6-70ecd4be5273</t>
  </si>
  <si>
    <t>BU17350509</t>
  </si>
  <si>
    <t>Verspreide huizen Kerspel en Schipbeek</t>
  </si>
  <si>
    <t>2021BU17350509</t>
  </si>
  <si>
    <t>buurten.1d351475-4dda-4cd9-a0dd-306f7f66692e</t>
  </si>
  <si>
    <t>BU17350600</t>
  </si>
  <si>
    <t>Delden-Centrum</t>
  </si>
  <si>
    <t>WK173506</t>
  </si>
  <si>
    <t>2021BU17350600</t>
  </si>
  <si>
    <t>buurten.c61bd8f6-dd0d-414d-8b58-29fd64aaf487</t>
  </si>
  <si>
    <t>PL1735010015</t>
  </si>
  <si>
    <t>t Kip</t>
  </si>
  <si>
    <t>BU17350601</t>
  </si>
  <si>
    <t>Oud Zuiderhagen</t>
  </si>
  <si>
    <t>2021BU17350601</t>
  </si>
  <si>
    <t>buurten.24f10620-8947-4ba3-872c-2940e239b6ed</t>
  </si>
  <si>
    <t>PL1735010017</t>
  </si>
  <si>
    <t>Vogelweiden</t>
  </si>
  <si>
    <t>BU17350602</t>
  </si>
  <si>
    <t>Greekerinckskamp</t>
  </si>
  <si>
    <t>2021BU17350602</t>
  </si>
  <si>
    <t>buurten.8e63eabf-1b1e-4e77-8f0a-b67cd996f0d0</t>
  </si>
  <si>
    <t>PL1735010016</t>
  </si>
  <si>
    <t>BU17350603</t>
  </si>
  <si>
    <t>'t Kip</t>
  </si>
  <si>
    <t>2021BU17350603</t>
  </si>
  <si>
    <t>buurten.f043b106-88b1-4d25-b060-8a7854f7620d</t>
  </si>
  <si>
    <t>PL1735010019</t>
  </si>
  <si>
    <t>Collectief systeem financieel mogelijk door relatieve dichtheid van woningen.  Duurzame bronnen in de vorm van chemische fabriek KOLB, die restwarmte kan leveren. Warmte uit rioolleiding en het Twentekanaal.</t>
  </si>
  <si>
    <t>300 woningen verduurzamen</t>
  </si>
  <si>
    <t>Geen vergaande isolatie nodig</t>
  </si>
  <si>
    <t>KOLB specialties, die restwarmte kan leveren,warmte uit een grote rioolleiding dwars door debuurt en warmte uit het nabij gelegenTwentekanaal.</t>
  </si>
  <si>
    <t>aquathermie (TEO) en/of aquathermie (riool) en/of restwarmte (industrie)</t>
  </si>
  <si>
    <t>BU17350604</t>
  </si>
  <si>
    <t>Schoppenstee</t>
  </si>
  <si>
    <t>2021BU17350604</t>
  </si>
  <si>
    <t>buurten.b65a82e4-49d5-4d0b-a46b-c3a0a39a19f7</t>
  </si>
  <si>
    <t>PL1735010021</t>
  </si>
  <si>
    <t>Sint Annabrink</t>
  </si>
  <si>
    <t>BU17350605</t>
  </si>
  <si>
    <t>2021BU17350605</t>
  </si>
  <si>
    <t>buurten.f62a4998-0ef6-4caf-bfbc-56e1b7f1ece1</t>
  </si>
  <si>
    <t>PL1735010020</t>
  </si>
  <si>
    <t>Vossenbrink en De Braak</t>
  </si>
  <si>
    <t>BU17350606</t>
  </si>
  <si>
    <t>Hooijerinkses</t>
  </si>
  <si>
    <t>2021BU17350606</t>
  </si>
  <si>
    <t>buurten.d5cb7f4d-b117-4305-895a-fc5c8e3ae837</t>
  </si>
  <si>
    <t>BU17350607</t>
  </si>
  <si>
    <t>2021BU17350607</t>
  </si>
  <si>
    <t>buurten.a032695e-bded-411a-ad5c-af608d7a7791</t>
  </si>
  <si>
    <t>BU17350608</t>
  </si>
  <si>
    <t>Rupertserf</t>
  </si>
  <si>
    <t>2021BU17350608</t>
  </si>
  <si>
    <t>buurten.29cc98ab-d91f-4294-8552-ea85d281196a</t>
  </si>
  <si>
    <t>BU17350609</t>
  </si>
  <si>
    <t>2021BU17350609</t>
  </si>
  <si>
    <t>buurten.0fecdd90-44b4-4568-98b8-0a10d8ca6b51</t>
  </si>
  <si>
    <t>BU17350700</t>
  </si>
  <si>
    <t>Industrieterrein-Delden</t>
  </si>
  <si>
    <t>WK173507</t>
  </si>
  <si>
    <t>2021BU17350700</t>
  </si>
  <si>
    <t>buurten.1f9402a8-ab3b-4690-a29a-28d36dee0bd7</t>
  </si>
  <si>
    <t>BU17350709</t>
  </si>
  <si>
    <t>Verspreide huizen Deldeneresch</t>
  </si>
  <si>
    <t>2021BU17350709</t>
  </si>
  <si>
    <t>buurten.89b4a5bf-6f22-4cce-85af-c2598ab3bc18</t>
  </si>
  <si>
    <t>BU17350800</t>
  </si>
  <si>
    <t>Hengevelde</t>
  </si>
  <si>
    <t>WK173508</t>
  </si>
  <si>
    <t>2021BU17350800</t>
  </si>
  <si>
    <t>buurten.bd827d91-4827-4e12-8b23-5075ecd14be8</t>
  </si>
  <si>
    <t>BU17350805</t>
  </si>
  <si>
    <t>Verspreide huizen Hengevelde</t>
  </si>
  <si>
    <t>2021BU17350805</t>
  </si>
  <si>
    <t>buurten.69ee7901-efd3-46a9-9672-08ff68032c12</t>
  </si>
  <si>
    <t>BU17350806</t>
  </si>
  <si>
    <t>2021BU17350806</t>
  </si>
  <si>
    <t>buurten.806d9998-ca69-4065-8b22-6aa6bb1d5a8d</t>
  </si>
  <si>
    <t>BU17350807</t>
  </si>
  <si>
    <t>Verspreide huizen Deldenerbroek</t>
  </si>
  <si>
    <t>2021BU17350807</t>
  </si>
  <si>
    <t>buurten.bce32c09-e842-44fb-bc43-463f4d938767</t>
  </si>
  <si>
    <t>BU17350808</t>
  </si>
  <si>
    <t>Verspreide huizen Azelo</t>
  </si>
  <si>
    <t>2021BU17350808</t>
  </si>
  <si>
    <t>buurten.90efdb18-e87a-4cd6-b514-29e0a992d4f3</t>
  </si>
  <si>
    <t>BU17350809</t>
  </si>
  <si>
    <t>Verspreide huizen Zeldam</t>
  </si>
  <si>
    <t>2021BU17350809</t>
  </si>
  <si>
    <t>buurten.a0ee26d3-8a4b-49d9-ab5c-d2e6a20cad93</t>
  </si>
  <si>
    <t>BU17350900</t>
  </si>
  <si>
    <t>Bentelo kern</t>
  </si>
  <si>
    <t>WK173509</t>
  </si>
  <si>
    <t>2021BU17350900</t>
  </si>
  <si>
    <t>buurten.065ca471-5382-452c-88ab-ae7cd03d037b</t>
  </si>
  <si>
    <t>PL1735010022</t>
  </si>
  <si>
    <t>BU17350908</t>
  </si>
  <si>
    <t>Verspreide huizen Wiene</t>
  </si>
  <si>
    <t>2021BU17350908</t>
  </si>
  <si>
    <t>buurten.19ac1dd0-8bd3-466f-964e-dfcfb97388ee</t>
  </si>
  <si>
    <t>BU17350909</t>
  </si>
  <si>
    <t>Verspreide huizen Bentelo</t>
  </si>
  <si>
    <t>2021BU17350909</t>
  </si>
  <si>
    <t>buurten.a4fe2dd4-a792-4e9d-83af-f2ec0f4e8036</t>
  </si>
  <si>
    <t>BU17400000</t>
  </si>
  <si>
    <t>WK174000</t>
  </si>
  <si>
    <t>2021BU17400000</t>
  </si>
  <si>
    <t>buurten.c979e04a-510c-4da1-81e2-cfd01e075ec9</t>
  </si>
  <si>
    <t>PL1740010001</t>
  </si>
  <si>
    <t>PL1740010006</t>
  </si>
  <si>
    <t>BU17400001</t>
  </si>
  <si>
    <t>Opheusden</t>
  </si>
  <si>
    <t>2021BU17400001</t>
  </si>
  <si>
    <t>buurten.ce43901b-cb9a-477a-818e-237c280f6f4e</t>
  </si>
  <si>
    <t>PL1740010004</t>
  </si>
  <si>
    <t>BU17400006</t>
  </si>
  <si>
    <t>Verspreide huizen Lede en Oudewaard</t>
  </si>
  <si>
    <t>2021BU17400006</t>
  </si>
  <si>
    <t>buurten.fc00ac29-f9ae-479e-b338-749431e4675a</t>
  </si>
  <si>
    <t>PL0214010023</t>
  </si>
  <si>
    <t>BU17400007</t>
  </si>
  <si>
    <t>Verspreide huizen Kesteren</t>
  </si>
  <si>
    <t>2021BU17400007</t>
  </si>
  <si>
    <t>buurten.9a8181a3-03d0-424d-a848-9008a57008f0</t>
  </si>
  <si>
    <t>BU17400008</t>
  </si>
  <si>
    <t>2021BU17400008</t>
  </si>
  <si>
    <t>buurten.d1c92793-92f1-417c-9b27-fa9445c589c3</t>
  </si>
  <si>
    <t>BU17400009</t>
  </si>
  <si>
    <t>2021BU17400009</t>
  </si>
  <si>
    <t>buurten.8b22ef00-2415-41a2-99ed-bcfbfcb15135</t>
  </si>
  <si>
    <t>BU17400100</t>
  </si>
  <si>
    <t>Ochten</t>
  </si>
  <si>
    <t>WK174001</t>
  </si>
  <si>
    <t>2021BU17400100</t>
  </si>
  <si>
    <t>buurten.9da642b9-6186-4667-9738-f5ba7ba9e5cf</t>
  </si>
  <si>
    <t>PL1740010012</t>
  </si>
  <si>
    <t>BU17400101</t>
  </si>
  <si>
    <t>Echteld</t>
  </si>
  <si>
    <t>2021BU17400101</t>
  </si>
  <si>
    <t>buurten.42346563-3056-4c2e-a700-ef132651e1da</t>
  </si>
  <si>
    <t>PL1740010007</t>
  </si>
  <si>
    <t>Verspreide huizen Echteld</t>
  </si>
  <si>
    <t>BU17400102</t>
  </si>
  <si>
    <t>IJzendoorn</t>
  </si>
  <si>
    <t>2021BU17400102</t>
  </si>
  <si>
    <t>buurten.65f12caf-6f9b-4f50-85c7-dcf7a16bf5b5</t>
  </si>
  <si>
    <t>PL1740010009</t>
  </si>
  <si>
    <t>PL1740010011</t>
  </si>
  <si>
    <t>Verspreide huizen IJzendoorn</t>
  </si>
  <si>
    <t>Aquathermie LT</t>
  </si>
  <si>
    <t>BU17400103</t>
  </si>
  <si>
    <t>Pottemsestraat en Groenestraat en omgeving</t>
  </si>
  <si>
    <t>2021BU17400103</t>
  </si>
  <si>
    <t>buurten.5b830bf4-a0a7-4cb4-8e95-5071279416cf</t>
  </si>
  <si>
    <t>BU17400106</t>
  </si>
  <si>
    <t>Verspreide huizen Echteld-Waalbandijk</t>
  </si>
  <si>
    <t>2021BU17400106</t>
  </si>
  <si>
    <t>buurten.3d347d70-3e04-4823-a35a-9ea3b6baf501</t>
  </si>
  <si>
    <t>BU17400107</t>
  </si>
  <si>
    <t>2021BU17400107</t>
  </si>
  <si>
    <t>buurten.660adbd9-ea83-4c26-a418-e8005c22cccd</t>
  </si>
  <si>
    <t>BU17400108</t>
  </si>
  <si>
    <t>2021BU17400108</t>
  </si>
  <si>
    <t>buurten.ae0c5590-ca62-4fe4-aa39-ed8ab80ca2dd</t>
  </si>
  <si>
    <t>BU17400109</t>
  </si>
  <si>
    <t>2021BU17400109</t>
  </si>
  <si>
    <t>buurten.7216ceec-5917-4b39-84dd-60157ddee94b</t>
  </si>
  <si>
    <t>BU17400200</t>
  </si>
  <si>
    <t>Kom Dodewaard met Hien</t>
  </si>
  <si>
    <t>WK174002</t>
  </si>
  <si>
    <t>2021BU17400200</t>
  </si>
  <si>
    <t>buurten.84730eff-e7a7-49c3-9425-f99444d3b929</t>
  </si>
  <si>
    <t>PL1740010015</t>
  </si>
  <si>
    <t>BU17400201</t>
  </si>
  <si>
    <t>Kom Wely</t>
  </si>
  <si>
    <t>2021BU17400201</t>
  </si>
  <si>
    <t>buurten.9c0b8a37-970c-42af-9702-0aae2a67e5f2</t>
  </si>
  <si>
    <t>PL1740010016</t>
  </si>
  <si>
    <t>BU17400208</t>
  </si>
  <si>
    <t>2021BU17400208</t>
  </si>
  <si>
    <t>buurten.09fd793d-253b-450c-b717-8d4feff56447</t>
  </si>
  <si>
    <t>BU17400209</t>
  </si>
  <si>
    <t>2021BU17400209</t>
  </si>
  <si>
    <t>buurten.d2c6f5e9-241a-4c28-878f-211382c229d7</t>
  </si>
  <si>
    <t>BU17420000</t>
  </si>
  <si>
    <t>Kern-Rijssen</t>
  </si>
  <si>
    <t>WK174200</t>
  </si>
  <si>
    <t>2021BU17420000</t>
  </si>
  <si>
    <t>buurten.fa11fba3-37a4-4f69-87d2-e9aacc102b08</t>
  </si>
  <si>
    <t>PL1742010001</t>
  </si>
  <si>
    <t>Wijk van de Toekomst</t>
  </si>
  <si>
    <t>2021-2022</t>
  </si>
  <si>
    <t>Voorwaarden: energiewinst behalen, gebruik maken van woningrenovaties (natuurlijk moment), kosteneffectieve inkoop isolatiepakketten door seriematige bouw, starten in wijken met lagere- en middeninkomens (energiearmoede)</t>
  </si>
  <si>
    <t>Uitfasering van aardgas in de buurt; starten met isoleren</t>
  </si>
  <si>
    <t>BU17420001</t>
  </si>
  <si>
    <t>Kern rand Noord</t>
  </si>
  <si>
    <t>2021BU17420001</t>
  </si>
  <si>
    <t>buurten.b0e195cf-bfc8-4ce6-b7a0-cfd95d231579</t>
  </si>
  <si>
    <t>BU17420002</t>
  </si>
  <si>
    <t>Kern rand Oost</t>
  </si>
  <si>
    <t>2021BU17420002</t>
  </si>
  <si>
    <t>buurten.f069dc8d-6176-4e0c-8e86-a1e8ec7b6236</t>
  </si>
  <si>
    <t>Lenfert</t>
  </si>
  <si>
    <t>BU17420003</t>
  </si>
  <si>
    <t>Kern rand Zuid</t>
  </si>
  <si>
    <t>2021BU17420003</t>
  </si>
  <si>
    <t>buurten.bf5786dd-6b74-491b-9740-318107af0dee</t>
  </si>
  <si>
    <t>PL1742010005</t>
  </si>
  <si>
    <t>Braakmanslanden</t>
  </si>
  <si>
    <t>BU17420100</t>
  </si>
  <si>
    <t>Lenfert en omgeving</t>
  </si>
  <si>
    <t>WK174201</t>
  </si>
  <si>
    <t>2021BU17420100</t>
  </si>
  <si>
    <t>buurten.84e73d62-301f-473d-951a-9652391493b3</t>
  </si>
  <si>
    <t>BU17420101</t>
  </si>
  <si>
    <t>De Delle</t>
  </si>
  <si>
    <t>2021BU17420101</t>
  </si>
  <si>
    <t>buurten.17c0e3c2-3be8-46cf-bad1-e6fcd32068eb</t>
  </si>
  <si>
    <t>BU17420102</t>
  </si>
  <si>
    <t>2021BU17420102</t>
  </si>
  <si>
    <t>buurten.0da98962-beaf-4d20-80e2-7e50f603b9d5</t>
  </si>
  <si>
    <t>BU17420104</t>
  </si>
  <si>
    <t>Dannenberg</t>
  </si>
  <si>
    <t>2021BU17420104</t>
  </si>
  <si>
    <t>buurten.501f2b0f-1370-42a6-badd-12d283de4f94</t>
  </si>
  <si>
    <t>PL1742010002</t>
  </si>
  <si>
    <t>Veeneslagen</t>
  </si>
  <si>
    <t>Op natuurlijk moment overstappen op elektrische warmtepomp en aardgasvrij worden</t>
  </si>
  <si>
    <t>BU17420105</t>
  </si>
  <si>
    <t>2021BU17420105</t>
  </si>
  <si>
    <t>buurten.cdf5312e-da7b-46e7-97ba-b232f80d8704</t>
  </si>
  <si>
    <t>BU17420106</t>
  </si>
  <si>
    <t>2021BU17420106</t>
  </si>
  <si>
    <t>buurten.3c10782d-4ed0-42e4-9d60-4763e0231a7e</t>
  </si>
  <si>
    <t>BU17420207</t>
  </si>
  <si>
    <t>Verspreide huizen Ligtenberg</t>
  </si>
  <si>
    <t>WK174202</t>
  </si>
  <si>
    <t>2021BU17420207</t>
  </si>
  <si>
    <t>buurten.afd1119e-c673-4397-bcdc-1837e74b794d</t>
  </si>
  <si>
    <t>BU17420208</t>
  </si>
  <si>
    <t>Verspreide huizen Zuidrand en omgeving</t>
  </si>
  <si>
    <t>2021BU17420208</t>
  </si>
  <si>
    <t>buurten.e37ee4d3-5ed4-4166-9c43-7db9d13f0ce5</t>
  </si>
  <si>
    <t>BU17420209</t>
  </si>
  <si>
    <t>Verspreide huizen Nieuwland en omgeving</t>
  </si>
  <si>
    <t>2021BU17420209</t>
  </si>
  <si>
    <t>buurten.f723f17f-c071-4f87-afec-b5da5c73a9ba</t>
  </si>
  <si>
    <t>BU17420300</t>
  </si>
  <si>
    <t>Holten-Kom en De Kol</t>
  </si>
  <si>
    <t>WK174203</t>
  </si>
  <si>
    <t>2021BU17420300</t>
  </si>
  <si>
    <t>buurten.2f810dd8-770e-4934-a016-9a51dc5f83dc</t>
  </si>
  <si>
    <t>PL1742010004</t>
  </si>
  <si>
    <t>Holten-De Haar</t>
  </si>
  <si>
    <t>BU17420301</t>
  </si>
  <si>
    <t>2021BU17420301</t>
  </si>
  <si>
    <t>buurten.e232b8ea-e7e4-4c8b-9f44-ddf563205516</t>
  </si>
  <si>
    <t>BU17420302</t>
  </si>
  <si>
    <t>Holten ten noorden van de spoorlijn</t>
  </si>
  <si>
    <t>2021BU17420302</t>
  </si>
  <si>
    <t>buurten.de655f03-0154-4f7b-b9d5-188d0022bf6e</t>
  </si>
  <si>
    <t>BU17420303</t>
  </si>
  <si>
    <t>De Holterberg</t>
  </si>
  <si>
    <t>2021BU17420303</t>
  </si>
  <si>
    <t>buurten.be968b9f-fa09-4d1d-89c9-790237c1f655</t>
  </si>
  <si>
    <t>BU17420304</t>
  </si>
  <si>
    <t>Villaterrein Look</t>
  </si>
  <si>
    <t>2021BU17420304</t>
  </si>
  <si>
    <t>buurten.307e6bfa-94e3-4ca8-b643-9b16d69beea1</t>
  </si>
  <si>
    <t>BU17420305</t>
  </si>
  <si>
    <t>De Beuseberg</t>
  </si>
  <si>
    <t>2021BU17420305</t>
  </si>
  <si>
    <t>buurten.833d76a1-71bc-47be-82ec-17c9be36d7a6</t>
  </si>
  <si>
    <t>BU17420308</t>
  </si>
  <si>
    <t>Lukensveld</t>
  </si>
  <si>
    <t>2021BU17420308</t>
  </si>
  <si>
    <t>buurten.d56e40cc-5807-4794-a210-bbc2841a131e</t>
  </si>
  <si>
    <t>BU17420309</t>
  </si>
  <si>
    <t>Liesen</t>
  </si>
  <si>
    <t>2021BU17420309</t>
  </si>
  <si>
    <t>buurten.b0adf5d5-af9b-40b8-bdec-d741b51cfe28</t>
  </si>
  <si>
    <t>BU17420401</t>
  </si>
  <si>
    <t>Industrieterrein de Haar</t>
  </si>
  <si>
    <t>WK174204</t>
  </si>
  <si>
    <t>2021BU17420401</t>
  </si>
  <si>
    <t>buurten.aa15b7ae-481d-4913-90d9-c4aa62296c30</t>
  </si>
  <si>
    <t>BU17420402</t>
  </si>
  <si>
    <t>Vletgaarsmaten</t>
  </si>
  <si>
    <t>2021BU17420402</t>
  </si>
  <si>
    <t>buurten.0c6db136-8c85-4166-86ad-2251e0ddfb4d</t>
  </si>
  <si>
    <t>BU17420500</t>
  </si>
  <si>
    <t>Buurtschap Neerdorp</t>
  </si>
  <si>
    <t>WK174205</t>
  </si>
  <si>
    <t>2021BU17420500</t>
  </si>
  <si>
    <t>buurten.4ad651cf-8756-4c42-a60f-c31bbe6ee1a2</t>
  </si>
  <si>
    <t>BU17420501</t>
  </si>
  <si>
    <t>Buurtschap Holterbroek</t>
  </si>
  <si>
    <t>2021BU17420501</t>
  </si>
  <si>
    <t>buurten.86d1b471-002b-4940-a077-bbe1977301ae</t>
  </si>
  <si>
    <t>BU17420502</t>
  </si>
  <si>
    <t>Buurtschap Beuseberg</t>
  </si>
  <si>
    <t>2021BU17420502</t>
  </si>
  <si>
    <t>buurten.42d5f846-c671-4f04-9a4f-5927872d2bb7</t>
  </si>
  <si>
    <t>BU17420503</t>
  </si>
  <si>
    <t>Buurtschap Espelo</t>
  </si>
  <si>
    <t>2021BU17420503</t>
  </si>
  <si>
    <t>buurten.085b5aff-0daf-4a05-abdc-fe1f05fb42b6</t>
  </si>
  <si>
    <t>BU17420504</t>
  </si>
  <si>
    <t>Buurtschap Borkeld</t>
  </si>
  <si>
    <t>2021BU17420504</t>
  </si>
  <si>
    <t>buurten.e9fbcb3c-dd38-4793-86bc-119c03e2a43e</t>
  </si>
  <si>
    <t>BU17420505</t>
  </si>
  <si>
    <t>Buurtschap Look</t>
  </si>
  <si>
    <t>2021BU17420505</t>
  </si>
  <si>
    <t>buurten.f4b4999b-1a14-44b2-af1d-f6da3c6957a4</t>
  </si>
  <si>
    <t>BU17420506</t>
  </si>
  <si>
    <t>Buurtschap Holterberg</t>
  </si>
  <si>
    <t>2021BU17420506</t>
  </si>
  <si>
    <t>buurten.3b2ea765-3e81-439f-8dee-222d5ecec619</t>
  </si>
  <si>
    <t>BU17420507</t>
  </si>
  <si>
    <t>Buurtschap Lichtenberg</t>
  </si>
  <si>
    <t>2021BU17420507</t>
  </si>
  <si>
    <t>buurten.c23c4a0a-afe7-4060-825d-761145cf4117</t>
  </si>
  <si>
    <t>BU17420508</t>
  </si>
  <si>
    <t>Dijkerhoek kern</t>
  </si>
  <si>
    <t>2021BU17420508</t>
  </si>
  <si>
    <t>buurten.6564a99b-bee5-4b9b-98ba-beed69472db5</t>
  </si>
  <si>
    <t>BU17420509</t>
  </si>
  <si>
    <t>Verspreide huizen Dijkerhoek</t>
  </si>
  <si>
    <t>2021BU17420509</t>
  </si>
  <si>
    <t>buurten.c39b21d1-afcc-4cf9-86f8-57012f020d24</t>
  </si>
  <si>
    <t>BU17420701</t>
  </si>
  <si>
    <t>De Mors en Plaagslagen</t>
  </si>
  <si>
    <t>WK174207</t>
  </si>
  <si>
    <t>2021BU17420701</t>
  </si>
  <si>
    <t>buurten.58590308-bf65-4bba-8129-a6742938572b</t>
  </si>
  <si>
    <t>BU17420801</t>
  </si>
  <si>
    <t>Zomerhuisjesterrein De Borkeld</t>
  </si>
  <si>
    <t>WK174208</t>
  </si>
  <si>
    <t>2021BU17420801</t>
  </si>
  <si>
    <t>buurten.65e96b9c-fc7e-4f0f-9523-e306deb806c9</t>
  </si>
  <si>
    <t>BU17710000</t>
  </si>
  <si>
    <t>WK177100</t>
  </si>
  <si>
    <t>2021BU17710000</t>
  </si>
  <si>
    <t>buurten.ef28d419-7e7a-4a01-b551-3396c60a88f0</t>
  </si>
  <si>
    <t>PL1771010003</t>
  </si>
  <si>
    <t>PL1771010009</t>
  </si>
  <si>
    <t>BU17710001</t>
  </si>
  <si>
    <t>2021BU17710001</t>
  </si>
  <si>
    <t>buurten.9c57a8ad-d29e-4713-9f98-07e6a56569ca</t>
  </si>
  <si>
    <t>BU17710002</t>
  </si>
  <si>
    <t>2021BU17710002</t>
  </si>
  <si>
    <t>buurten.f8338a3b-273b-462f-b1fb-332896c74d3f</t>
  </si>
  <si>
    <t>BU17710003</t>
  </si>
  <si>
    <t>Zesgehuchten</t>
  </si>
  <si>
    <t>2021BU17710003</t>
  </si>
  <si>
    <t>buurten.8e38dafb-c31a-4c6e-89c1-0b3c7fa6858b</t>
  </si>
  <si>
    <t>BU17710004</t>
  </si>
  <si>
    <t>2021BU17710004</t>
  </si>
  <si>
    <t>buurten.82b2857d-9319-4333-8d7f-6b36a5ddc9c6</t>
  </si>
  <si>
    <t>BU17710005</t>
  </si>
  <si>
    <t>Braakhuizen-Zuid</t>
  </si>
  <si>
    <t>2021BU17710005</t>
  </si>
  <si>
    <t>buurten.88ea8bff-7746-4944-8916-5b92e0c4e11e</t>
  </si>
  <si>
    <t>PL1771010002</t>
  </si>
  <si>
    <t>Geldrop Centrum</t>
  </si>
  <si>
    <t>In delen van Coevering en Mierlo gaan we voor 2030 onderzoeken hoe de buurten aardgasvrij kunnen worden.</t>
  </si>
  <si>
    <t>Groen gas of waterstof wanneer het niet anders kan</t>
  </si>
  <si>
    <t>BU17710006</t>
  </si>
  <si>
    <t>Coevering</t>
  </si>
  <si>
    <t>2021BU17710006</t>
  </si>
  <si>
    <t>buurten.371a067d-6ebf-4a51-9ea4-42c42ec98e1d</t>
  </si>
  <si>
    <t>BU17710007</t>
  </si>
  <si>
    <t>Genoenhuis</t>
  </si>
  <si>
    <t>2021BU17710007</t>
  </si>
  <si>
    <t>buurten.9403b16e-8ebc-4e96-aa91-6dc28af86213</t>
  </si>
  <si>
    <t>PL1771010005</t>
  </si>
  <si>
    <t>BU17710009</t>
  </si>
  <si>
    <t>2021BU17710009</t>
  </si>
  <si>
    <t>buurten.9e4edc0e-db11-456a-ad70-a5b2b79c2c78</t>
  </si>
  <si>
    <t>BU17710100</t>
  </si>
  <si>
    <t>Mierlo</t>
  </si>
  <si>
    <t>WK177101</t>
  </si>
  <si>
    <t>2021BU17710100</t>
  </si>
  <si>
    <t>buurten.7ec1aebc-392b-4716-bedb-212650bf4d02</t>
  </si>
  <si>
    <t>PL1771010001</t>
  </si>
  <si>
    <t>Mierlo (Kerkakkers)</t>
  </si>
  <si>
    <t>In de meeste gebouwen moeten nog isolatiemaatregelen getroffen worden.</t>
  </si>
  <si>
    <t>BU17710109</t>
  </si>
  <si>
    <t>Verspreide huizen Mierlo</t>
  </si>
  <si>
    <t>2021BU17710109</t>
  </si>
  <si>
    <t>buurten.48f183fa-2019-4a8d-b075-2b58d8be20ce</t>
  </si>
  <si>
    <t>BU17730111</t>
  </si>
  <si>
    <t>Olst Centrum-West</t>
  </si>
  <si>
    <t>WK177301</t>
  </si>
  <si>
    <t>2021BU17730111</t>
  </si>
  <si>
    <t>buurten.53e268e0-9527-4eeb-bfb6-aca8a29b714d</t>
  </si>
  <si>
    <t>Olst-Noord en Olst-Zuid: kans voor collectief</t>
  </si>
  <si>
    <t>alle voorwaarden per bron of combinatie van bronnen onderzoeken</t>
  </si>
  <si>
    <t>BU17730112</t>
  </si>
  <si>
    <t>Olst Centrum-Oost</t>
  </si>
  <si>
    <t>2021BU17730112</t>
  </si>
  <si>
    <t>buurten.193d3bfc-b2f9-4751-afda-81d105c087b4</t>
  </si>
  <si>
    <t>BU17730113</t>
  </si>
  <si>
    <t>Stationswijk en Industrieweg</t>
  </si>
  <si>
    <t>2021BU17730113</t>
  </si>
  <si>
    <t>buurten.2d0e83d4-3dd4-45c0-bf68-87ae27ad7972</t>
  </si>
  <si>
    <t>BU17730114</t>
  </si>
  <si>
    <t>Kortrick en Zonnekamp</t>
  </si>
  <si>
    <t>2021BU17730114</t>
  </si>
  <si>
    <t>buurten.318fff83-f187-4582-9d27-50227346d3dc</t>
  </si>
  <si>
    <t>BU17730115</t>
  </si>
  <si>
    <t>Buitengebied Olst</t>
  </si>
  <si>
    <t>2021BU17730115</t>
  </si>
  <si>
    <t>buurten.6f27052f-19d3-4e6e-b660-0f957bad1342</t>
  </si>
  <si>
    <t>BU17730216</t>
  </si>
  <si>
    <t>Wijhe Centrum</t>
  </si>
  <si>
    <t>WK177302</t>
  </si>
  <si>
    <t>2021BU17730216</t>
  </si>
  <si>
    <t>buurten.dc2bd158-b98f-48a1-8ad1-3bc55d1bede8</t>
  </si>
  <si>
    <t>BU17730217</t>
  </si>
  <si>
    <t>Peperkamp en De Enk</t>
  </si>
  <si>
    <t>2021BU17730217</t>
  </si>
  <si>
    <t>buurten.763ac92d-159d-4b5e-82e9-0f8522a299df</t>
  </si>
  <si>
    <t>BU17730218</t>
  </si>
  <si>
    <t>Krijtenberg en Noorder Koeslag</t>
  </si>
  <si>
    <t>2021BU17730218</t>
  </si>
  <si>
    <t>buurten.5476b33c-42b0-44fd-9ea8-2500dec3655f</t>
  </si>
  <si>
    <t>BU17730219</t>
  </si>
  <si>
    <t>Buitengebied Wijhe</t>
  </si>
  <si>
    <t>2021BU17730219</t>
  </si>
  <si>
    <t>buurten.78acb88a-77fc-449c-a3db-04686c4d41de</t>
  </si>
  <si>
    <t>BU17730320</t>
  </si>
  <si>
    <t>Wesepe Kern</t>
  </si>
  <si>
    <t>WK177303</t>
  </si>
  <si>
    <t>2021BU17730320</t>
  </si>
  <si>
    <t>buurten.bf7ff14b-afe3-411e-be32-e13b3b94ec8c</t>
  </si>
  <si>
    <t>BU17730321</t>
  </si>
  <si>
    <t>Buitengebied Wesepe</t>
  </si>
  <si>
    <t>2021BU17730321</t>
  </si>
  <si>
    <t>buurten.da74f133-ac14-4da2-b14d-58193cc80390</t>
  </si>
  <si>
    <t>BU17730422</t>
  </si>
  <si>
    <t>Boskamp Kern</t>
  </si>
  <si>
    <t>WK177304</t>
  </si>
  <si>
    <t>2021BU17730422</t>
  </si>
  <si>
    <t>buurten.7053be56-22e9-4187-96c1-797aae4fd3ca</t>
  </si>
  <si>
    <t>BU17730423</t>
  </si>
  <si>
    <t>Buitengebied Boskamp</t>
  </si>
  <si>
    <t>2021BU17730423</t>
  </si>
  <si>
    <t>buurten.193ace53-33e1-4503-8101-a3b52dab08df</t>
  </si>
  <si>
    <t>BU17730524</t>
  </si>
  <si>
    <t>Boerhaar Kern</t>
  </si>
  <si>
    <t>WK177305</t>
  </si>
  <si>
    <t>2021BU17730524</t>
  </si>
  <si>
    <t>buurten.5cc3c2d5-e944-4c02-80b9-8dd78db49d96</t>
  </si>
  <si>
    <t>BU17730525</t>
  </si>
  <si>
    <t>Buitengebied Boerhaar</t>
  </si>
  <si>
    <t>2021BU17730525</t>
  </si>
  <si>
    <t>buurten.9ae1600b-df73-40a2-8ff6-6b5a8a43d4d8</t>
  </si>
  <si>
    <t>BU17730626</t>
  </si>
  <si>
    <t>Welsum</t>
  </si>
  <si>
    <t>WK177306</t>
  </si>
  <si>
    <t>2021BU17730626</t>
  </si>
  <si>
    <t>buurten.40f04301-68b1-4017-a4aa-8484e4591421</t>
  </si>
  <si>
    <t>BU17730727</t>
  </si>
  <si>
    <t>Den Nul Kern</t>
  </si>
  <si>
    <t>WK177307</t>
  </si>
  <si>
    <t>2021BU17730727</t>
  </si>
  <si>
    <t>buurten.e9ddcdaf-5c3b-4e3a-ad63-acab8199666e</t>
  </si>
  <si>
    <t>BU17730728</t>
  </si>
  <si>
    <t>Buitengebied Den Nul</t>
  </si>
  <si>
    <t>2021BU17730728</t>
  </si>
  <si>
    <t>buurten.a4453fba-1bfe-4c34-b93d-ab8bc72a4a3a</t>
  </si>
  <si>
    <t>BU17730829</t>
  </si>
  <si>
    <t>Eikelhof</t>
  </si>
  <si>
    <t>WK177308</t>
  </si>
  <si>
    <t>2021BU17730829</t>
  </si>
  <si>
    <t>buurten.4b2a981a-7364-4d4a-bcef-bcd9516fdfe7</t>
  </si>
  <si>
    <t>BU17730930</t>
  </si>
  <si>
    <t>Elshof</t>
  </si>
  <si>
    <t>WK177309</t>
  </si>
  <si>
    <t>2021BU17730930</t>
  </si>
  <si>
    <t>buurten.2b3fcc47-bc8a-4e94-8770-c8fb6d2a8685</t>
  </si>
  <si>
    <t>BU17731031</t>
  </si>
  <si>
    <t>WK177310</t>
  </si>
  <si>
    <t>2021BU17731031</t>
  </si>
  <si>
    <t>buurten.2b0ab59c-a3f2-4b91-8f32-2854cb9899e4</t>
  </si>
  <si>
    <t>BU17731132</t>
  </si>
  <si>
    <t>WK177311</t>
  </si>
  <si>
    <t>2021BU17731132</t>
  </si>
  <si>
    <t>buurten.af109dac-c0a9-44ba-941a-aeb85aa4811d</t>
  </si>
  <si>
    <t>BU17731233</t>
  </si>
  <si>
    <t>Herxen</t>
  </si>
  <si>
    <t>WK177312</t>
  </si>
  <si>
    <t>2021BU17731233</t>
  </si>
  <si>
    <t>buurten.7448b7bf-c4f9-4eeb-b125-c043f1a023f1</t>
  </si>
  <si>
    <t>BU17741010</t>
  </si>
  <si>
    <t>WK177410</t>
  </si>
  <si>
    <t>GM1774</t>
  </si>
  <si>
    <t>Dinkelland</t>
  </si>
  <si>
    <t>2021BU17741010</t>
  </si>
  <si>
    <t>buurten.282794b9-4d40-4194-b21f-8705c6c767fd</t>
  </si>
  <si>
    <t>PL1774010006</t>
  </si>
  <si>
    <t>Denekamp</t>
  </si>
  <si>
    <t>WKO en/of restwarmte van RZWIs en/of geothermie en/of duurzaam gas</t>
  </si>
  <si>
    <t>WKO en/of aquathermie (TEO) en/of geothermie en/of hernieuwbaar gas</t>
  </si>
  <si>
    <t>BU17741011</t>
  </si>
  <si>
    <t>Kerkeres</t>
  </si>
  <si>
    <t>2021BU17741011</t>
  </si>
  <si>
    <t>buurten.c5186c1c-c49d-4bc0-8c7e-2b9792402a95</t>
  </si>
  <si>
    <t>BU17741012</t>
  </si>
  <si>
    <t>Klokkenberg</t>
  </si>
  <si>
    <t>2021BU17741012</t>
  </si>
  <si>
    <t>buurten.21ab4ea5-193c-4de2-82c4-691d0c9c7df9</t>
  </si>
  <si>
    <t>BU17741013</t>
  </si>
  <si>
    <t>Dorper-Es</t>
  </si>
  <si>
    <t>2021BU17741013</t>
  </si>
  <si>
    <t>buurten.b5ec348f-44fb-474b-8128-59b0d1bc19a7</t>
  </si>
  <si>
    <t>BU17741014</t>
  </si>
  <si>
    <t>Veldkamp en Borchert</t>
  </si>
  <si>
    <t>2021BU17741014</t>
  </si>
  <si>
    <t>buurten.2200fe23-13ab-4327-8e30-f6aa909d1a47</t>
  </si>
  <si>
    <t>BU17741015</t>
  </si>
  <si>
    <t>Janskamp</t>
  </si>
  <si>
    <t>2021BU17741015</t>
  </si>
  <si>
    <t>buurten.a07c258f-5cae-4801-a275-a6931bf9ab66</t>
  </si>
  <si>
    <t>BU17741017</t>
  </si>
  <si>
    <t>Diepengoor</t>
  </si>
  <si>
    <t>2021BU17741017</t>
  </si>
  <si>
    <t>buurten.fefd678f-a354-4743-9f37-84bb54295293</t>
  </si>
  <si>
    <t>BU17741020</t>
  </si>
  <si>
    <t>'t Pierik</t>
  </si>
  <si>
    <t>2021BU17741020</t>
  </si>
  <si>
    <t>buurten.87ceef2d-1c87-4c61-9c73-6fb1caea9d09</t>
  </si>
  <si>
    <t>BU17741050</t>
  </si>
  <si>
    <t>Kloppendijk</t>
  </si>
  <si>
    <t>2021BU17741050</t>
  </si>
  <si>
    <t>buurten.022187a5-7d65-4aa7-91ca-0fcea90786b1</t>
  </si>
  <si>
    <t>BU17741051</t>
  </si>
  <si>
    <t>Sombeek</t>
  </si>
  <si>
    <t>2021BU17741051</t>
  </si>
  <si>
    <t>buurten.bbf06a2b-d222-4cae-9e9a-730fa5846407</t>
  </si>
  <si>
    <t>BU17741099</t>
  </si>
  <si>
    <t>Buitengebied Denekamp</t>
  </si>
  <si>
    <t>2021BU17741099</t>
  </si>
  <si>
    <t>buurten.df2e85f6-9f4e-4bf7-9fb4-2e1fb2dbb0e4</t>
  </si>
  <si>
    <t>BU17741110</t>
  </si>
  <si>
    <t>Lattrop kern</t>
  </si>
  <si>
    <t>WK177411</t>
  </si>
  <si>
    <t>2021BU17741110</t>
  </si>
  <si>
    <t>buurten.04191015-45af-4d96-94c4-272b5507eefe</t>
  </si>
  <si>
    <t>PL1774010009</t>
  </si>
  <si>
    <t>Lattrop-Breklenkamp, Rossum, Agelo en Saasveld</t>
  </si>
  <si>
    <t>Afleverset en/of (hybride) warmtepomp en/of All-Electric</t>
  </si>
  <si>
    <t>BU17741198</t>
  </si>
  <si>
    <t>Verspreide huizen Breklenkamp</t>
  </si>
  <si>
    <t>2021BU17741198</t>
  </si>
  <si>
    <t>buurten.04c22dc1-b7ea-46ee-ba06-3209f1209530</t>
  </si>
  <si>
    <t>BU17741199</t>
  </si>
  <si>
    <t>Verspreide huizen Lattrop</t>
  </si>
  <si>
    <t>2021BU17741199</t>
  </si>
  <si>
    <t>buurten.9781941e-45ab-494d-88bd-5e85862a04b8</t>
  </si>
  <si>
    <t>BU17741210</t>
  </si>
  <si>
    <t>Tilligte kern</t>
  </si>
  <si>
    <t>WK177412</t>
  </si>
  <si>
    <t>2021BU17741210</t>
  </si>
  <si>
    <t>buurten.084677ff-b34d-442f-ba3a-8e7e531f8612</t>
  </si>
  <si>
    <t>PL1774010005</t>
  </si>
  <si>
    <t>Tilligte</t>
  </si>
  <si>
    <t>BU17741299</t>
  </si>
  <si>
    <t>Verspreide huizen Tilligte</t>
  </si>
  <si>
    <t>2021BU17741299</t>
  </si>
  <si>
    <t>buurten.a366e430-1b36-4caf-9b52-60ec8f6e4c3f</t>
  </si>
  <si>
    <t>BU17741398</t>
  </si>
  <si>
    <t>Verspreide huizen Groot Agelo</t>
  </si>
  <si>
    <t>WK177413</t>
  </si>
  <si>
    <t>2021BU17741398</t>
  </si>
  <si>
    <t>buurten.bebc50b8-eab2-423f-a0fa-d8df0a892c35</t>
  </si>
  <si>
    <t>BU17741399</t>
  </si>
  <si>
    <t>Verspreide huizen Klein Agelo</t>
  </si>
  <si>
    <t>2021BU17741399</t>
  </si>
  <si>
    <t>buurten.7eee1a5d-229e-433f-a414-a8299bce45af</t>
  </si>
  <si>
    <t>PL1774010008</t>
  </si>
  <si>
    <t>Ootmarsum Ring</t>
  </si>
  <si>
    <t>BU17741410</t>
  </si>
  <si>
    <t>Noord Deurningen kern</t>
  </si>
  <si>
    <t>WK177414</t>
  </si>
  <si>
    <t>2021BU17741410</t>
  </si>
  <si>
    <t>buurten.56b93956-a801-4a90-829a-57cb61495b74</t>
  </si>
  <si>
    <t>PL1774010003</t>
  </si>
  <si>
    <t>Noord-Dreuningen</t>
  </si>
  <si>
    <t>BU17741499</t>
  </si>
  <si>
    <t>Verspreide huizen Noord Deurningen</t>
  </si>
  <si>
    <t>2021BU17741499</t>
  </si>
  <si>
    <t>buurten.dcfb6555-bba0-45aa-8c01-8b83eb362999</t>
  </si>
  <si>
    <t>BU17741510</t>
  </si>
  <si>
    <t>Ootmarsum Kern</t>
  </si>
  <si>
    <t>WK177415</t>
  </si>
  <si>
    <t>2021BU17741510</t>
  </si>
  <si>
    <t>buurten.153515b0-eb12-4e71-9bbf-66a143f1c905</t>
  </si>
  <si>
    <t>PL1774010007</t>
  </si>
  <si>
    <t>BU17741511</t>
  </si>
  <si>
    <t>Ootmarsum Randkern</t>
  </si>
  <si>
    <t>2021BU17741511</t>
  </si>
  <si>
    <t>buurten.d0857a5d-5275-4774-bded-9af4f0ddb847</t>
  </si>
  <si>
    <t>BU17741512</t>
  </si>
  <si>
    <t>Ootmarsum villapark Stobbenkamp</t>
  </si>
  <si>
    <t>2021BU17741512</t>
  </si>
  <si>
    <t>buurten.c818c9b9-e662-4737-bbd0-aefd71aae9e0</t>
  </si>
  <si>
    <t>BU17741513</t>
  </si>
  <si>
    <t>Ootmarsum Cellenkamp Palthenkamp</t>
  </si>
  <si>
    <t>2021BU17741513</t>
  </si>
  <si>
    <t>buurten.3ac91592-c25c-410f-96c3-e9819b5dd9d2</t>
  </si>
  <si>
    <t>BU17741514</t>
  </si>
  <si>
    <t>Moerbekkenkamp</t>
  </si>
  <si>
    <t>2021BU17741514</t>
  </si>
  <si>
    <t>buurten.7f3e7b50-dab3-44ed-ab9f-e24c75804a62</t>
  </si>
  <si>
    <t>BU17741515</t>
  </si>
  <si>
    <t>Wildehof</t>
  </si>
  <si>
    <t>2021BU17741515</t>
  </si>
  <si>
    <t>buurten.ad4a20de-38c5-4a66-97c4-85ddd2fdcf83</t>
  </si>
  <si>
    <t>BU17741516</t>
  </si>
  <si>
    <t>Vinke-Brookhuis</t>
  </si>
  <si>
    <t>2021BU17741516</t>
  </si>
  <si>
    <t>buurten.696beb75-8e8a-413d-84ca-570fa9ccca57</t>
  </si>
  <si>
    <t>BU17741550</t>
  </si>
  <si>
    <t>De Mors</t>
  </si>
  <si>
    <t>2021BU17741550</t>
  </si>
  <si>
    <t>buurten.faf4a7da-6d61-4b7c-a4fd-5ce9036b76bf</t>
  </si>
  <si>
    <t>BU17741598</t>
  </si>
  <si>
    <t>Verspreide huizen Ootmarsum-Oost</t>
  </si>
  <si>
    <t>2021BU17741598</t>
  </si>
  <si>
    <t>buurten.eb53e0f6-a57b-48fe-83ca-900e16aabfe0</t>
  </si>
  <si>
    <t>BU17741599</t>
  </si>
  <si>
    <t>Buitengebied Ootmarsum-West</t>
  </si>
  <si>
    <t>2021BU17741599</t>
  </si>
  <si>
    <t>buurten.7f9b0678-25e3-47d7-9538-58b38e8efca8</t>
  </si>
  <si>
    <t>BU17741610</t>
  </si>
  <si>
    <t>Weerselo</t>
  </si>
  <si>
    <t>WK177416</t>
  </si>
  <si>
    <t>2021BU17741610</t>
  </si>
  <si>
    <t>buurten.e91f379c-e008-4ee9-8943-179ba2484bb0</t>
  </si>
  <si>
    <t>PL1774010001</t>
  </si>
  <si>
    <t>Weerselo woningen gebouwd voor 1992</t>
  </si>
  <si>
    <t>BU17741611</t>
  </si>
  <si>
    <t>Eertman</t>
  </si>
  <si>
    <t>2021BU17741611</t>
  </si>
  <si>
    <t>buurten.6f64b102-4ae9-4613-8bec-3291d9097b38</t>
  </si>
  <si>
    <t>BU17741612</t>
  </si>
  <si>
    <t>Reestman</t>
  </si>
  <si>
    <t>2021BU17741612</t>
  </si>
  <si>
    <t>buurten.46331e24-737f-4556-a1e0-8ab75420b6a3</t>
  </si>
  <si>
    <t>BU17741613</t>
  </si>
  <si>
    <t>'t Stift</t>
  </si>
  <si>
    <t>2021BU17741613</t>
  </si>
  <si>
    <t>buurten.8da751a1-4fa8-4646-996d-5863ed9c7324</t>
  </si>
  <si>
    <t>BU17741614</t>
  </si>
  <si>
    <t>'t Spikkert</t>
  </si>
  <si>
    <t>2021BU17741614</t>
  </si>
  <si>
    <t>buurten.d52ada43-1d05-4da1-81a0-02ec6010bf3f</t>
  </si>
  <si>
    <t>BU17741650</t>
  </si>
  <si>
    <t>Echelpoel</t>
  </si>
  <si>
    <t>2021BU17741650</t>
  </si>
  <si>
    <t>buurten.f2142acb-3020-4d33-a1eb-578542260946</t>
  </si>
  <si>
    <t>BU17741699</t>
  </si>
  <si>
    <t>Verspreide huizen Weerselo</t>
  </si>
  <si>
    <t>2021BU17741699</t>
  </si>
  <si>
    <t>buurten.055bafbd-8f44-48df-a9b8-9145492b91d5</t>
  </si>
  <si>
    <t>BU17741710</t>
  </si>
  <si>
    <t>WK177417</t>
  </si>
  <si>
    <t>2021BU17741710</t>
  </si>
  <si>
    <t>buurten.e1780c44-b299-4366-9f06-141fd8a11cf5</t>
  </si>
  <si>
    <t>BU17741799</t>
  </si>
  <si>
    <t>Verspreide huizen Rossum</t>
  </si>
  <si>
    <t>2021BU17741799</t>
  </si>
  <si>
    <t>buurten.065bd478-85a0-48eb-9ac6-c149e586717a</t>
  </si>
  <si>
    <t>BU17741810</t>
  </si>
  <si>
    <t>Saasveld</t>
  </si>
  <si>
    <t>WK177418</t>
  </si>
  <si>
    <t>2021BU17741810</t>
  </si>
  <si>
    <t>buurten.ffe709e2-0ef9-4d48-a853-becc377ac5d7</t>
  </si>
  <si>
    <t>BU17741899</t>
  </si>
  <si>
    <t>Verspreide huizen Saasveld</t>
  </si>
  <si>
    <t>2021BU17741899</t>
  </si>
  <si>
    <t>buurten.69a49244-0e81-4722-a68d-f6c87fa6247d</t>
  </si>
  <si>
    <t>BU17741910</t>
  </si>
  <si>
    <t>Kern Deurningen</t>
  </si>
  <si>
    <t>WK177419</t>
  </si>
  <si>
    <t>2021BU17741910</t>
  </si>
  <si>
    <t>buurten.7ad915b7-0906-40ea-8cc3-8e5d1a841b17</t>
  </si>
  <si>
    <t>PL1774010004</t>
  </si>
  <si>
    <t>Deurningen</t>
  </si>
  <si>
    <t>hernieuwbaar gas (biogas) WKK</t>
  </si>
  <si>
    <t>BU17741999</t>
  </si>
  <si>
    <t>Verspreide huizen Deurningen</t>
  </si>
  <si>
    <t>2021BU17741999</t>
  </si>
  <si>
    <t>buurten.5eaa7064-ba42-49ef-8ebd-225a05e9a02a</t>
  </si>
  <si>
    <t>BU17742099</t>
  </si>
  <si>
    <t>Verspreide huizen Nutter</t>
  </si>
  <si>
    <t>WK177420</t>
  </si>
  <si>
    <t>2021BU17742099</t>
  </si>
  <si>
    <t>buurten.039847c3-c5f3-4d15-93c8-5fd0b1183dbe</t>
  </si>
  <si>
    <t>BU17742199</t>
  </si>
  <si>
    <t>Verspreide huizen Oud Ootmarsum</t>
  </si>
  <si>
    <t>WK177421</t>
  </si>
  <si>
    <t>2021BU17742199</t>
  </si>
  <si>
    <t>buurten.bbe5d2e9-fcfc-45f8-92fb-a14ca778e21d</t>
  </si>
  <si>
    <t>BU17830101</t>
  </si>
  <si>
    <t>Naaldwijk Centrumgebied</t>
  </si>
  <si>
    <t>WK178301</t>
  </si>
  <si>
    <t>2021BU17830101</t>
  </si>
  <si>
    <t>buurten.39dd6e11-1f3c-484b-a4ea-f548d4746ea6</t>
  </si>
  <si>
    <t>PL1783010007</t>
  </si>
  <si>
    <t>Westland buurten lange termijn (randen Naaldwijk, Wateringen en Honselersdijk)</t>
  </si>
  <si>
    <t>BU17830103</t>
  </si>
  <si>
    <t>Opstal</t>
  </si>
  <si>
    <t>2021BU17830103</t>
  </si>
  <si>
    <t>buurten.7c7da236-f2eb-4114-ab2b-7296d2060968</t>
  </si>
  <si>
    <t>BU17830105</t>
  </si>
  <si>
    <t>Geestcomplex</t>
  </si>
  <si>
    <t>2021BU17830105</t>
  </si>
  <si>
    <t>buurten.25c657fd-ef2f-4405-ab41-97bec5bd65f9</t>
  </si>
  <si>
    <t>BU17830111</t>
  </si>
  <si>
    <t>Kruisbroek</t>
  </si>
  <si>
    <t>2021BU17830111</t>
  </si>
  <si>
    <t>buurten.5d54c791-8573-4090-8715-a111bcc3aa59</t>
  </si>
  <si>
    <t>BU17830113</t>
  </si>
  <si>
    <t>Pijletuinen</t>
  </si>
  <si>
    <t>2021BU17830113</t>
  </si>
  <si>
    <t>buurten.ffb2f5dc-93f5-4c5c-b0f2-a10f9cdaf320</t>
  </si>
  <si>
    <t>BU17830154</t>
  </si>
  <si>
    <t>Buitengebied Naaldwijk</t>
  </si>
  <si>
    <t>2021BU17830154</t>
  </si>
  <si>
    <t>buurten.422db420-5568-41d8-a9ec-f7641e65b03b</t>
  </si>
  <si>
    <t>BU17830155</t>
  </si>
  <si>
    <t>Bedrijventerrein De Woerd</t>
  </si>
  <si>
    <t>2021BU17830155</t>
  </si>
  <si>
    <t>buurten.58726984-f438-404e-bd20-1457235c113d</t>
  </si>
  <si>
    <t>BU17830157</t>
  </si>
  <si>
    <t>Hoge Bomen</t>
  </si>
  <si>
    <t>2021BU17830157</t>
  </si>
  <si>
    <t>buurten.d7de17e4-344b-452f-8fe5-8e293f9ca07c</t>
  </si>
  <si>
    <t>BU17830159</t>
  </si>
  <si>
    <t>Hoogeland Oost</t>
  </si>
  <si>
    <t>2021BU17830159</t>
  </si>
  <si>
    <t>buurten.3a6411a3-be11-42e1-9a75-8aeb1c928cf8</t>
  </si>
  <si>
    <t>BU17830160</t>
  </si>
  <si>
    <t>Hoogeland West</t>
  </si>
  <si>
    <t>2021BU17830160</t>
  </si>
  <si>
    <t>buurten.8dbae605-dc90-4279-9c23-f828de8e4541</t>
  </si>
  <si>
    <t>BU17830161</t>
  </si>
  <si>
    <t>Woerdblok</t>
  </si>
  <si>
    <t>2021BU17830161</t>
  </si>
  <si>
    <t>buurten.b222e2b1-4b1a-47ad-8d61-02e973e17994</t>
  </si>
  <si>
    <t>BU17830201</t>
  </si>
  <si>
    <t>Honselersdijk centrum</t>
  </si>
  <si>
    <t>WK178302</t>
  </si>
  <si>
    <t>2021BU17830201</t>
  </si>
  <si>
    <t>buurten.96bffba5-c052-4238-b05c-c41f827000c0</t>
  </si>
  <si>
    <t>BU17830207</t>
  </si>
  <si>
    <t>2021BU17830207</t>
  </si>
  <si>
    <t>buurten.fe4ec2e1-2c0a-49c1-bab5-f2c66e30fda6</t>
  </si>
  <si>
    <t>BU17830211</t>
  </si>
  <si>
    <t>2021BU17830211</t>
  </si>
  <si>
    <t>buurten.1dbd56fd-cd14-4f7d-9e91-4622ece9a402</t>
  </si>
  <si>
    <t>BU17830251</t>
  </si>
  <si>
    <t>Bedrijventerrein Honsel</t>
  </si>
  <si>
    <t>2021BU17830251</t>
  </si>
  <si>
    <t>buurten.4955c555-2974-4b4b-abd0-b05b1e04f52f</t>
  </si>
  <si>
    <t>BU17830253</t>
  </si>
  <si>
    <t>Achter de Dijk</t>
  </si>
  <si>
    <t>2021BU17830253</t>
  </si>
  <si>
    <t>buurten.0c66a2fe-e895-4145-985e-73e6cb7042d3</t>
  </si>
  <si>
    <t>BU17830256</t>
  </si>
  <si>
    <t>Bedrijventerrein Bloemenveiling</t>
  </si>
  <si>
    <t>2021BU17830256</t>
  </si>
  <si>
    <t>buurten.0f866036-483b-4822-9480-e4715550030c</t>
  </si>
  <si>
    <t>BU17830257</t>
  </si>
  <si>
    <t>Buitengebied Honselersdijk</t>
  </si>
  <si>
    <t>2021BU17830257</t>
  </si>
  <si>
    <t>buurten.a519625b-75c5-482d-90b4-4515b2b42c14</t>
  </si>
  <si>
    <t>PL1783010003</t>
  </si>
  <si>
    <t>Het zuidelijk deel van Poeldijk</t>
  </si>
  <si>
    <t>1389 woningen aardgasvrij voor 2030 (is 45 TJ)</t>
  </si>
  <si>
    <t>bestaand Warmtesysteem Westland (reeds bestaand geothermie systeem) MT/LT</t>
  </si>
  <si>
    <t>BU17830301</t>
  </si>
  <si>
    <t>Woonkern maasdijk</t>
  </si>
  <si>
    <t>WK178303</t>
  </si>
  <si>
    <t>2021BU17830301</t>
  </si>
  <si>
    <t>buurten.9975e1dd-3fc0-4db7-8043-131ac6343761</t>
  </si>
  <si>
    <t>BU17830306</t>
  </si>
  <si>
    <t>Bedrijventerrein De Hoeven</t>
  </si>
  <si>
    <t>2021BU17830306</t>
  </si>
  <si>
    <t>buurten.b84fae09-e28d-4f70-8e75-89e86e296f32</t>
  </si>
  <si>
    <t>BU17830351</t>
  </si>
  <si>
    <t>Bedrijventerrein Honderland &amp; Coldenhove</t>
  </si>
  <si>
    <t>2021BU17830351</t>
  </si>
  <si>
    <t>buurten.30379988-b0f4-4b1b-a62e-79a49dc2ede3</t>
  </si>
  <si>
    <t>BU17830352</t>
  </si>
  <si>
    <t>Buitengebied Maasdijk</t>
  </si>
  <si>
    <t>2021BU17830352</t>
  </si>
  <si>
    <t>buurten.78f07953-7825-445c-a4a5-411c31c63164</t>
  </si>
  <si>
    <t>BU17830401</t>
  </si>
  <si>
    <t>centrumgebied 's-Gravenzande</t>
  </si>
  <si>
    <t>WK178304</t>
  </si>
  <si>
    <t>2021BU17830401</t>
  </si>
  <si>
    <t>buurten.aa4a424c-9447-4725-b593-a14a804f9dda</t>
  </si>
  <si>
    <t>PL1783010002</t>
  </si>
  <si>
    <t>Noordwestelijk deel van s Gravenzande en bedrijventerrein Teylingen</t>
  </si>
  <si>
    <t>3625 woningen aardgasvrij (voor 2030). Is 125 TJ. + 626 utiliteit (100 TJ)</t>
  </si>
  <si>
    <t>BU17830402</t>
  </si>
  <si>
    <t>Zandevelt</t>
  </si>
  <si>
    <t>2021BU17830402</t>
  </si>
  <si>
    <t>buurten.2abb7add-3a8c-4511-9f6c-7e9c8f19fe87</t>
  </si>
  <si>
    <t>BU17830403</t>
  </si>
  <si>
    <t>V/d kasteelewijk</t>
  </si>
  <si>
    <t>2021BU17830403</t>
  </si>
  <si>
    <t>buurten.59183755-a00b-4c50-b003-923986be3c44</t>
  </si>
  <si>
    <t>BU17830404</t>
  </si>
  <si>
    <t>2021BU17830404</t>
  </si>
  <si>
    <t>buurten.08921021-1f6e-48e7-aa58-ace1ba89317f</t>
  </si>
  <si>
    <t>BU17830405</t>
  </si>
  <si>
    <t>2021BU17830405</t>
  </si>
  <si>
    <t>buurten.c334040a-36ec-49d5-8b28-7d71da184210</t>
  </si>
  <si>
    <t>BU17830406</t>
  </si>
  <si>
    <t>Vreeburgh</t>
  </si>
  <si>
    <t>2021BU17830406</t>
  </si>
  <si>
    <t>buurten.f31d0619-4739-4fe0-a993-4cbe44e52e47</t>
  </si>
  <si>
    <t>BU17830407</t>
  </si>
  <si>
    <t>Dorp oost</t>
  </si>
  <si>
    <t>2021BU17830407</t>
  </si>
  <si>
    <t>buurten.c52d2afe-9031-43ca-b85c-a3238fa0aedc</t>
  </si>
  <si>
    <t>BU17830408</t>
  </si>
  <si>
    <t>Nieuwe Vaart</t>
  </si>
  <si>
    <t>2021BU17830408</t>
  </si>
  <si>
    <t>buurten.62642ab1-f818-4511-b260-c18397ac5403</t>
  </si>
  <si>
    <t>BU17830409</t>
  </si>
  <si>
    <t>Bedrijventerrein Teylingen</t>
  </si>
  <si>
    <t>2021BU17830409</t>
  </si>
  <si>
    <t>buurten.48f90413-bef1-4beb-8b29-7ae39a0132ba</t>
  </si>
  <si>
    <t>BU17830410</t>
  </si>
  <si>
    <t>Heenweg</t>
  </si>
  <si>
    <t>2021BU17830410</t>
  </si>
  <si>
    <t>buurten.a925b4c6-8299-4c0f-8f7a-d01476b243b9</t>
  </si>
  <si>
    <t>BU17830420</t>
  </si>
  <si>
    <t>'s-Gravenzande Buitengebied</t>
  </si>
  <si>
    <t>2021BU17830420</t>
  </si>
  <si>
    <t>buurten.4f749015-3f4a-43f0-8a45-6e3763c99ece</t>
  </si>
  <si>
    <t>BU17830421</t>
  </si>
  <si>
    <t>Kust 's-Gravenzande</t>
  </si>
  <si>
    <t>2021BU17830421</t>
  </si>
  <si>
    <t>buurten.c7f1ead0-96cb-42c8-b67b-09afb2b8fc74</t>
  </si>
  <si>
    <t>BU17830480</t>
  </si>
  <si>
    <t>Het Nieuwe water</t>
  </si>
  <si>
    <t>2021BU17830480</t>
  </si>
  <si>
    <t>buurten.10fc3893-2079-446a-97f5-26e9b4b0b969</t>
  </si>
  <si>
    <t>BU17830502</t>
  </si>
  <si>
    <t>Monster Centrumgebied</t>
  </si>
  <si>
    <t>WK178305</t>
  </si>
  <si>
    <t>2021BU17830502</t>
  </si>
  <si>
    <t>buurten.c0437d4c-63b0-4005-bf24-79df4929f362</t>
  </si>
  <si>
    <t>BU17830504</t>
  </si>
  <si>
    <t>Kleine Geest en Molenwijk</t>
  </si>
  <si>
    <t>2021BU17830504</t>
  </si>
  <si>
    <t>buurten.14b4feb2-76fd-4b86-9f18-e0f942ad3008</t>
  </si>
  <si>
    <t>PL1783010001</t>
  </si>
  <si>
    <t>Gebied in het noorden van Monster en Polanen;</t>
  </si>
  <si>
    <t>607 woningen aardgasvrij (voor 2030). Is 25 TJ. + 65 utiliteitspanden (16 TJ)</t>
  </si>
  <si>
    <t>BU17830505</t>
  </si>
  <si>
    <t>Zwartenhoek</t>
  </si>
  <si>
    <t>2021BU17830505</t>
  </si>
  <si>
    <t>buurten.6ff1fea5-729e-40c3-ba03-a9451919ae06</t>
  </si>
  <si>
    <t>BU17830506</t>
  </si>
  <si>
    <t>Grote Geest en Molenwijk</t>
  </si>
  <si>
    <t>2021BU17830506</t>
  </si>
  <si>
    <t>buurten.ba845f05-07cd-4568-a3ed-9af9fe2d9118</t>
  </si>
  <si>
    <t>BU17830507</t>
  </si>
  <si>
    <t>2021BU17830507</t>
  </si>
  <si>
    <t>buurten.519d5d06-4234-496d-bfa7-03510f28a12b</t>
  </si>
  <si>
    <t>BU17830508</t>
  </si>
  <si>
    <t>Westlandse Zoom De Duinen</t>
  </si>
  <si>
    <t>2021BU17830508</t>
  </si>
  <si>
    <t>buurten.8297f16f-c714-4e36-afad-6ab7ba96eb56</t>
  </si>
  <si>
    <t>BU17830509</t>
  </si>
  <si>
    <t>Buitengebied Monster</t>
  </si>
  <si>
    <t>2021BU17830509</t>
  </si>
  <si>
    <t>buurten.be21f4cb-dee8-4e55-8424-759fdca9f0ae</t>
  </si>
  <si>
    <t>BU17830510</t>
  </si>
  <si>
    <t>Westerhonk</t>
  </si>
  <si>
    <t>2021BU17830510</t>
  </si>
  <si>
    <t>buurten.208c219d-d24d-49dd-8d21-c04057b07ac6</t>
  </si>
  <si>
    <t>BU17830511</t>
  </si>
  <si>
    <t>Bedrijventerrein Vlotlaan</t>
  </si>
  <si>
    <t>2021BU17830511</t>
  </si>
  <si>
    <t>buurten.4363fab3-c4dd-43e5-a454-3b5e90504494</t>
  </si>
  <si>
    <t>BU17830521</t>
  </si>
  <si>
    <t>Kust Monster</t>
  </si>
  <si>
    <t>2021BU17830521</t>
  </si>
  <si>
    <t>buurten.35d60cc5-3cd0-445a-87d2-b7b2be5bd90e</t>
  </si>
  <si>
    <t>PL0518010058</t>
  </si>
  <si>
    <t>BU17830601</t>
  </si>
  <si>
    <t>Kwintsheul-Oost</t>
  </si>
  <si>
    <t>WK178306</t>
  </si>
  <si>
    <t>2021BU17830601</t>
  </si>
  <si>
    <t>buurten.a2467656-fc48-4c1e-9280-b12e7a4cd462</t>
  </si>
  <si>
    <t>BU17830602</t>
  </si>
  <si>
    <t>2021BU17830602</t>
  </si>
  <si>
    <t>buurten.1105ea9c-68c4-41bc-9a97-72649ec7e117</t>
  </si>
  <si>
    <t>PL0518010063</t>
  </si>
  <si>
    <t>BU17830606</t>
  </si>
  <si>
    <t>Hofwijk en Oranjehof</t>
  </si>
  <si>
    <t>2021BU17830606</t>
  </si>
  <si>
    <t>buurten.b9f1fd57-43c1-458a-9c2c-af033261fbf0</t>
  </si>
  <si>
    <t>BU17830607</t>
  </si>
  <si>
    <t>Wateringen Noord en Ambachtshof</t>
  </si>
  <si>
    <t>2021BU17830607</t>
  </si>
  <si>
    <t>buurten.5be6a538-a90c-42fc-aafc-566d70cbade1</t>
  </si>
  <si>
    <t>BU17830608</t>
  </si>
  <si>
    <t>Suydervelt</t>
  </si>
  <si>
    <t>2021BU17830608</t>
  </si>
  <si>
    <t>buurten.2dc598e8-8d91-48f7-9991-cb9ac1cf7db8</t>
  </si>
  <si>
    <t>PL1783010006</t>
  </si>
  <si>
    <t>BU17830609</t>
  </si>
  <si>
    <t>Buitengebied wateringen</t>
  </si>
  <si>
    <t>2021BU17830609</t>
  </si>
  <si>
    <t>buurten.674fc9b0-0ce8-4802-b9e1-7ecf56039cab</t>
  </si>
  <si>
    <t>BU17830610</t>
  </si>
  <si>
    <t>Vliettuinen</t>
  </si>
  <si>
    <t>2021BU17830610</t>
  </si>
  <si>
    <t>buurten.b4ea5b82-250d-4c5d-a4ed-b6272356abb7</t>
  </si>
  <si>
    <t>BU17830611</t>
  </si>
  <si>
    <t>Essellanden</t>
  </si>
  <si>
    <t>2021BU17830611</t>
  </si>
  <si>
    <t>buurten.793faca4-c85f-4760-9b57-58763cbaa7c9</t>
  </si>
  <si>
    <t>BU17830612</t>
  </si>
  <si>
    <t>Bedrijventerrein Wateringen</t>
  </si>
  <si>
    <t>2021BU17830612</t>
  </si>
  <si>
    <t>buurten.06e36a38-87d5-44e4-9236-e673e4a51099</t>
  </si>
  <si>
    <t>BU17830701</t>
  </si>
  <si>
    <t>Buitengebied De Lier</t>
  </si>
  <si>
    <t>WK178307</t>
  </si>
  <si>
    <t>2021BU17830701</t>
  </si>
  <si>
    <t>buurten.8b60c503-56bd-45cf-bfed-8c3fc3e63b37</t>
  </si>
  <si>
    <t>PL1783010005</t>
  </si>
  <si>
    <t>Het oostelijk deel van de Lier</t>
  </si>
  <si>
    <t>748 woningen (25 TJ), 35 bedrijven (7 TJ) voor 2030</t>
  </si>
  <si>
    <t>BU17830702</t>
  </si>
  <si>
    <t>Bedrijventerrein Westerlee</t>
  </si>
  <si>
    <t>2021BU17830702</t>
  </si>
  <si>
    <t>buurten.554ce984-b8b4-45d6-a0d2-7ba5baff0af0</t>
  </si>
  <si>
    <t>BU17830703</t>
  </si>
  <si>
    <t>De Lier Centrumgebied</t>
  </si>
  <si>
    <t>2021BU17830703</t>
  </si>
  <si>
    <t>buurten.fa3d64be-e5e0-44a0-916e-6d41e79c0fd4</t>
  </si>
  <si>
    <t>BU17830710</t>
  </si>
  <si>
    <t>De Lier West</t>
  </si>
  <si>
    <t>2021BU17830710</t>
  </si>
  <si>
    <t>buurten.5849a86a-3ebb-4da1-a9dd-a6030ff9acbb</t>
  </si>
  <si>
    <t>BU17830711</t>
  </si>
  <si>
    <t>Sportpark de Zweth</t>
  </si>
  <si>
    <t>2021BU17830711</t>
  </si>
  <si>
    <t>buurten.cad6ac97-b164-4bd3-aee3-5a4d8d43565d</t>
  </si>
  <si>
    <t>BU17830712</t>
  </si>
  <si>
    <t>Bleyenburg</t>
  </si>
  <si>
    <t>2021BU17830712</t>
  </si>
  <si>
    <t>buurten.4249e6cc-fbfc-4dbe-a10e-ec1a8d005428</t>
  </si>
  <si>
    <t>BU17830713</t>
  </si>
  <si>
    <t>Molensloot</t>
  </si>
  <si>
    <t>2021BU17830713</t>
  </si>
  <si>
    <t>buurten.61c03e1c-7931-4f3c-a2f0-6d8b37464948</t>
  </si>
  <si>
    <t>BU17830714</t>
  </si>
  <si>
    <t>Zeehelden van Oranje</t>
  </si>
  <si>
    <t>2021BU17830714</t>
  </si>
  <si>
    <t>buurten.d411b29c-0a8a-417c-815e-b68b37cdf68a</t>
  </si>
  <si>
    <t>BU17830801</t>
  </si>
  <si>
    <t>Kwintsheul Centrumgebied</t>
  </si>
  <si>
    <t>WK178308</t>
  </si>
  <si>
    <t>2021BU17830801</t>
  </si>
  <si>
    <t>buurten.3464a8f9-5475-41e0-aa04-ed4fcf2f8bd5</t>
  </si>
  <si>
    <t>BU17830802</t>
  </si>
  <si>
    <t>Bedrijventerrein Bovendijk</t>
  </si>
  <si>
    <t>2021BU17830802</t>
  </si>
  <si>
    <t>buurten.e4153fc0-e3ad-451c-add3-6ae515080dea</t>
  </si>
  <si>
    <t>BU17830803</t>
  </si>
  <si>
    <t>Buitengebied Kwintsheul</t>
  </si>
  <si>
    <t>2021BU17830803</t>
  </si>
  <si>
    <t>buurten.dffee226-4f9c-42ce-9213-08f76a4a8301</t>
  </si>
  <si>
    <t>BU17830900</t>
  </si>
  <si>
    <t>Buitengebied Poelldijk-Oost</t>
  </si>
  <si>
    <t>WK178309</t>
  </si>
  <si>
    <t>2021BU17830900</t>
  </si>
  <si>
    <t>buurten.ccb05046-50b5-483d-a775-2fc45445b01f</t>
  </si>
  <si>
    <t>Bedrijventerrein ABC Westland</t>
  </si>
  <si>
    <t>BU17830901</t>
  </si>
  <si>
    <t>Poeldijk Centrumgebied</t>
  </si>
  <si>
    <t>2021BU17830901</t>
  </si>
  <si>
    <t>buurten.da07c3c5-8e4d-4d23-b751-689975fbc28f</t>
  </si>
  <si>
    <t>BU17830902</t>
  </si>
  <si>
    <t>Poeldijk Noord</t>
  </si>
  <si>
    <t>2021BU17830902</t>
  </si>
  <si>
    <t>buurten.bebfe35d-e981-4b25-af12-9d601bd84d15</t>
  </si>
  <si>
    <t>BU17830903</t>
  </si>
  <si>
    <t>Westhof en Dijkpolder</t>
  </si>
  <si>
    <t>2021BU17830903</t>
  </si>
  <si>
    <t>buurten.8722eabd-691e-42dc-9935-587fa3f74dbc</t>
  </si>
  <si>
    <t>BU17830904</t>
  </si>
  <si>
    <t>2021BU17830904</t>
  </si>
  <si>
    <t>buurten.c60df764-6d2c-4622-9cb0-841b0af21a81</t>
  </si>
  <si>
    <t>PL1783010004</t>
  </si>
  <si>
    <t>320 bedrijven (118 TJ)</t>
  </si>
  <si>
    <t>elektriciteit of retourleiding bestaand Warmtesysteem Westland, WKO, collectieve warmtepomp</t>
  </si>
  <si>
    <t>bestaande warmtenet uitbreiden en/of WKO en/of collectieve warmtepomp</t>
  </si>
  <si>
    <t>BU17830905</t>
  </si>
  <si>
    <t>Bedrijventerrein Mercurius</t>
  </si>
  <si>
    <t>2021BU17830905</t>
  </si>
  <si>
    <t>buurten.75c835ec-ba68-4ff8-b724-8ca63c728bc4</t>
  </si>
  <si>
    <t>BU17830966</t>
  </si>
  <si>
    <t>Buitengebied Poeldijk-West</t>
  </si>
  <si>
    <t>2021BU17830966</t>
  </si>
  <si>
    <t>buurten.e118ada6-1186-4449-8b5b-e55e5eb0646e</t>
  </si>
  <si>
    <t>BU17831001</t>
  </si>
  <si>
    <t>Ter Heijde</t>
  </si>
  <si>
    <t>WK178310</t>
  </si>
  <si>
    <t>2021BU17831001</t>
  </si>
  <si>
    <t>buurten.2691bb92-a0c0-4d2b-a511-9e80da4b0aaa</t>
  </si>
  <si>
    <t>BU18420000</t>
  </si>
  <si>
    <t>Schipluiden</t>
  </si>
  <si>
    <t>WK184200</t>
  </si>
  <si>
    <t>2021BU18420000</t>
  </si>
  <si>
    <t>buurten.5eef2a21-f156-41a3-849e-1dc5a57c1edf</t>
  </si>
  <si>
    <t>BU18420001</t>
  </si>
  <si>
    <t>2021BU18420001</t>
  </si>
  <si>
    <t>buurten.2f49ffc7-efd4-4c46-af2a-c260a5a41b77</t>
  </si>
  <si>
    <t>BU18420002</t>
  </si>
  <si>
    <t>Hodenpijl</t>
  </si>
  <si>
    <t>2021BU18420002</t>
  </si>
  <si>
    <t>buurten.5f39e7af-cf3f-4815-9f4f-90f7d65b598e</t>
  </si>
  <si>
    <t>BU18420004</t>
  </si>
  <si>
    <t>Gaag-Schipluiden</t>
  </si>
  <si>
    <t>2021BU18420004</t>
  </si>
  <si>
    <t>buurten.4d0d2d96-525f-4265-b17b-91f419710fac</t>
  </si>
  <si>
    <t>BU18420005</t>
  </si>
  <si>
    <t>Negenhuizen en Zouteveen</t>
  </si>
  <si>
    <t>2021BU18420005</t>
  </si>
  <si>
    <t>buurten.3f9d3ebe-a6de-44b6-ae11-9d2dd3bc4e4c</t>
  </si>
  <si>
    <t>BU18420007</t>
  </si>
  <si>
    <t>'t Woudt</t>
  </si>
  <si>
    <t>2021BU18420007</t>
  </si>
  <si>
    <t>buurten.3f880ed8-3407-4a6a-a034-5969eba71619</t>
  </si>
  <si>
    <t>BU18420009</t>
  </si>
  <si>
    <t>Verspreide huizen Schipluiden</t>
  </si>
  <si>
    <t>2021BU18420009</t>
  </si>
  <si>
    <t>buurten.879ad7b3-753b-4708-9587-741a6415d98a</t>
  </si>
  <si>
    <t>BU18420100</t>
  </si>
  <si>
    <t>Maasland</t>
  </si>
  <si>
    <t>WK184201</t>
  </si>
  <si>
    <t>2021BU18420100</t>
  </si>
  <si>
    <t>buurten.9193bbce-38a7-454d-b311-31c56c06d3cc</t>
  </si>
  <si>
    <t>BU18420101</t>
  </si>
  <si>
    <t>Ter Lucht</t>
  </si>
  <si>
    <t>2021BU18420101</t>
  </si>
  <si>
    <t>buurten.9e573219-9e14-4ad1-8c32-91aacfee69b7</t>
  </si>
  <si>
    <t>BU18420103</t>
  </si>
  <si>
    <t>Gaag-Maasland</t>
  </si>
  <si>
    <t>2021BU18420103</t>
  </si>
  <si>
    <t>buurten.4c4eb11f-f8d4-458c-8b3a-ee42aed34332</t>
  </si>
  <si>
    <t>BU18420106</t>
  </si>
  <si>
    <t>Dijkpolder</t>
  </si>
  <si>
    <t>2021BU18420106</t>
  </si>
  <si>
    <t>buurten.2eab5fbb-3e84-45be-b9fb-d6297ab75140</t>
  </si>
  <si>
    <t>BU18420108</t>
  </si>
  <si>
    <t>Verspreide huizen Dijkpolder</t>
  </si>
  <si>
    <t>2021BU18420108</t>
  </si>
  <si>
    <t>buurten.9c18ccb1-6ffd-4c3c-8d42-fac7ed65c7ce</t>
  </si>
  <si>
    <t>BU18420109</t>
  </si>
  <si>
    <t>Verspreide huizen Duifpolder en omgeving</t>
  </si>
  <si>
    <t>2021BU18420109</t>
  </si>
  <si>
    <t>buurten.293de459-c63b-41aa-be77-0c98cb2a522a</t>
  </si>
  <si>
    <t>BU18590000</t>
  </si>
  <si>
    <t>Borculo Centrum</t>
  </si>
  <si>
    <t>WK185900</t>
  </si>
  <si>
    <t>2021BU18590000</t>
  </si>
  <si>
    <t>buurten.6ab11b18-9e8b-41e3-93af-8211f94a7eb8</t>
  </si>
  <si>
    <t>PL1859010002</t>
  </si>
  <si>
    <t>Borculo</t>
  </si>
  <si>
    <t>Indien er geen collectief mogelijk is: individuele oplossingen opgedeeld per isolatielabel. Voorkeur ligt bij zo goed mogelijk isoleren. Voor woningen waarbij het enkel mogelijk is tot schillabel B te isoleren worden andere duurzame eindoplossingen gesch</t>
  </si>
  <si>
    <t>Onderzoek benutten afvalwater FrieslandCampina</t>
  </si>
  <si>
    <t>BU18590002</t>
  </si>
  <si>
    <t>Hambroek</t>
  </si>
  <si>
    <t>2021BU18590002</t>
  </si>
  <si>
    <t>buurten.c73ce5f3-de31-4dc5-92b8-e2049455ca15</t>
  </si>
  <si>
    <t>BU18590003</t>
  </si>
  <si>
    <t>Geesteren</t>
  </si>
  <si>
    <t>2021BU18590003</t>
  </si>
  <si>
    <t>buurten.725927da-1f55-4a47-97d4-727397e8a23a</t>
  </si>
  <si>
    <t>BU18590004</t>
  </si>
  <si>
    <t>Gelselaar</t>
  </si>
  <si>
    <t>2021BU18590004</t>
  </si>
  <si>
    <t>buurten.5995961d-dbba-4bb2-bf1c-6438fd0b04f6</t>
  </si>
  <si>
    <t>BU18590005</t>
  </si>
  <si>
    <t>Haarlo</t>
  </si>
  <si>
    <t>2021BU18590005</t>
  </si>
  <si>
    <t>buurten.4ca90cd9-5e50-4033-8497-e952f04cb0c1</t>
  </si>
  <si>
    <t>BU18590006</t>
  </si>
  <si>
    <t>Verspreide huizen Gelselaar</t>
  </si>
  <si>
    <t>2021BU18590006</t>
  </si>
  <si>
    <t>buurten.5344990f-698b-4b4a-af64-5939e71dd49d</t>
  </si>
  <si>
    <t>BU18590007</t>
  </si>
  <si>
    <t>2021BU18590007</t>
  </si>
  <si>
    <t>buurten.b3f85b3d-3f84-42c0-9c21-bd6ccbee7999</t>
  </si>
  <si>
    <t>BU18590008</t>
  </si>
  <si>
    <t>Verspreide huizen Borculo</t>
  </si>
  <si>
    <t>2021BU18590008</t>
  </si>
  <si>
    <t>buurten.a16c0503-5f06-4434-b76c-cfa4b0753458</t>
  </si>
  <si>
    <t>BU18590009</t>
  </si>
  <si>
    <t>Verspreide huizen Haarlo</t>
  </si>
  <si>
    <t>2021BU18590009</t>
  </si>
  <si>
    <t>buurten.6f65e1fd-ccb2-498b-ae59-267da9481f3f</t>
  </si>
  <si>
    <t>BU18590010</t>
  </si>
  <si>
    <t>Elbrink</t>
  </si>
  <si>
    <t>2021BU18590010</t>
  </si>
  <si>
    <t>buurten.dae05bbe-6db3-4b66-8dc4-e712a320fbf9</t>
  </si>
  <si>
    <t>BU18590011</t>
  </si>
  <si>
    <t>2021BU18590011</t>
  </si>
  <si>
    <t>buurten.dfcbab62-0c6a-43ff-8cc2-c3d9b5e2f450</t>
  </si>
  <si>
    <t>BU18590012</t>
  </si>
  <si>
    <t>Oostenrijkse Buurt</t>
  </si>
  <si>
    <t>2021BU18590012</t>
  </si>
  <si>
    <t>buurten.9b3bd2da-c3e4-423a-9573-b0ff5f145784</t>
  </si>
  <si>
    <t>BU18590013</t>
  </si>
  <si>
    <t>Industrieterrein Borculo</t>
  </si>
  <si>
    <t>2021BU18590013</t>
  </si>
  <si>
    <t>buurten.62cf7cbf-7d57-4e06-8eb6-8b52f8238674</t>
  </si>
  <si>
    <t>BU18590014</t>
  </si>
  <si>
    <t>2021BU18590014</t>
  </si>
  <si>
    <t>buurten.1ed379ac-2e26-4ff9-b46a-7333ed7c0db8</t>
  </si>
  <si>
    <t>BU18590015</t>
  </si>
  <si>
    <t>De Koppel</t>
  </si>
  <si>
    <t>2021BU18590015</t>
  </si>
  <si>
    <t>buurten.da5319f6-2ce2-4466-a57a-af80b1cf8e00</t>
  </si>
  <si>
    <t>BU18590016</t>
  </si>
  <si>
    <t>2021BU18590016</t>
  </si>
  <si>
    <t>buurten.d35b227c-1159-4ca3-95f0-edf3e78bab26</t>
  </si>
  <si>
    <t>BU18590017</t>
  </si>
  <si>
    <t>Nieuw Boer</t>
  </si>
  <si>
    <t>2021BU18590017</t>
  </si>
  <si>
    <t>buurten.b43c3d92-76e4-40f4-a6af-472f427c77e8</t>
  </si>
  <si>
    <t>BU18590018</t>
  </si>
  <si>
    <t>Schollenkamp</t>
  </si>
  <si>
    <t>2021BU18590018</t>
  </si>
  <si>
    <t>buurten.4f5c249a-76de-492f-a181-77515f4d4831</t>
  </si>
  <si>
    <t>BU18590102</t>
  </si>
  <si>
    <t>Rekken</t>
  </si>
  <si>
    <t>WK185901</t>
  </si>
  <si>
    <t>2021BU18590102</t>
  </si>
  <si>
    <t>buurten.f3e7540e-420a-4a6c-8867-9940916f7f20</t>
  </si>
  <si>
    <t>BU18590104</t>
  </si>
  <si>
    <t>Verspreide huizen Hupsel-West</t>
  </si>
  <si>
    <t>2021BU18590104</t>
  </si>
  <si>
    <t>buurten.c1fc73dc-a514-481f-9443-83c7216f865f</t>
  </si>
  <si>
    <t>PL1859010003</t>
  </si>
  <si>
    <t>Ruurlo, Eibergen</t>
  </si>
  <si>
    <t>BU18590105</t>
  </si>
  <si>
    <t>Verspreide huizen Hupsel-Oost</t>
  </si>
  <si>
    <t>2021BU18590105</t>
  </si>
  <si>
    <t>buurten.af7f17b4-379b-4df7-86a5-e07aa1496f54</t>
  </si>
  <si>
    <t>BU18590106</t>
  </si>
  <si>
    <t>Verspreide huizen Holterhoek</t>
  </si>
  <si>
    <t>2021BU18590106</t>
  </si>
  <si>
    <t>buurten.617c1d0d-a5fc-4bf2-8cdc-6c23740f2a40</t>
  </si>
  <si>
    <t>BU18590107</t>
  </si>
  <si>
    <t>Verspreide huizen Mallem en Loo</t>
  </si>
  <si>
    <t>2021BU18590107</t>
  </si>
  <si>
    <t>buurten.c2c6d960-60c7-4f4e-82a4-8b180b1a03a0</t>
  </si>
  <si>
    <t>BU18590108</t>
  </si>
  <si>
    <t>Verspreide huizen Olden Eibergen</t>
  </si>
  <si>
    <t>2021BU18590108</t>
  </si>
  <si>
    <t>buurten.11ea2c36-05b1-46dc-87aa-d9a8b91ad6e1</t>
  </si>
  <si>
    <t>BU18590109</t>
  </si>
  <si>
    <t>Verspreide huizen Rekken</t>
  </si>
  <si>
    <t>2021BU18590109</t>
  </si>
  <si>
    <t>buurten.f0a78d60-79df-42e5-bcca-d393f60452d0</t>
  </si>
  <si>
    <t>BU18590110</t>
  </si>
  <si>
    <t>Westenesch-Hofrichter</t>
  </si>
  <si>
    <t>2021BU18590110</t>
  </si>
  <si>
    <t>buurten.1b9978d3-7496-400e-89f1-bd76e718d16d</t>
  </si>
  <si>
    <t>BU18590111</t>
  </si>
  <si>
    <t>2021BU18590111</t>
  </si>
  <si>
    <t>buurten.ab153a8e-bb07-4e1d-90b9-093382fadbb2</t>
  </si>
  <si>
    <t>BU18590112</t>
  </si>
  <si>
    <t>D'n Esch</t>
  </si>
  <si>
    <t>2021BU18590112</t>
  </si>
  <si>
    <t>buurten.909e63fc-213d-4830-b300-56739d06d1ff</t>
  </si>
  <si>
    <t>BU18590113</t>
  </si>
  <si>
    <t>Bronbeek-Rozenkamp</t>
  </si>
  <si>
    <t>2021BU18590113</t>
  </si>
  <si>
    <t>buurten.96eb1790-fff2-47b0-bee4-7ea3bc46ba82</t>
  </si>
  <si>
    <t>BU18590114</t>
  </si>
  <si>
    <t>Zuivelfabriek</t>
  </si>
  <si>
    <t>2021BU18590114</t>
  </si>
  <si>
    <t>buurten.0f104136-3c8d-46a7-be78-63a0045e4932</t>
  </si>
  <si>
    <t>BU18590115</t>
  </si>
  <si>
    <t>Op de Bleek</t>
  </si>
  <si>
    <t>2021BU18590115</t>
  </si>
  <si>
    <t>buurten.f857f2f8-d3da-4460-be27-55d131a0bf62</t>
  </si>
  <si>
    <t>BU18590116</t>
  </si>
  <si>
    <t>Eibergen Centrum</t>
  </si>
  <si>
    <t>2021BU18590116</t>
  </si>
  <si>
    <t>buurten.a62d5fc3-c6b0-43b8-9b8d-92f859493d3f</t>
  </si>
  <si>
    <t>BU18590117</t>
  </si>
  <si>
    <t>Mollemors</t>
  </si>
  <si>
    <t>2021BU18590117</t>
  </si>
  <si>
    <t>buurten.5d6067dd-7cab-48ac-8201-5a0e915a4293</t>
  </si>
  <si>
    <t>BU18590118</t>
  </si>
  <si>
    <t>Berkellanden</t>
  </si>
  <si>
    <t>2021BU18590118</t>
  </si>
  <si>
    <t>buurten.601ed45a-9cc1-4ae6-9fa2-adca77f8e32b</t>
  </si>
  <si>
    <t>BU18590119</t>
  </si>
  <si>
    <t>Prins Bernhardstraat eo</t>
  </si>
  <si>
    <t>2021BU18590119</t>
  </si>
  <si>
    <t>buurten.3a0753c3-2f94-492b-abe5-6309faad1380</t>
  </si>
  <si>
    <t>BU18590120</t>
  </si>
  <si>
    <t>Simmelink West</t>
  </si>
  <si>
    <t>2021BU18590120</t>
  </si>
  <si>
    <t>buurten.f08b5417-1f9e-409b-b052-699d004d951e</t>
  </si>
  <si>
    <t>BU18590121</t>
  </si>
  <si>
    <t>Simmelink Noord</t>
  </si>
  <si>
    <t>2021BU18590121</t>
  </si>
  <si>
    <t>buurten.9e709407-8348-44c6-a81a-91d450d13e1c</t>
  </si>
  <si>
    <t>BU18590122</t>
  </si>
  <si>
    <t>Simmelink Zuid</t>
  </si>
  <si>
    <t>2021BU18590122</t>
  </si>
  <si>
    <t>buurten.94329c66-5d3e-4f98-a5ab-35fbd1ed2739</t>
  </si>
  <si>
    <t>BU18590123</t>
  </si>
  <si>
    <t>Vrijersmaat-Plan Zuid</t>
  </si>
  <si>
    <t>2021BU18590123</t>
  </si>
  <si>
    <t>buurten.bac9c7bc-06b8-493a-be78-7be08d7e4b86</t>
  </si>
  <si>
    <t>BU18590124</t>
  </si>
  <si>
    <t>Industrieterrein De Kiefte</t>
  </si>
  <si>
    <t>2021BU18590124</t>
  </si>
  <si>
    <t>buurten.ae1f984b-3af4-4534-b8cc-25b6a21085c7</t>
  </si>
  <si>
    <t>BU18590200</t>
  </si>
  <si>
    <t>Beltrum</t>
  </si>
  <si>
    <t>WK185902</t>
  </si>
  <si>
    <t>2021BU18590200</t>
  </si>
  <si>
    <t>buurten.c7534750-9f38-4028-b87b-d7c81c5e5f5e</t>
  </si>
  <si>
    <t>BU18590206</t>
  </si>
  <si>
    <t>Verspreide huizen Voor-Beltrum</t>
  </si>
  <si>
    <t>2021BU18590206</t>
  </si>
  <si>
    <t>buurten.72b5132a-3849-4ab6-a77c-686e1536afd8</t>
  </si>
  <si>
    <t>BU18590207</t>
  </si>
  <si>
    <t>Verspreide huizen Beltrum Lintvelde en Avest</t>
  </si>
  <si>
    <t>2021BU18590207</t>
  </si>
  <si>
    <t>buurten.e4f1fdef-4edf-476b-aef9-9e7ed4666dee</t>
  </si>
  <si>
    <t>BU18590209</t>
  </si>
  <si>
    <t>Verspreide huizen Beltrumsche Veld</t>
  </si>
  <si>
    <t>2021BU18590209</t>
  </si>
  <si>
    <t>buurten.dc74fd5f-f99e-4a53-970e-4ec4c9708f18</t>
  </si>
  <si>
    <t>BU18590301</t>
  </si>
  <si>
    <t>Noordijk</t>
  </si>
  <si>
    <t>WK185903</t>
  </si>
  <si>
    <t>2021BU18590301</t>
  </si>
  <si>
    <t>buurten.91900b9b-b17e-4f1f-a56c-3ec5c8bd538c</t>
  </si>
  <si>
    <t>BU18590302</t>
  </si>
  <si>
    <t>Rietmolen</t>
  </si>
  <si>
    <t>2021BU18590302</t>
  </si>
  <si>
    <t>buurten.30cafd3a-e532-4238-b344-a4441e6433c4</t>
  </si>
  <si>
    <t>BU18590307</t>
  </si>
  <si>
    <t>Verspreide huizen Rietmolen en Broeke</t>
  </si>
  <si>
    <t>2021BU18590307</t>
  </si>
  <si>
    <t>buurten.a5c064c8-6588-4f14-8e1f-f5c314a4117c</t>
  </si>
  <si>
    <t>BU18590308</t>
  </si>
  <si>
    <t>Verspreide huizen Noordijk</t>
  </si>
  <si>
    <t>2021BU18590308</t>
  </si>
  <si>
    <t>buurten.df317a6d-756b-4bcc-95fc-fae8f7dd5242</t>
  </si>
  <si>
    <t>BU18590309</t>
  </si>
  <si>
    <t>Verspreide huizen Neede</t>
  </si>
  <si>
    <t>2021BU18590309</t>
  </si>
  <si>
    <t>buurten.44170467-94b9-4047-ace3-9ab2e2df956e</t>
  </si>
  <si>
    <t>BU18590310</t>
  </si>
  <si>
    <t>De Berg</t>
  </si>
  <si>
    <t>2021BU18590310</t>
  </si>
  <si>
    <t>buurten.90094c0f-c235-4f4e-9cea-3c74a472b6f4</t>
  </si>
  <si>
    <t>BU18590311</t>
  </si>
  <si>
    <t>Roodland</t>
  </si>
  <si>
    <t>2021BU18590311</t>
  </si>
  <si>
    <t>buurten.5a24016c-a277-4953-97b0-ac8a964f731e</t>
  </si>
  <si>
    <t>BU18590312</t>
  </si>
  <si>
    <t>Ruwenhof-Meijersveld</t>
  </si>
  <si>
    <t>2021BU18590312</t>
  </si>
  <si>
    <t>buurten.1006c682-a030-4e3f-83ea-b561cf6c4d42</t>
  </si>
  <si>
    <t>BU18590313</t>
  </si>
  <si>
    <t>Hondelink</t>
  </si>
  <si>
    <t>2021BU18590313</t>
  </si>
  <si>
    <t>buurten.8065de64-d59b-4d09-8c43-567bde418860</t>
  </si>
  <si>
    <t>BU18590314</t>
  </si>
  <si>
    <t>Hofmaat</t>
  </si>
  <si>
    <t>2021BU18590314</t>
  </si>
  <si>
    <t>buurten.37dc3664-0cf0-4da0-acf2-bf97bf5e6131</t>
  </si>
  <si>
    <t>BU18590315</t>
  </si>
  <si>
    <t>Neede Centrum</t>
  </si>
  <si>
    <t>2021BU18590315</t>
  </si>
  <si>
    <t>buurten.f6a26bf8-ea4f-43b7-adc7-1dc8eebb3360</t>
  </si>
  <si>
    <t>BU18590316</t>
  </si>
  <si>
    <t>Julianastraat eo</t>
  </si>
  <si>
    <t>2021BU18590316</t>
  </si>
  <si>
    <t>buurten.139ddd37-993e-49ff-b4ca-bde9c5cf98b5</t>
  </si>
  <si>
    <t>BU18590317</t>
  </si>
  <si>
    <t>De Kamp-Spilbroek</t>
  </si>
  <si>
    <t>2021BU18590317</t>
  </si>
  <si>
    <t>buurten.fbac52e1-321c-4668-9ac7-e73f9107c6f0</t>
  </si>
  <si>
    <t>BU18590318</t>
  </si>
  <si>
    <t>Moeshof eo</t>
  </si>
  <si>
    <t>2021BU18590318</t>
  </si>
  <si>
    <t>buurten.4876b7e8-135e-497d-a81e-73abd53a011b</t>
  </si>
  <si>
    <t>BU18590319</t>
  </si>
  <si>
    <t>Industerrein Neede</t>
  </si>
  <si>
    <t>2021BU18590319</t>
  </si>
  <si>
    <t>buurten.779f6307-a3bd-46d0-8dd8-47f794641fbb</t>
  </si>
  <si>
    <t>BU18590405</t>
  </si>
  <si>
    <t>Verspreide huizen Ruurlo</t>
  </si>
  <si>
    <t>WK185904</t>
  </si>
  <si>
    <t>2021BU18590405</t>
  </si>
  <si>
    <t>buurten.87104bbb-5f16-4867-ad47-2f3e8ce830e1</t>
  </si>
  <si>
    <t>BU18590406</t>
  </si>
  <si>
    <t>Verspreide huizen Veldhoek</t>
  </si>
  <si>
    <t>2021BU18590406</t>
  </si>
  <si>
    <t>buurten.9cc64a42-02fb-4200-93d2-c0432e55bca3</t>
  </si>
  <si>
    <t>BU18590407</t>
  </si>
  <si>
    <t>2021BU18590407</t>
  </si>
  <si>
    <t>buurten.1fcedc4e-353c-4b73-8cd7-c28a12506e27</t>
  </si>
  <si>
    <t>BU18590408</t>
  </si>
  <si>
    <t>Verspreide huizen Zuidelijk Broek</t>
  </si>
  <si>
    <t>2021BU18590408</t>
  </si>
  <si>
    <t>buurten.e3df35ef-256f-4bc0-a082-65c3b88a7bca</t>
  </si>
  <si>
    <t>BU18590410</t>
  </si>
  <si>
    <t>Verspreide huizen Ruurlosche Broek</t>
  </si>
  <si>
    <t>2021BU18590410</t>
  </si>
  <si>
    <t>buurten.2cf0020b-5ba4-4498-9c87-f22fc01c166f</t>
  </si>
  <si>
    <t>BU18590411</t>
  </si>
  <si>
    <t>Everwenninkhoek</t>
  </si>
  <si>
    <t>2021BU18590411</t>
  </si>
  <si>
    <t>buurten.993fbc86-f6f2-49ab-90fb-b8da348c14e9</t>
  </si>
  <si>
    <t>BU18590412</t>
  </si>
  <si>
    <t>Garvelinkkamp</t>
  </si>
  <si>
    <t>2021BU18590412</t>
  </si>
  <si>
    <t>buurten.bf40b840-8f11-4abe-bbca-45f77cdf281e</t>
  </si>
  <si>
    <t>BU18590413</t>
  </si>
  <si>
    <t>Smidsbrink</t>
  </si>
  <si>
    <t>2021BU18590413</t>
  </si>
  <si>
    <t>buurten.d7ada97f-ec2f-460d-8d94-cea13d237839</t>
  </si>
  <si>
    <t>BU18590414</t>
  </si>
  <si>
    <t>Ruurlo Centrum</t>
  </si>
  <si>
    <t>2021BU18590414</t>
  </si>
  <si>
    <t>buurten.71d32cf2-e31a-44a3-b59b-f87ab728e06a</t>
  </si>
  <si>
    <t>BU18590415</t>
  </si>
  <si>
    <t>Haarskamp</t>
  </si>
  <si>
    <t>2021BU18590415</t>
  </si>
  <si>
    <t>buurten.35f087e7-0918-4b72-bc95-ad1b103ab754</t>
  </si>
  <si>
    <t>BU18590416</t>
  </si>
  <si>
    <t>Leusinkbrink</t>
  </si>
  <si>
    <t>2021BU18590416</t>
  </si>
  <si>
    <t>buurten.3395072f-0b2d-4dc4-b291-7177314433c4</t>
  </si>
  <si>
    <t>BU18590417</t>
  </si>
  <si>
    <t>2021BU18590417</t>
  </si>
  <si>
    <t>buurten.36c709c2-63e7-4bfd-8def-29ea8f539497</t>
  </si>
  <si>
    <t>BU18590418</t>
  </si>
  <si>
    <t>Industrieterrein Ruurlo</t>
  </si>
  <si>
    <t>2021BU18590418</t>
  </si>
  <si>
    <t>buurten.e6456496-9bf9-4420-9750-0ca0019b0715</t>
  </si>
  <si>
    <t>BU18760000</t>
  </si>
  <si>
    <t>WK187600</t>
  </si>
  <si>
    <t>GM1876</t>
  </si>
  <si>
    <t>Bronckhorst</t>
  </si>
  <si>
    <t>2021BU18760000</t>
  </si>
  <si>
    <t>buurten.ff270b00-c313-4607-9939-44c478a0af51</t>
  </si>
  <si>
    <t>BU18760001</t>
  </si>
  <si>
    <t>Keijenborg</t>
  </si>
  <si>
    <t>2021BU18760001</t>
  </si>
  <si>
    <t>buurten.208aee53-ea99-4bcc-99bb-74b02e7fc56d</t>
  </si>
  <si>
    <t>BU18760002</t>
  </si>
  <si>
    <t>2021BU18760002</t>
  </si>
  <si>
    <t>buurten.827e0989-777d-49dd-b0c0-ff543aab4d66</t>
  </si>
  <si>
    <t>in 2030: 30% aardgasvij ready, 90% van particulieren op weg naar aardgasvrij, 100% van gemeentelijk bezit is aardgasvrij</t>
  </si>
  <si>
    <t>DC187601</t>
  </si>
  <si>
    <t>Transitievisie Warmte op weg naar een aardgasvrij Bronckhorst</t>
  </si>
  <si>
    <t>haalbaar, betaalbaar, draagvlak en draagkracht</t>
  </si>
  <si>
    <t>inwoners, ondernemers en organisaties doen en profiteren mee</t>
  </si>
  <si>
    <t>https://ris2.ibabs.eu/Agenda/Details/Bronckhorst/3513c8d2-07a6-44a1-a323-6abb9a3b2b3c</t>
  </si>
  <si>
    <t>PL1876010004</t>
  </si>
  <si>
    <t>3-10 proefbuurten tot 2030</t>
  </si>
  <si>
    <t>BU18760004</t>
  </si>
  <si>
    <t>Verspreide huizen Keijenborg</t>
  </si>
  <si>
    <t>2021BU18760004</t>
  </si>
  <si>
    <t>buurten.dc422ed2-7512-47d1-82e1-360c16a6e5ca</t>
  </si>
  <si>
    <t>BU18760005</t>
  </si>
  <si>
    <t>Verspreide huizen Dunsborg</t>
  </si>
  <si>
    <t>2021BU18760005</t>
  </si>
  <si>
    <t>buurten.00f7652b-c515-4ce7-8f9e-584acaf29254</t>
  </si>
  <si>
    <t>BU18760006</t>
  </si>
  <si>
    <t>Verspreide huizen Hengelo en Noordink</t>
  </si>
  <si>
    <t>2021BU18760006</t>
  </si>
  <si>
    <t>buurten.92c7d58c-1f04-4194-88c4-11b4e9c5f022</t>
  </si>
  <si>
    <t>BU18760007</t>
  </si>
  <si>
    <t>Verspreide huizen Bekveld en Gooi</t>
  </si>
  <si>
    <t>2021BU18760007</t>
  </si>
  <si>
    <t>buurten.cc6e7ed7-c163-41de-abf5-b7f98c230643</t>
  </si>
  <si>
    <t>BU18760008</t>
  </si>
  <si>
    <t>Verspreide huizen Varssel</t>
  </si>
  <si>
    <t>2021BU18760008</t>
  </si>
  <si>
    <t>buurten.677a0770-5b52-4242-b235-58937ea84714</t>
  </si>
  <si>
    <t>BU18760009</t>
  </si>
  <si>
    <t>Verspreide huizen Zuidelijk bosgebied</t>
  </si>
  <si>
    <t>2021BU18760009</t>
  </si>
  <si>
    <t>buurten.47ea3ff4-fb29-4da9-b689-b255cfcc4a12</t>
  </si>
  <si>
    <t>BU18760100</t>
  </si>
  <si>
    <t>Zelhem</t>
  </si>
  <si>
    <t>WK187601</t>
  </si>
  <si>
    <t>2021BU18760100</t>
  </si>
  <si>
    <t>buurten.5dddaade-e8b5-4d09-a9af-c14095efe640</t>
  </si>
  <si>
    <t>PL1876010003</t>
  </si>
  <si>
    <t>Proefbuurt Zelhem</t>
  </si>
  <si>
    <t>BU18760101</t>
  </si>
  <si>
    <t>Halle</t>
  </si>
  <si>
    <t>2021BU18760101</t>
  </si>
  <si>
    <t>buurten.a6aaf56f-5e08-4ffb-84af-725c2b554001</t>
  </si>
  <si>
    <t>BU18760102</t>
  </si>
  <si>
    <t>Velswijk</t>
  </si>
  <si>
    <t>2021BU18760102</t>
  </si>
  <si>
    <t>buurten.bf9939a9-a35a-4a66-b65a-c94681058cec</t>
  </si>
  <si>
    <t>BU18760103</t>
  </si>
  <si>
    <t>Verspreide huizen Zelhem</t>
  </si>
  <si>
    <t>2021BU18760103</t>
  </si>
  <si>
    <t>buurten.9c8681e1-3a66-4dca-9e3d-02c395178dba</t>
  </si>
  <si>
    <t>BU18760104</t>
  </si>
  <si>
    <t>Verspreide huizen Halle</t>
  </si>
  <si>
    <t>2021BU18760104</t>
  </si>
  <si>
    <t>buurten.71ef2824-01eb-4979-91b5-d7f54248b60e</t>
  </si>
  <si>
    <t>BU18760105</t>
  </si>
  <si>
    <t>Verspreide huizen Velswijk</t>
  </si>
  <si>
    <t>2021BU18760105</t>
  </si>
  <si>
    <t>buurten.95c4bd44-6d82-417b-805b-1a7cb7dea4c1</t>
  </si>
  <si>
    <t>BU18760200</t>
  </si>
  <si>
    <t>Vorden</t>
  </si>
  <si>
    <t>WK187602</t>
  </si>
  <si>
    <t>2021BU18760200</t>
  </si>
  <si>
    <t>buurten.8842211e-98a3-4cf1-ba4b-6f24ddd852a5</t>
  </si>
  <si>
    <t>BU18760201</t>
  </si>
  <si>
    <t>2021BU18760201</t>
  </si>
  <si>
    <t>buurten.bb7201e0-4a28-4b9e-9236-a839cd634372</t>
  </si>
  <si>
    <t>BU18760202</t>
  </si>
  <si>
    <t>Wichmond</t>
  </si>
  <si>
    <t>2021BU18760202</t>
  </si>
  <si>
    <t>buurten.383d9243-3399-43c0-bc69-c247ce3de227</t>
  </si>
  <si>
    <t>BU18760203</t>
  </si>
  <si>
    <t>Verspreide huizen Vierakker</t>
  </si>
  <si>
    <t>2021BU18760203</t>
  </si>
  <si>
    <t>buurten.e21f9d16-562e-453a-9a9f-0f97203dde61</t>
  </si>
  <si>
    <t>BU18760204</t>
  </si>
  <si>
    <t>Verspreide huizen Wichmond</t>
  </si>
  <si>
    <t>2021BU18760204</t>
  </si>
  <si>
    <t>buurten.65509801-1dfd-4ea3-a9bc-d14c5d342f8a</t>
  </si>
  <si>
    <t>BU18760207</t>
  </si>
  <si>
    <t>Verspreide huizen Linde, Mossel en Wildenborch</t>
  </si>
  <si>
    <t>2021BU18760207</t>
  </si>
  <si>
    <t>buurten.ecafdf30-1568-4d9a-9957-ade62ff937a9</t>
  </si>
  <si>
    <t>BU18760208</t>
  </si>
  <si>
    <t>Verspreide huizen Grote Veld</t>
  </si>
  <si>
    <t>2021BU18760208</t>
  </si>
  <si>
    <t>buurten.3afa1d20-5711-4437-a246-c0e168950f44</t>
  </si>
  <si>
    <t>BU18760209</t>
  </si>
  <si>
    <t>Verspreide huizen Delden en Veldwijk</t>
  </si>
  <si>
    <t>2021BU18760209</t>
  </si>
  <si>
    <t>buurten.665f3196-837f-4882-8daf-c2471f7f195b</t>
  </si>
  <si>
    <t>BU18760300</t>
  </si>
  <si>
    <t>Steenderen</t>
  </si>
  <si>
    <t>WK187603</t>
  </si>
  <si>
    <t>2021BU18760300</t>
  </si>
  <si>
    <t>buurten.9e9f05e2-6fa7-4983-9414-d1e0a6714a4c</t>
  </si>
  <si>
    <t>PL1876010001</t>
  </si>
  <si>
    <t>Biogas project</t>
  </si>
  <si>
    <t>RWZI en monovergisters</t>
  </si>
  <si>
    <t>BU18760301</t>
  </si>
  <si>
    <t>Bronkhorst</t>
  </si>
  <si>
    <t>2021BU18760301</t>
  </si>
  <si>
    <t>buurten.02754655-d24f-4d88-9931-a2938b86a19d</t>
  </si>
  <si>
    <t>PL1876010002</t>
  </si>
  <si>
    <t>Proefbuurt Bronckhorst</t>
  </si>
  <si>
    <t>BU18760302</t>
  </si>
  <si>
    <t>Baak</t>
  </si>
  <si>
    <t>2021BU18760302</t>
  </si>
  <si>
    <t>buurten.8508c425-f349-4b2e-94be-8712fe237f3f</t>
  </si>
  <si>
    <t>BU18760303</t>
  </si>
  <si>
    <t>Olburgen</t>
  </si>
  <si>
    <t>2021BU18760303</t>
  </si>
  <si>
    <t>buurten.8f7ec1e7-a156-4f8f-a6bc-13ebaa852126</t>
  </si>
  <si>
    <t>BU18760304</t>
  </si>
  <si>
    <t>Rha</t>
  </si>
  <si>
    <t>2021BU18760304</t>
  </si>
  <si>
    <t>buurten.b1d51090-3df5-4094-ae6c-41aee9c132a8</t>
  </si>
  <si>
    <t>BU18760305</t>
  </si>
  <si>
    <t>Toldijk</t>
  </si>
  <si>
    <t>2021BU18760305</t>
  </si>
  <si>
    <t>buurten.57968b06-c770-494c-a261-4d411dbc21e5</t>
  </si>
  <si>
    <t>BU18760306</t>
  </si>
  <si>
    <t>Verspreide huizen Bakerwaard</t>
  </si>
  <si>
    <t>2021BU18760306</t>
  </si>
  <si>
    <t>buurten.e88f0df5-b3f5-4b00-b64f-523ca6b63461</t>
  </si>
  <si>
    <t>BU18760307</t>
  </si>
  <si>
    <t>Verspreide huizen Olburgen en Rha</t>
  </si>
  <si>
    <t>2021BU18760307</t>
  </si>
  <si>
    <t>buurten.e74adb89-0740-4228-940e-c4c9d9530098</t>
  </si>
  <si>
    <t>BU18760308</t>
  </si>
  <si>
    <t>Verspreide huizen Baak</t>
  </si>
  <si>
    <t>2021BU18760308</t>
  </si>
  <si>
    <t>buurten.bd59aff7-f66a-412a-bff1-f84d2605ac3f</t>
  </si>
  <si>
    <t>BU18760309</t>
  </si>
  <si>
    <t>Verspreide huizen Toldijk</t>
  </si>
  <si>
    <t>2021BU18760309</t>
  </si>
  <si>
    <t>buurten.9b932304-d62e-4f01-82bc-21811ed95ce7</t>
  </si>
  <si>
    <t>BU18760310</t>
  </si>
  <si>
    <t>Verspreide huizen Steenderen</t>
  </si>
  <si>
    <t>2021BU18760310</t>
  </si>
  <si>
    <t>buurten.494238e7-67d4-4cd5-b49d-c7c69619d8ad</t>
  </si>
  <si>
    <t>BU18760400</t>
  </si>
  <si>
    <t>Hummelo</t>
  </si>
  <si>
    <t>WK187604</t>
  </si>
  <si>
    <t>2021BU18760400</t>
  </si>
  <si>
    <t>buurten.ff6e1e70-c8bf-4ac8-bd29-b90e708edf10</t>
  </si>
  <si>
    <t>BU18760401</t>
  </si>
  <si>
    <t>Hoog-Keppel</t>
  </si>
  <si>
    <t>2021BU18760401</t>
  </si>
  <si>
    <t>buurten.18ef8d0a-fb1a-4679-b222-6e111e51bae5</t>
  </si>
  <si>
    <t>BU18760402</t>
  </si>
  <si>
    <t>Laag-Keppel</t>
  </si>
  <si>
    <t>2021BU18760402</t>
  </si>
  <si>
    <t>buurten.c79a7618-86f1-4fce-b7b9-a2e9ea3ea7e7</t>
  </si>
  <si>
    <t>BU18760403</t>
  </si>
  <si>
    <t>Drempt</t>
  </si>
  <si>
    <t>2021BU18760403</t>
  </si>
  <si>
    <t>buurten.55a0e094-6b16-4bc2-8c6b-90bd4f73df02</t>
  </si>
  <si>
    <t>BU18760404</t>
  </si>
  <si>
    <t>Achterdrempt</t>
  </si>
  <si>
    <t>2021BU18760404</t>
  </si>
  <si>
    <t>buurten.40c0a704-ea13-4783-9a7a-596d699f0445</t>
  </si>
  <si>
    <t>BU18760405</t>
  </si>
  <si>
    <t>Verspreide huizen ten noorden van Drempt</t>
  </si>
  <si>
    <t>2021BU18760405</t>
  </si>
  <si>
    <t>buurten.0812a21e-51e0-4100-85e2-ebe867be9510</t>
  </si>
  <si>
    <t>BU18760406</t>
  </si>
  <si>
    <t>Verspreide huizen Hummelo</t>
  </si>
  <si>
    <t>2021BU18760406</t>
  </si>
  <si>
    <t>buurten.6064902e-e0f8-4963-b658-7869da2393d1</t>
  </si>
  <si>
    <t>BU18760407</t>
  </si>
  <si>
    <t>Verspreide huizen Hummelo-Broek</t>
  </si>
  <si>
    <t>2021BU18760407</t>
  </si>
  <si>
    <t>buurten.f1bb772a-ab66-4f89-877e-5c4ff51f41a6</t>
  </si>
  <si>
    <t>BU18760408</t>
  </si>
  <si>
    <t>Verspreide huizen ten zuidoosten van Hummelo</t>
  </si>
  <si>
    <t>2021BU18760408</t>
  </si>
  <si>
    <t>buurten.9b17a341-921e-4a47-b364-ec8417ed2b3e</t>
  </si>
  <si>
    <t>BU18760409</t>
  </si>
  <si>
    <t>Verspreide huizen Hoog-Keppel</t>
  </si>
  <si>
    <t>2021BU18760409</t>
  </si>
  <si>
    <t>buurten.f3fc4e6a-d788-46f1-a2a4-f60086e32697</t>
  </si>
  <si>
    <t>BU18760410</t>
  </si>
  <si>
    <t>Verspreide huizen Oude IJsselgebied</t>
  </si>
  <si>
    <t>2021BU18760410</t>
  </si>
  <si>
    <t>buurten.36515e2a-7d11-4512-aa86-9917be76503a</t>
  </si>
  <si>
    <t>BU18830001</t>
  </si>
  <si>
    <t>Limbrichterveld</t>
  </si>
  <si>
    <t>WK188300</t>
  </si>
  <si>
    <t>2021BU18830001</t>
  </si>
  <si>
    <t>buurten.e0129fee-3286-47b6-8082-faa6e9b2b8bd</t>
  </si>
  <si>
    <t>PL1883010001</t>
  </si>
  <si>
    <t>PL1883010004</t>
  </si>
  <si>
    <t>Uitbreiding Het Groene Net Noord met Limbrichterveld-Noord (PAW)</t>
  </si>
  <si>
    <t>Uitwerking gericht op isolatie en warmtenet (HGN-Noord) in Sittard-West</t>
  </si>
  <si>
    <t>Aantal aan te sluiten woningen nog niet duidelijk</t>
  </si>
  <si>
    <t>Het Groene Net (Noord) : Biomassa Energiecentrale Sittard (BES) - Sittard</t>
  </si>
  <si>
    <t>BU18830008</t>
  </si>
  <si>
    <t>Industrieterrein Bergerweg-Rosengarten</t>
  </si>
  <si>
    <t>2021BU18830008</t>
  </si>
  <si>
    <t>buurten.eb0795f7-b38d-4315-acb6-4e26b973b86e</t>
  </si>
  <si>
    <t>BU18830100</t>
  </si>
  <si>
    <t>Sittard-Centrum</t>
  </si>
  <si>
    <t>WK188301</t>
  </si>
  <si>
    <t>2021BU18830100</t>
  </si>
  <si>
    <t>buurten.17ed6bd9-297d-4735-b596-0367535f07eb</t>
  </si>
  <si>
    <t>PL1883010005</t>
  </si>
  <si>
    <t>Uitwerking gericht op isolatie en warmtepompen, all-electric en hybride in Sittard-Oost</t>
  </si>
  <si>
    <t>BU18830101</t>
  </si>
  <si>
    <t>Sanderbout</t>
  </si>
  <si>
    <t>2021BU18830101</t>
  </si>
  <si>
    <t>buurten.75ddf3bc-1aae-4be3-be1e-8181a827afce</t>
  </si>
  <si>
    <t>BU18830102</t>
  </si>
  <si>
    <t>2021BU18830102</t>
  </si>
  <si>
    <t>buurten.f67a8d79-38a7-4c1d-880b-8e12fca4667c</t>
  </si>
  <si>
    <t>BU18830103</t>
  </si>
  <si>
    <t>Kollenberg-Park Leyenbroek</t>
  </si>
  <si>
    <t>2021BU18830103</t>
  </si>
  <si>
    <t>buurten.3cb780be-5e42-4adf-9ccb-a9830d01d840</t>
  </si>
  <si>
    <t>BU18830109</t>
  </si>
  <si>
    <t>Omgeving Watersley</t>
  </si>
  <si>
    <t>2021BU18830109</t>
  </si>
  <si>
    <t>buurten.b19dcd4a-d3ba-4349-b487-b641b657781a</t>
  </si>
  <si>
    <t>BU18830200</t>
  </si>
  <si>
    <t>Overhoven</t>
  </si>
  <si>
    <t>WK188302</t>
  </si>
  <si>
    <t>2021BU18830200</t>
  </si>
  <si>
    <t>buurten.034a763c-ec55-4667-bd40-1df250b1cdc7</t>
  </si>
  <si>
    <t>BU18830201</t>
  </si>
  <si>
    <t>Baandert</t>
  </si>
  <si>
    <t>2021BU18830201</t>
  </si>
  <si>
    <t>buurten.1b5ffff5-86b9-4376-b580-5371e75ee2fe</t>
  </si>
  <si>
    <t>BU18830202</t>
  </si>
  <si>
    <t>Stadbroek</t>
  </si>
  <si>
    <t>2021BU18830202</t>
  </si>
  <si>
    <t>buurten.aa2d193c-53d2-40ad-9529-151e538c9c79</t>
  </si>
  <si>
    <t>BU18830203</t>
  </si>
  <si>
    <t>Vrangendael</t>
  </si>
  <si>
    <t>2021BU18830203</t>
  </si>
  <si>
    <t>buurten.5f777cf3-3916-4a26-80a3-4b07a8e14436</t>
  </si>
  <si>
    <t>BU18830204</t>
  </si>
  <si>
    <t>Broeksittard</t>
  </si>
  <si>
    <t>2021BU18830204</t>
  </si>
  <si>
    <t>buurten.739c2121-352c-4dcc-8b2d-489ddcd94abf</t>
  </si>
  <si>
    <t>BU18830205</t>
  </si>
  <si>
    <t>Kemperkoul</t>
  </si>
  <si>
    <t>2021BU18830205</t>
  </si>
  <si>
    <t>buurten.41d7ce0a-276e-4b21-a611-3896456598b1</t>
  </si>
  <si>
    <t>BU18830208</t>
  </si>
  <si>
    <t>Industrieterrein Noord</t>
  </si>
  <si>
    <t>2021BU18830208</t>
  </si>
  <si>
    <t>buurten.0cb686c9-c951-47c4-b24c-b432f2adafe7</t>
  </si>
  <si>
    <t>BU18830209</t>
  </si>
  <si>
    <t>Omgeving Schwienswei</t>
  </si>
  <si>
    <t>2021BU18830209</t>
  </si>
  <si>
    <t>buurten.812d38ad-bce4-45bc-940f-76e08f90247a</t>
  </si>
  <si>
    <t>BU18830300</t>
  </si>
  <si>
    <t>Munstergeleen</t>
  </si>
  <si>
    <t>WK188303</t>
  </si>
  <si>
    <t>2021BU18830300</t>
  </si>
  <si>
    <t>buurten.c5419cb1-0a8c-41b0-9b50-74a3695e54d5</t>
  </si>
  <si>
    <t>BU18830301</t>
  </si>
  <si>
    <t>Wintraak</t>
  </si>
  <si>
    <t>2021BU18830301</t>
  </si>
  <si>
    <t>buurten.b1a4862b-af14-49a6-88ed-1451a610fac4</t>
  </si>
  <si>
    <t>BU18830400</t>
  </si>
  <si>
    <t>Guttecoven</t>
  </si>
  <si>
    <t>WK188304</t>
  </si>
  <si>
    <t>2021BU18830400</t>
  </si>
  <si>
    <t>buurten.d30778c2-51a1-400a-8ac6-d91d6f463088</t>
  </si>
  <si>
    <t>PL1883010006</t>
  </si>
  <si>
    <t>Uitwerking gericht op isolatie en warmtepompen, all-electric en hybride in Born</t>
  </si>
  <si>
    <t>BU18830401</t>
  </si>
  <si>
    <t>Limbricht</t>
  </si>
  <si>
    <t>2021BU18830401</t>
  </si>
  <si>
    <t>buurten.b9219085-95c8-4489-943e-6f2aef27453d</t>
  </si>
  <si>
    <t>BU18830402</t>
  </si>
  <si>
    <t>Einighausen</t>
  </si>
  <si>
    <t>2021BU18830402</t>
  </si>
  <si>
    <t>buurten.7d24efc5-4d90-4514-bab4-5a8fc1d96652</t>
  </si>
  <si>
    <t>BU18830501</t>
  </si>
  <si>
    <t>Geleen-Centrum</t>
  </si>
  <si>
    <t>WK188305</t>
  </si>
  <si>
    <t>2021BU18830501</t>
  </si>
  <si>
    <t>buurten.4e07b412-7ef8-4ada-aca3-a448445009c1</t>
  </si>
  <si>
    <t>BU18830502</t>
  </si>
  <si>
    <t>Geleen-Noord</t>
  </si>
  <si>
    <t>2021BU18830502</t>
  </si>
  <si>
    <t>buurten.a00d4449-04fe-4f2e-b93e-74a05138abfe</t>
  </si>
  <si>
    <t>BU18830503</t>
  </si>
  <si>
    <t>Lindenheuvel</t>
  </si>
  <si>
    <t>2021BU18830503</t>
  </si>
  <si>
    <t>buurten.02186217-54fd-438e-aeb6-c44efe1dceb8</t>
  </si>
  <si>
    <t>BU18830504</t>
  </si>
  <si>
    <t>Geleen-Zuid</t>
  </si>
  <si>
    <t>2021BU18830504</t>
  </si>
  <si>
    <t>buurten.c479d59e-9898-41a0-8473-91de4da474e3</t>
  </si>
  <si>
    <t>BU18830505</t>
  </si>
  <si>
    <t>2021BU18830505</t>
  </si>
  <si>
    <t>buurten.80934920-2c4e-4652-a4e2-8798ccb59ec3</t>
  </si>
  <si>
    <t>PL1883010002</t>
  </si>
  <si>
    <t>BU18830506</t>
  </si>
  <si>
    <t>Oud-Geleen en Haesselderveld</t>
  </si>
  <si>
    <t>2021BU18830506</t>
  </si>
  <si>
    <t>buurten.1ffd5825-0150-4c5c-a222-7d25e7e02e86</t>
  </si>
  <si>
    <t>BU18830507</t>
  </si>
  <si>
    <t>Industriegebied D.S.M. en Graetheide</t>
  </si>
  <si>
    <t>2021BU18830507</t>
  </si>
  <si>
    <t>buurten.6beb4a7f-6394-4eff-a3e2-064c7deecd6e</t>
  </si>
  <si>
    <t>BU18830601</t>
  </si>
  <si>
    <t>Holtum</t>
  </si>
  <si>
    <t>WK188306</t>
  </si>
  <si>
    <t>2021BU18830601</t>
  </si>
  <si>
    <t>buurten.c763d965-9d69-49ff-ad5b-5ec6f3f6cca6</t>
  </si>
  <si>
    <t>BU18830602</t>
  </si>
  <si>
    <t>Buchten</t>
  </si>
  <si>
    <t>2021BU18830602</t>
  </si>
  <si>
    <t>buurten.3a161710-863c-466a-ab51-0871e2044b04</t>
  </si>
  <si>
    <t>BU18830603</t>
  </si>
  <si>
    <t>Born</t>
  </si>
  <si>
    <t>2021BU18830603</t>
  </si>
  <si>
    <t>buurten.f2daa557-e4a6-4ee2-bd22-13d8568933a8</t>
  </si>
  <si>
    <t>BU18830604</t>
  </si>
  <si>
    <t>Hondsbroek</t>
  </si>
  <si>
    <t>2021BU18830604</t>
  </si>
  <si>
    <t>buurten.542ef717-6fb4-41b0-86ab-578980efc22e</t>
  </si>
  <si>
    <t>BU18830606</t>
  </si>
  <si>
    <t>Graetheide</t>
  </si>
  <si>
    <t>2021BU18830606</t>
  </si>
  <si>
    <t>buurten.57425aa6-184e-454a-953f-3cd8cfe44e81</t>
  </si>
  <si>
    <t>BU18830607</t>
  </si>
  <si>
    <t>2021BU18830607</t>
  </si>
  <si>
    <t>buurten.d0918feb-e8a5-4720-bf67-2eaeeaffada3</t>
  </si>
  <si>
    <t>BU18830609</t>
  </si>
  <si>
    <t>Omgeving Limbrichterbos-Wolfrath</t>
  </si>
  <si>
    <t>2021BU18830609</t>
  </si>
  <si>
    <t>buurten.e220ba71-2378-432a-9f30-f89d57d6064e</t>
  </si>
  <si>
    <t>BU18830700</t>
  </si>
  <si>
    <t>Obbicht</t>
  </si>
  <si>
    <t>WK188307</t>
  </si>
  <si>
    <t>2021BU18830700</t>
  </si>
  <si>
    <t>buurten.fbb1126e-0ad3-402b-a114-a403f94ade51</t>
  </si>
  <si>
    <t>BU18830701</t>
  </si>
  <si>
    <t>Papenhoven</t>
  </si>
  <si>
    <t>2021BU18830701</t>
  </si>
  <si>
    <t>buurten.528fc252-e43c-4252-893a-85259b0103c9</t>
  </si>
  <si>
    <t>BU18830702</t>
  </si>
  <si>
    <t>Grevenbicht</t>
  </si>
  <si>
    <t>2021BU18830702</t>
  </si>
  <si>
    <t>buurten.c4af1441-1159-4fae-bae6-28c374fececf</t>
  </si>
  <si>
    <t>BU18840000</t>
  </si>
  <si>
    <t>Roelofarendsveen</t>
  </si>
  <si>
    <t>WK188400</t>
  </si>
  <si>
    <t>2021BU18840000</t>
  </si>
  <si>
    <t>buurten.e1bc1ad9-50f8-409c-90a6-e592233ff8b4</t>
  </si>
  <si>
    <t>BU18840001</t>
  </si>
  <si>
    <t>Oude Wetering</t>
  </si>
  <si>
    <t>2021BU18840001</t>
  </si>
  <si>
    <t>buurten.10ef54e2-ed93-498e-bcb4-f440b8d5e59f</t>
  </si>
  <si>
    <t>HT/MT geothermie</t>
  </si>
  <si>
    <t>HT/MT warmte: geothermie</t>
  </si>
  <si>
    <t>BU18840002</t>
  </si>
  <si>
    <t>Roelofarendsveen-Noord</t>
  </si>
  <si>
    <t>2021BU18840002</t>
  </si>
  <si>
    <t>buurten.e0a2160f-d1ef-40d4-bcea-8d2ed5378ce2</t>
  </si>
  <si>
    <t>PL1884010001</t>
  </si>
  <si>
    <t>Strategie KeB Burgemeesterswijk</t>
  </si>
  <si>
    <t>BU18840003</t>
  </si>
  <si>
    <t>2021BU18840003</t>
  </si>
  <si>
    <t>buurten.09b1ba73-fc59-4529-9e35-4beceb192d67</t>
  </si>
  <si>
    <t>BU18840004</t>
  </si>
  <si>
    <t>Tuinbouwgebied</t>
  </si>
  <si>
    <t>2021BU18840004</t>
  </si>
  <si>
    <t>buurten.7f98b012-ebe6-4ad8-a599-8143a32a9f6d</t>
  </si>
  <si>
    <t>BU18840101</t>
  </si>
  <si>
    <t>Nieuwe Wetering</t>
  </si>
  <si>
    <t>WK188401</t>
  </si>
  <si>
    <t>2021BU18840101</t>
  </si>
  <si>
    <t>buurten.11b62a42-bede-43e9-a8a2-1abd4b0eef5d</t>
  </si>
  <si>
    <t>BU18840102</t>
  </si>
  <si>
    <t>Rijpwetering</t>
  </si>
  <si>
    <t>2021BU18840102</t>
  </si>
  <si>
    <t>buurten.328a3a86-085e-454c-8592-fd546db26ead</t>
  </si>
  <si>
    <t>BU18840104</t>
  </si>
  <si>
    <t>Oud Ade en Zevenhuizen</t>
  </si>
  <si>
    <t>2021BU18840104</t>
  </si>
  <si>
    <t>buurten.3f234098-615e-4a1f-a6fa-737871ab192d</t>
  </si>
  <si>
    <t>BU18840105</t>
  </si>
  <si>
    <t>Kaag</t>
  </si>
  <si>
    <t>2021BU18840105</t>
  </si>
  <si>
    <t>buurten.eb9c5288-6fad-4fa0-8a26-b668ab4c18b8</t>
  </si>
  <si>
    <t>BU18840107</t>
  </si>
  <si>
    <t>Verspreide huizen Veenderpolder</t>
  </si>
  <si>
    <t>2021BU18840107</t>
  </si>
  <si>
    <t>buurten.a5d93976-5b48-4947-a537-9f5193a0e222</t>
  </si>
  <si>
    <t>BU18840109</t>
  </si>
  <si>
    <t>2021BU18840109</t>
  </si>
  <si>
    <t>buurten.db55a513-9ef1-49b4-99be-91cb0ecf166e</t>
  </si>
  <si>
    <t>BU18840200</t>
  </si>
  <si>
    <t>Woubrugge</t>
  </si>
  <si>
    <t>WK188402</t>
  </si>
  <si>
    <t>2021BU18840200</t>
  </si>
  <si>
    <t>buurten.526dc2d8-8f4b-47ec-9847-03ee0d944789</t>
  </si>
  <si>
    <t>BU18840201</t>
  </si>
  <si>
    <t>Ofwegen</t>
  </si>
  <si>
    <t>2021BU18840201</t>
  </si>
  <si>
    <t>buurten.1644d3a6-e1ea-40dc-9995-951f8386100a</t>
  </si>
  <si>
    <t>BU18840202</t>
  </si>
  <si>
    <t>Hoogmade</t>
  </si>
  <si>
    <t>2021BU18840202</t>
  </si>
  <si>
    <t>buurten.765da9dc-6362-4ee3-93f3-8188ac0dc6b6</t>
  </si>
  <si>
    <t>BU18840203</t>
  </si>
  <si>
    <t>Woubrugge-West</t>
  </si>
  <si>
    <t>2021BU18840203</t>
  </si>
  <si>
    <t>buurten.2063bf3a-af3d-4f53-a24e-67edc89405b6</t>
  </si>
  <si>
    <t>BU18840207</t>
  </si>
  <si>
    <t>Verspreide huizen Vierambachtspolder</t>
  </si>
  <si>
    <t>2021BU18840207</t>
  </si>
  <si>
    <t>buurten.69e35599-c73c-4a6d-b461-79c535e602c4</t>
  </si>
  <si>
    <t>BU18840208</t>
  </si>
  <si>
    <t>Verspreide huizen Oudendijkse polder</t>
  </si>
  <si>
    <t>2021BU18840208</t>
  </si>
  <si>
    <t>buurten.735ac687-c1d9-4711-8a91-c6d86635ca98</t>
  </si>
  <si>
    <t>BU18840209</t>
  </si>
  <si>
    <t>2021BU18840209</t>
  </si>
  <si>
    <t>buurten.f11a7994-6242-4814-b1d0-8cfe817f8762</t>
  </si>
  <si>
    <t>BU18840300</t>
  </si>
  <si>
    <t>Rijnsaterwoude</t>
  </si>
  <si>
    <t>WK188403</t>
  </si>
  <si>
    <t>2021BU18840300</t>
  </si>
  <si>
    <t>buurten.1cc0c71a-2b11-4611-a247-6ffa7c0d52ab</t>
  </si>
  <si>
    <t>BU18840309</t>
  </si>
  <si>
    <t>Verspreide huizen Rijnsaterwoude</t>
  </si>
  <si>
    <t>2021BU18840309</t>
  </si>
  <si>
    <t>buurten.0a894469-b7a7-4fcf-a5a6-9e610cce12cf</t>
  </si>
  <si>
    <t>BU18840400</t>
  </si>
  <si>
    <t>Leimuiden</t>
  </si>
  <si>
    <t>WK188404</t>
  </si>
  <si>
    <t>2021BU18840400</t>
  </si>
  <si>
    <t>buurten.4b8252c0-9a03-442c-9afe-2f791dc1502c</t>
  </si>
  <si>
    <t>Strategie KeB uitbreiding west</t>
  </si>
  <si>
    <t>BU18840402</t>
  </si>
  <si>
    <t>Vriezekoop</t>
  </si>
  <si>
    <t>2021BU18840402</t>
  </si>
  <si>
    <t>buurten.d41e1e9e-1e5e-4d8b-946e-ef0e7abb8cef</t>
  </si>
  <si>
    <t>BU18840404</t>
  </si>
  <si>
    <t>Bilderdam</t>
  </si>
  <si>
    <t>2021BU18840404</t>
  </si>
  <si>
    <t>buurten.ab78af26-b755-4375-98bd-1e07634eb362</t>
  </si>
  <si>
    <t>BU18840405</t>
  </si>
  <si>
    <t>Uitbreiding West</t>
  </si>
  <si>
    <t>2021BU18840405</t>
  </si>
  <si>
    <t>buurten.f8046857-9ab0-4012-9958-2149697b165b</t>
  </si>
  <si>
    <t>PL1884010002</t>
  </si>
  <si>
    <t>BU18840407</t>
  </si>
  <si>
    <t>Verspreide huizen Vriezekoopse polder</t>
  </si>
  <si>
    <t>2021BU18840407</t>
  </si>
  <si>
    <t>buurten.329ee94d-8a9d-4af3-a22b-25cd547a7d66</t>
  </si>
  <si>
    <t>BU18840408</t>
  </si>
  <si>
    <t>Verspreide huizen West</t>
  </si>
  <si>
    <t>2021BU18840408</t>
  </si>
  <si>
    <t>buurten.425de5a0-a1e1-459e-8108-8c95164b7fc8</t>
  </si>
  <si>
    <t>BU18840409</t>
  </si>
  <si>
    <t>Verspreide huizen Oost</t>
  </si>
  <si>
    <t>2021BU18840409</t>
  </si>
  <si>
    <t>buurten.6d7e5fdc-c9b9-4cf4-bf54-c41f4dd62a3f</t>
  </si>
  <si>
    <t>BU18910000</t>
  </si>
  <si>
    <t>Damwâld</t>
  </si>
  <si>
    <t>WK189100</t>
  </si>
  <si>
    <t>2021BU18910000</t>
  </si>
  <si>
    <t>buurten.05382990-e1fd-4c6c-ae4b-ac16a2f78fd8</t>
  </si>
  <si>
    <t>BU18910001</t>
  </si>
  <si>
    <t>Broeksterwâld</t>
  </si>
  <si>
    <t>2021BU18910001</t>
  </si>
  <si>
    <t>buurten.adf1c64a-1ea9-4e30-a70c-c5f4e8a4b2f4</t>
  </si>
  <si>
    <t>BU18910002</t>
  </si>
  <si>
    <t>De Falom</t>
  </si>
  <si>
    <t>2021BU18910002</t>
  </si>
  <si>
    <t>buurten.83861570-9fbc-4a4b-9614-fd8ea6929f77</t>
  </si>
  <si>
    <t>BU18910008</t>
  </si>
  <si>
    <t>Verspreide huizen Damwâld</t>
  </si>
  <si>
    <t>2021BU18910008</t>
  </si>
  <si>
    <t>buurten.e689824c-e769-4577-b056-334d61b5e7b5</t>
  </si>
  <si>
    <t>BU18910009</t>
  </si>
  <si>
    <t>Verspreide huizen Broeksterwâld</t>
  </si>
  <si>
    <t>2021BU18910009</t>
  </si>
  <si>
    <t>buurten.643e5087-6f59-4abd-b8f8-d4811c822bc2</t>
  </si>
  <si>
    <t>BU18910100</t>
  </si>
  <si>
    <t>Driezum</t>
  </si>
  <si>
    <t>WK189101</t>
  </si>
  <si>
    <t>2021BU18910100</t>
  </si>
  <si>
    <t>buurten.de2a214b-9fbd-4f56-bbeb-2270bdaceea9</t>
  </si>
  <si>
    <t>PL1891010002</t>
  </si>
  <si>
    <t>energieneutraal</t>
  </si>
  <si>
    <t>BU18910101</t>
  </si>
  <si>
    <t>Wâlterswâld</t>
  </si>
  <si>
    <t>2021BU18910101</t>
  </si>
  <si>
    <t>buurten.3ec85dfe-2dd4-4961-a2c2-45cd54a02b0c</t>
  </si>
  <si>
    <t>BU18910108</t>
  </si>
  <si>
    <t>Verspreide huizen Driezum</t>
  </si>
  <si>
    <t>2021BU18910108</t>
  </si>
  <si>
    <t>buurten.ccebcaf8-7389-459e-8ab2-0cabd88ef708</t>
  </si>
  <si>
    <t>BU18910109</t>
  </si>
  <si>
    <t>Verspreide huizen Wâlterswâld</t>
  </si>
  <si>
    <t>2021BU18910109</t>
  </si>
  <si>
    <t>buurten.e09c2339-bce8-49b0-8163-6cbb8a520c20</t>
  </si>
  <si>
    <t>BU18910200</t>
  </si>
  <si>
    <t>De Westereen</t>
  </si>
  <si>
    <t>WK189102</t>
  </si>
  <si>
    <t>2021BU18910200</t>
  </si>
  <si>
    <t>buurten.35ea2609-2a0f-4555-9632-7ad608a96150</t>
  </si>
  <si>
    <t>BU18910201</t>
  </si>
  <si>
    <t>Feanwâlden</t>
  </si>
  <si>
    <t>2021BU18910201</t>
  </si>
  <si>
    <t>buurten.473edfd3-e555-4f0c-8127-cfd0af5d409a</t>
  </si>
  <si>
    <t>geothermie en/of zonnewarmte en/of collectieve warmtepomp</t>
  </si>
  <si>
    <t>BU18910202</t>
  </si>
  <si>
    <t>Readtsjerk</t>
  </si>
  <si>
    <t>2021BU18910202</t>
  </si>
  <si>
    <t>buurten.0e9ee93f-9a4c-41cb-a7d0-59138bd86cb0</t>
  </si>
  <si>
    <t>BU18910208</t>
  </si>
  <si>
    <t>Verspreide huizen De Westereen</t>
  </si>
  <si>
    <t>2021BU18910208</t>
  </si>
  <si>
    <t>buurten.5df1d511-4009-4a87-95fd-c302d72aab2a</t>
  </si>
  <si>
    <t>BU18910209</t>
  </si>
  <si>
    <t>Verspreide huizen Feanwâlden</t>
  </si>
  <si>
    <t>2021BU18910209</t>
  </si>
  <si>
    <t>buurten.c2710fa5-91cf-45b4-b31f-7ab16b5c6b47</t>
  </si>
  <si>
    <t>BU18910300</t>
  </si>
  <si>
    <t>Rinsumageast</t>
  </si>
  <si>
    <t>WK189103</t>
  </si>
  <si>
    <t>2021BU18910300</t>
  </si>
  <si>
    <t>buurten.3fbe17eb-b4b5-44f6-bc0d-5b8b0c8b2a05</t>
  </si>
  <si>
    <t>BU18910301</t>
  </si>
  <si>
    <t>Sibrandahûs</t>
  </si>
  <si>
    <t>2021BU18910301</t>
  </si>
  <si>
    <t>buurten.a74b609c-0e43-4cbf-abf5-778e42e28120</t>
  </si>
  <si>
    <t>BU18910309</t>
  </si>
  <si>
    <t>Verspreide huizen Rinsumageast</t>
  </si>
  <si>
    <t>2021BU18910309</t>
  </si>
  <si>
    <t>buurten.a8927ee8-a78c-4b2d-b9c0-9563edbdfc1f</t>
  </si>
  <si>
    <t>BU18920101</t>
  </si>
  <si>
    <t>Kern Moerkapelle</t>
  </si>
  <si>
    <t>WK189201</t>
  </si>
  <si>
    <t>2021BU18920101</t>
  </si>
  <si>
    <t>buurten.e903ae31-37a9-4146-b153-f647696dc0df</t>
  </si>
  <si>
    <t>PL1892010002</t>
  </si>
  <si>
    <t>Moerkapelle</t>
  </si>
  <si>
    <t>In concept (kansrijke optie). In de eerste fase komt ook Moerkapelle in beeld. Dit heeft te maken met de mogelijke aansluiting van het kassengebied op restwarmte vanuit WarmtelinQ. Haalbaarheid hiervan wordt op dit moment onderzocht. De beoogde route voo</t>
  </si>
  <si>
    <t>Aardgasvrij 2030</t>
  </si>
  <si>
    <t>BU18920102</t>
  </si>
  <si>
    <t>Wilde Veenen</t>
  </si>
  <si>
    <t>2021BU18920102</t>
  </si>
  <si>
    <t>buurten.452fc943-a056-48f7-9f7b-e571ce728442</t>
  </si>
  <si>
    <t>BU18920103</t>
  </si>
  <si>
    <t>Moerkapelle-West</t>
  </si>
  <si>
    <t>2021BU18920103</t>
  </si>
  <si>
    <t>buurten.28a4f33d-e7c0-4a58-bc6d-890692883863</t>
  </si>
  <si>
    <t>BU18920104</t>
  </si>
  <si>
    <t>Moerkapelle-Oost</t>
  </si>
  <si>
    <t>2021BU18920104</t>
  </si>
  <si>
    <t>buurten.792e223a-f7b7-48d5-88a3-d2f058db1f64</t>
  </si>
  <si>
    <t>BU18920105</t>
  </si>
  <si>
    <t>Bedrijventerrein Moerkapelle</t>
  </si>
  <si>
    <t>2021BU18920105</t>
  </si>
  <si>
    <t>buurten.9d0e71f0-8c42-4063-b88a-b0839da6a0b2</t>
  </si>
  <si>
    <t>BU18920106</t>
  </si>
  <si>
    <t>Moerkapelle kassengebied</t>
  </si>
  <si>
    <t>2021BU18920106</t>
  </si>
  <si>
    <t>buurten.2811b3d5-2ede-446a-a8c7-0b4c77fbfd7c</t>
  </si>
  <si>
    <t>BU18920107</t>
  </si>
  <si>
    <t>Jonge Veenen</t>
  </si>
  <si>
    <t>2021BU18920107</t>
  </si>
  <si>
    <t>buurten.5d59357b-cd2b-44b0-af03-8c259ee42229</t>
  </si>
  <si>
    <t>BU18920191</t>
  </si>
  <si>
    <t>Verspreide bebouwing Moerkapelle</t>
  </si>
  <si>
    <t>2021BU18920191</t>
  </si>
  <si>
    <t>buurten.abea48f4-db00-4cda-bcbf-d9fe414b34dc</t>
  </si>
  <si>
    <t>BU18920201</t>
  </si>
  <si>
    <t>Kern Zevenhuizen</t>
  </si>
  <si>
    <t>WK189202</t>
  </si>
  <si>
    <t>2021BU18920201</t>
  </si>
  <si>
    <t>buurten.f361adb5-1943-4d50-8dbf-20838a171946</t>
  </si>
  <si>
    <t>PL1892010004</t>
  </si>
  <si>
    <t>Zevenhuizen (zuid)</t>
  </si>
  <si>
    <t>In concept (verkennend). Indien restwarmte vanuit WarmtelinQ inderdaad de Zuidplaspolder bereikt, komt ook Zevenhuizen in beeld om aangesloten te worden op deze warmte.</t>
  </si>
  <si>
    <t>Voorkeursoptie. Warmtenet is een optie</t>
  </si>
  <si>
    <t>BU18920202</t>
  </si>
  <si>
    <t>Swanla</t>
  </si>
  <si>
    <t>2021BU18920202</t>
  </si>
  <si>
    <t>buurten.d0e49bcc-a779-470c-90e6-3708ec756346</t>
  </si>
  <si>
    <t>PL1892010003</t>
  </si>
  <si>
    <t>Zevenhuizen (noord)</t>
  </si>
  <si>
    <t>BU18920203</t>
  </si>
  <si>
    <t>Zevenhuizen Bloemenbuurt</t>
  </si>
  <si>
    <t>2021BU18920203</t>
  </si>
  <si>
    <t>buurten.58ae05c2-5ac0-4564-81bf-5348cfd59f20</t>
  </si>
  <si>
    <t>BU18920204</t>
  </si>
  <si>
    <t>Bedrijventerrein Zevenhuizen</t>
  </si>
  <si>
    <t>2021BU18920204</t>
  </si>
  <si>
    <t>buurten.da513a40-f67a-4516-a352-641ef263a41c</t>
  </si>
  <si>
    <t>BU18920205</t>
  </si>
  <si>
    <t>Zevenhuizen-West 1</t>
  </si>
  <si>
    <t>2021BU18920205</t>
  </si>
  <si>
    <t>buurten.2a57fa21-8f37-4177-8f33-069e866dff78</t>
  </si>
  <si>
    <t>BU18920206</t>
  </si>
  <si>
    <t>Zevenhuizen-West 2</t>
  </si>
  <si>
    <t>2021BU18920206</t>
  </si>
  <si>
    <t>buurten.e55183d5-edd3-4475-abaf-616f168c2576</t>
  </si>
  <si>
    <t>BU18920207</t>
  </si>
  <si>
    <t>Recreatiepark De Korenmolen</t>
  </si>
  <si>
    <t>2021BU18920207</t>
  </si>
  <si>
    <t>buurten.17f5d343-cb8f-4124-b2dc-ff356351d97d</t>
  </si>
  <si>
    <t>BU18920208</t>
  </si>
  <si>
    <t>Recreatiepark De Bonk</t>
  </si>
  <si>
    <t>2021BU18920208</t>
  </si>
  <si>
    <t>buurten.5aa6bcf3-adad-4c12-bebc-28b087e8d1ae</t>
  </si>
  <si>
    <t>BU18920209</t>
  </si>
  <si>
    <t>Oud Verlaat</t>
  </si>
  <si>
    <t>2021BU18920209</t>
  </si>
  <si>
    <t>buurten.0071d710-08b7-4a2f-bee3-3c682d47e139</t>
  </si>
  <si>
    <t>BU18920210</t>
  </si>
  <si>
    <t>Zevenhuizerplas</t>
  </si>
  <si>
    <t>2021BU18920210</t>
  </si>
  <si>
    <t>buurten.93852f10-4aab-4856-8276-32e554162c51</t>
  </si>
  <si>
    <t>BU18920211</t>
  </si>
  <si>
    <t>Zevenhuizen-Zuid</t>
  </si>
  <si>
    <t>2021BU18920211</t>
  </si>
  <si>
    <t>buurten.a82ad17b-22c3-4ee9-bea2-0403fb9cfc97</t>
  </si>
  <si>
    <t>BU18920291</t>
  </si>
  <si>
    <t>Verspreide bebouwing Tweemanspolder</t>
  </si>
  <si>
    <t>2021BU18920291</t>
  </si>
  <si>
    <t>buurten.4ed48e83-4f0f-45ef-a96e-d57180b5ea33</t>
  </si>
  <si>
    <t>BU18920292</t>
  </si>
  <si>
    <t>Verspreide bebouwing Zuidplaspolder Zevenhuizen</t>
  </si>
  <si>
    <t>2021BU18920292</t>
  </si>
  <si>
    <t>buurten.4ff6ed13-0adb-449e-8a81-63da207b9257</t>
  </si>
  <si>
    <t>BU18920293</t>
  </si>
  <si>
    <t>Verspreide bebouwing Eendragtspolder</t>
  </si>
  <si>
    <t>2021BU18920293</t>
  </si>
  <si>
    <t>buurten.ca4a4178-6519-419a-939c-950b68ee143e</t>
  </si>
  <si>
    <t>BU18920301</t>
  </si>
  <si>
    <t>Kern Moordrecht</t>
  </si>
  <si>
    <t>WK189203</t>
  </si>
  <si>
    <t>2021BU18920301</t>
  </si>
  <si>
    <t>buurten.24d9f8c5-0438-478a-91cf-029d5c1fa24c</t>
  </si>
  <si>
    <t>PL1892010005</t>
  </si>
  <si>
    <t>Moordrecht (zuid)</t>
  </si>
  <si>
    <t>In concept (onderzoekend). In Moordrecht is nog onzekerheid over de beschikbaarheid van geschikte warmtebronnen. Daarom komt Moordrecht pas na 2035 in beeld voor het starten van verkenningen. Tot die tijd is de aandacht vooral gericht op het nemen van be</t>
  </si>
  <si>
    <t>BU18920302</t>
  </si>
  <si>
    <t>Moordrecht Bloemenbuurt</t>
  </si>
  <si>
    <t>2021BU18920302</t>
  </si>
  <si>
    <t>buurten.7e4d28e6-4532-4e93-b739-ea9ead805a7f</t>
  </si>
  <si>
    <t>Moordrecht (noord)</t>
  </si>
  <si>
    <t>BU18920303</t>
  </si>
  <si>
    <t>2021BU18920303</t>
  </si>
  <si>
    <t>buurten.3145f986-3beb-4f1f-a6f0-3b9f92fe43d1</t>
  </si>
  <si>
    <t>BU18920304</t>
  </si>
  <si>
    <t>Staatsliedenbuurt/Vijfakkers</t>
  </si>
  <si>
    <t>2021BU18920304</t>
  </si>
  <si>
    <t>buurten.3b7b9b7d-ed5d-4eed-9baf-580fd728a27f</t>
  </si>
  <si>
    <t>PL1892010008</t>
  </si>
  <si>
    <t>BU18920305</t>
  </si>
  <si>
    <t>Ambonwijk</t>
  </si>
  <si>
    <t>2021BU18920305</t>
  </si>
  <si>
    <t>buurten.05b0693f-f93c-4860-8c54-6f417644386b</t>
  </si>
  <si>
    <t>BU18920306</t>
  </si>
  <si>
    <t>2021BU18920306</t>
  </si>
  <si>
    <t>buurten.adfeae46-281f-40c0-9250-8f147a6f9fd2</t>
  </si>
  <si>
    <t>BU18920307</t>
  </si>
  <si>
    <t>Uiterwaard</t>
  </si>
  <si>
    <t>2021BU18920307</t>
  </si>
  <si>
    <t>buurten.4df24832-a93a-4ef2-9cc9-07f8379b41a0</t>
  </si>
  <si>
    <t>BU18920308</t>
  </si>
  <si>
    <t>Bedrijventerrein 't Ambacht</t>
  </si>
  <si>
    <t>2021BU18920308</t>
  </si>
  <si>
    <t>buurten.828912eb-a2ed-432f-8fdb-5c1ce60f2a80</t>
  </si>
  <si>
    <t>BU18920309</t>
  </si>
  <si>
    <t>Recreatiepark Oosteinde</t>
  </si>
  <si>
    <t>2021BU18920309</t>
  </si>
  <si>
    <t>buurten.4845d1c4-427c-4c00-8119-9ecc8026e681</t>
  </si>
  <si>
    <t>BU18920310</t>
  </si>
  <si>
    <t>Bedrijventerrein Gouwepark</t>
  </si>
  <si>
    <t>2021BU18920310</t>
  </si>
  <si>
    <t>buurten.971620b8-629f-45af-9788-4402eebfd5c6</t>
  </si>
  <si>
    <t>BU18920311</t>
  </si>
  <si>
    <t>Vijfakkers-Noord</t>
  </si>
  <si>
    <t>2021BU18920311</t>
  </si>
  <si>
    <t>buurten.f308a661-894f-4e90-9328-42466264fd68</t>
  </si>
  <si>
    <t>BU18920399</t>
  </si>
  <si>
    <t>Verspreide bebouwing Moordrecht</t>
  </si>
  <si>
    <t>2021BU18920399</t>
  </si>
  <si>
    <t>buurten.e713c762-38d2-4836-a828-d2a4cec55d5d</t>
  </si>
  <si>
    <t>BU18920401</t>
  </si>
  <si>
    <t>Kern Nieuwerkerk aan den IJssel</t>
  </si>
  <si>
    <t>WK189204</t>
  </si>
  <si>
    <t>2021BU18920401</t>
  </si>
  <si>
    <t>buurten.46252949-dae4-4117-949a-d682214bdcab</t>
  </si>
  <si>
    <t>PL1892010006</t>
  </si>
  <si>
    <t>Nieuwerkerk aan den IJssel</t>
  </si>
  <si>
    <t>In concept (verkennend). Voor de gehele kern Nieuwerkerk aan den IJssel is ook de aanleg van een warmtenet in beeld. Daarom moet parallel aan de verkenning worden onderzocht of een individuele oplossing voor Esse Hoog nadelige consequenties heeft voor de</t>
  </si>
  <si>
    <t>BU18920402</t>
  </si>
  <si>
    <t>Bedrijventerrein De Hooge Veenen</t>
  </si>
  <si>
    <t>2021BU18920402</t>
  </si>
  <si>
    <t>buurten.8aab5959-c726-4f11-94ab-0cad71e20fcb</t>
  </si>
  <si>
    <t>BU18920403</t>
  </si>
  <si>
    <t>Zuidplas Kruiden</t>
  </si>
  <si>
    <t>2021BU18920403</t>
  </si>
  <si>
    <t>buurten.e1aefbda-2c14-4a56-97a3-c1852bdd5dad</t>
  </si>
  <si>
    <t>BU18920404</t>
  </si>
  <si>
    <t>Zuidplas Velden</t>
  </si>
  <si>
    <t>2021BU18920404</t>
  </si>
  <si>
    <t>buurten.cd2d0f05-f91b-4217-98ef-52ebac7f5b00</t>
  </si>
  <si>
    <t>BU18920405</t>
  </si>
  <si>
    <t>2021BU18920405</t>
  </si>
  <si>
    <t>buurten.0bfb6716-2a71-4aa0-8d88-d498a0114a89</t>
  </si>
  <si>
    <t>PL1892010007</t>
  </si>
  <si>
    <t>Voorsorterend. Individueel (bodemwarmtepomp) of warmtenet (collectief)is een optie</t>
  </si>
  <si>
    <t>BU18920406</t>
  </si>
  <si>
    <t>2021BU18920406</t>
  </si>
  <si>
    <t>buurten.2d011789-fe61-47b5-bcd6-66d657c66cc7</t>
  </si>
  <si>
    <t>BU18920407</t>
  </si>
  <si>
    <t>Recreatiepark Klein Hitland</t>
  </si>
  <si>
    <t>2021BU18920407</t>
  </si>
  <si>
    <t>buurten.6b996f65-3e07-4348-963c-d0cbccf188c2</t>
  </si>
  <si>
    <t>BU18920408</t>
  </si>
  <si>
    <t>Esse Hoog</t>
  </si>
  <si>
    <t>2021BU18920408</t>
  </si>
  <si>
    <t>buurten.9e8f6b01-cefb-4d35-ae42-8947ca31d9c9</t>
  </si>
  <si>
    <t>In concept (verkennend). Op basis van de selectiecriteria komt Esse Hoog als eerste in beeld om de verkenningsfase op te pakken. Het is een overzichtelijke buurt waar relatief veel draagvlak lijkt voor de warmtetransitie</t>
  </si>
  <si>
    <t>BU18920409</t>
  </si>
  <si>
    <t>Esse Laag</t>
  </si>
  <si>
    <t>2021BU18920409</t>
  </si>
  <si>
    <t>buurten.6c7bc635-fb11-458c-9f71-45cfbcee50ef</t>
  </si>
  <si>
    <t>BU18920410</t>
  </si>
  <si>
    <t>2021BU18920410</t>
  </si>
  <si>
    <t>buurten.b4e742ac-555c-4e4f-abf9-82950aecebf5</t>
  </si>
  <si>
    <t>BU18920411</t>
  </si>
  <si>
    <t>Dorrestein-Noord</t>
  </si>
  <si>
    <t>2021BU18920411</t>
  </si>
  <si>
    <t>buurten.29d143ac-c064-4a93-aaa0-fa32469f0427</t>
  </si>
  <si>
    <t>BU18920412</t>
  </si>
  <si>
    <t>Parkzoom</t>
  </si>
  <si>
    <t>2021BU18920412</t>
  </si>
  <si>
    <t>buurten.ebb4806e-10c3-4dd7-9a54-c99af28d54b2</t>
  </si>
  <si>
    <t>BU18920413</t>
  </si>
  <si>
    <t>Esse Zoom Laag</t>
  </si>
  <si>
    <t>2021BU18920413</t>
  </si>
  <si>
    <t>buurten.728f7abd-771f-4c6c-a7dd-ca06a9945db9</t>
  </si>
  <si>
    <t>BU18920414</t>
  </si>
  <si>
    <t>Zuidplas Mossen</t>
  </si>
  <si>
    <t>2021BU18920414</t>
  </si>
  <si>
    <t>buurten.e592fcf6-9c2a-426a-b291-dbff02f6eb21</t>
  </si>
  <si>
    <t>BU18920415</t>
  </si>
  <si>
    <t>Zuidplas Dalen</t>
  </si>
  <si>
    <t>2021BU18920415</t>
  </si>
  <si>
    <t>buurten.969b8c75-9c8e-4d9b-81a1-d7dab920ad51</t>
  </si>
  <si>
    <t>BU18920416</t>
  </si>
  <si>
    <t>Dorrestein-Zuid</t>
  </si>
  <si>
    <t>2021BU18920416</t>
  </si>
  <si>
    <t>buurten.e420a279-1cd3-424d-b8ff-8364c497efa1</t>
  </si>
  <si>
    <t>BU18920491</t>
  </si>
  <si>
    <t>Verspreide bebouwing Zuidplaspolder Nieuwerkerk aan den IJss</t>
  </si>
  <si>
    <t>2021BU18920491</t>
  </si>
  <si>
    <t>buurten.ec17a3bd-9462-4212-86ce-daefd3a59866</t>
  </si>
  <si>
    <t>BU18920492</t>
  </si>
  <si>
    <t>Verspreide bebouwing Essepolder</t>
  </si>
  <si>
    <t>2021BU18920492</t>
  </si>
  <si>
    <t>buurten.fecf4ae4-ed6b-46cc-9510-5430b8820b26</t>
  </si>
  <si>
    <t>BU18920493</t>
  </si>
  <si>
    <t>Verspreide bebouwing Achter Esse</t>
  </si>
  <si>
    <t>2021BU18920493</t>
  </si>
  <si>
    <t>buurten.28c7bebb-27af-45ad-b39c-64b9e4de800e</t>
  </si>
  <si>
    <t>BU18940000</t>
  </si>
  <si>
    <t>WK189400</t>
  </si>
  <si>
    <t>GM1894</t>
  </si>
  <si>
    <t>Peel en Maas</t>
  </si>
  <si>
    <t>2021BU18940000</t>
  </si>
  <si>
    <t>buurten.4d8fc25f-4fd3-40fc-ac52-249617fd7335</t>
  </si>
  <si>
    <t>BU18940001</t>
  </si>
  <si>
    <t>Koningslust</t>
  </si>
  <si>
    <t>2021BU18940001</t>
  </si>
  <si>
    <t>buurten.4b8eaa37-b4bf-4995-a374-dea7bb5d19a1</t>
  </si>
  <si>
    <t>BU18940002</t>
  </si>
  <si>
    <t>Kievitsheide</t>
  </si>
  <si>
    <t>2021BU18940002</t>
  </si>
  <si>
    <t>buurten.7753aeac-9286-4ca7-96f0-160a4f316253</t>
  </si>
  <si>
    <t>BU18940003</t>
  </si>
  <si>
    <t>Vliegert</t>
  </si>
  <si>
    <t>2021BU18940003</t>
  </si>
  <si>
    <t>buurten.803c7169-d4d7-4c43-b728-c8a624db2503</t>
  </si>
  <si>
    <t>BU18940100</t>
  </si>
  <si>
    <t>Beringe</t>
  </si>
  <si>
    <t>WK189401</t>
  </si>
  <si>
    <t>2021BU18940100</t>
  </si>
  <si>
    <t>buurten.f23ff795-e49a-4f8c-a75a-5b966f28573a</t>
  </si>
  <si>
    <t>BU18940101</t>
  </si>
  <si>
    <t>Panningen</t>
  </si>
  <si>
    <t>2021BU18940101</t>
  </si>
  <si>
    <t>buurten.5c2e7341-576c-4fc4-858d-9cbb7a0cb8b7</t>
  </si>
  <si>
    <t>BU18940102</t>
  </si>
  <si>
    <t>Helden</t>
  </si>
  <si>
    <t>2021BU18940102</t>
  </si>
  <si>
    <t>buurten.de57f452-8916-4305-91ca-5ef6362a7567</t>
  </si>
  <si>
    <t>BU18940104</t>
  </si>
  <si>
    <t>Vosberg-Loo</t>
  </si>
  <si>
    <t>2021BU18940104</t>
  </si>
  <si>
    <t>buurten.9870219f-d26d-469a-b1ea-486ad14246ff</t>
  </si>
  <si>
    <t>BU18940105</t>
  </si>
  <si>
    <t>Egchel</t>
  </si>
  <si>
    <t>2021BU18940105</t>
  </si>
  <si>
    <t>buurten.e2773e09-a3e3-4863-8449-d275f25caafa</t>
  </si>
  <si>
    <t>BU18940106</t>
  </si>
  <si>
    <t>Zelen-Hub</t>
  </si>
  <si>
    <t>2021BU18940106</t>
  </si>
  <si>
    <t>buurten.48d8f9ee-1d29-4b33-ae70-a566898efc8d</t>
  </si>
  <si>
    <t>BU18940107</t>
  </si>
  <si>
    <t>Groeze</t>
  </si>
  <si>
    <t>2021BU18940107</t>
  </si>
  <si>
    <t>buurten.daba5d08-4cd0-449d-99f3-506d214bb854</t>
  </si>
  <si>
    <t>BU18940108</t>
  </si>
  <si>
    <t>Onder-Eindt-Zandberg</t>
  </si>
  <si>
    <t>2021BU18940108</t>
  </si>
  <si>
    <t>buurten.e00ab8b4-03c5-4d9e-bff7-ba7c0ccff0a1</t>
  </si>
  <si>
    <t>BU18940109</t>
  </si>
  <si>
    <t>Keup</t>
  </si>
  <si>
    <t>2021BU18940109</t>
  </si>
  <si>
    <t>buurten.ff542c40-e583-4fff-be4b-5d611a591c99</t>
  </si>
  <si>
    <t>BU18940200</t>
  </si>
  <si>
    <t>WK189402</t>
  </si>
  <si>
    <t>2021BU18940200</t>
  </si>
  <si>
    <t>buurten.e52f2f24-6859-4348-a67b-4acf01b0c945</t>
  </si>
  <si>
    <t>BU18940203</t>
  </si>
  <si>
    <t>Kesseleik</t>
  </si>
  <si>
    <t>2021BU18940203</t>
  </si>
  <si>
    <t>buurten.ef357d57-8a22-44e5-8255-8a2aa3e1fc8f</t>
  </si>
  <si>
    <t>BU18940204</t>
  </si>
  <si>
    <t>Hout en Oijen</t>
  </si>
  <si>
    <t>2021BU18940204</t>
  </si>
  <si>
    <t>buurten.d6f7bb45-6a14-4dd2-ab72-4824c1c7c327</t>
  </si>
  <si>
    <t>BU18940208</t>
  </si>
  <si>
    <t>Verspreide huizen Kessel</t>
  </si>
  <si>
    <t>2021BU18940208</t>
  </si>
  <si>
    <t>buurten.ca4c58d8-f902-4138-a824-e0aac0bdba94</t>
  </si>
  <si>
    <t>BU18940209</t>
  </si>
  <si>
    <t>Verspreide huizen Kesseleik</t>
  </si>
  <si>
    <t>2021BU18940209</t>
  </si>
  <si>
    <t>buurten.31228009-be47-4ba2-980d-00637ea9f17e</t>
  </si>
  <si>
    <t>BU18940300</t>
  </si>
  <si>
    <t>Maasbree</t>
  </si>
  <si>
    <t>WK189403</t>
  </si>
  <si>
    <t>2021BU18940300</t>
  </si>
  <si>
    <t>buurten.60edb662-ae3f-41d7-9b14-667dd0d11bd1</t>
  </si>
  <si>
    <t>BU18940308</t>
  </si>
  <si>
    <t>Verspreide huizen ten zuiden van Provinciale weg</t>
  </si>
  <si>
    <t>2021BU18940308</t>
  </si>
  <si>
    <t>buurten.4b09219d-4337-4e66-b78e-9ed0116fefd5</t>
  </si>
  <si>
    <t>BU18940309</t>
  </si>
  <si>
    <t>Verspreide huizen ten noorden van Provinciale weg</t>
  </si>
  <si>
    <t>2021BU18940309</t>
  </si>
  <si>
    <t>buurten.6a0e634a-c3b4-4eee-be2f-8b8e12d24713</t>
  </si>
  <si>
    <t>BU18940400</t>
  </si>
  <si>
    <t>WK189404</t>
  </si>
  <si>
    <t>2021BU18940400</t>
  </si>
  <si>
    <t>buurten.6dbdf883-75a0-4a10-85f3-76d7ec574002</t>
  </si>
  <si>
    <t>BU18940402</t>
  </si>
  <si>
    <t>Soeterbeek</t>
  </si>
  <si>
    <t>2021BU18940402</t>
  </si>
  <si>
    <t>buurten.553ffbc8-8222-4c2f-8693-86bbaa5305a1</t>
  </si>
  <si>
    <t>BU18940403</t>
  </si>
  <si>
    <t>Bong</t>
  </si>
  <si>
    <t>2021BU18940403</t>
  </si>
  <si>
    <t>buurten.ccbe6c8b-da39-4feb-bb10-0a76124a56ff</t>
  </si>
  <si>
    <t>BU18940408</t>
  </si>
  <si>
    <t>Verspreide huizen op Den Hert</t>
  </si>
  <si>
    <t>2021BU18940408</t>
  </si>
  <si>
    <t>buurten.25d75f6d-32e1-4450-92bf-07f845fd5600</t>
  </si>
  <si>
    <t>BU18940409</t>
  </si>
  <si>
    <t>Verspreide huizen ten zuiden van Baarlo</t>
  </si>
  <si>
    <t>2021BU18940409</t>
  </si>
  <si>
    <t>buurten.12253a4c-00b6-43f3-a8ce-692c0ad85ece</t>
  </si>
  <si>
    <t>BU18940500</t>
  </si>
  <si>
    <t>Meijel</t>
  </si>
  <si>
    <t>WK189405</t>
  </si>
  <si>
    <t>2021BU18940500</t>
  </si>
  <si>
    <t>buurten.4abf5ad9-7e2d-40e5-b285-d314225a28e8</t>
  </si>
  <si>
    <t>BU18940502</t>
  </si>
  <si>
    <t>Roggelsedijk</t>
  </si>
  <si>
    <t>2021BU18940502</t>
  </si>
  <si>
    <t>buurten.d8791478-56bb-4ec3-9c9a-1beccf02b3be</t>
  </si>
  <si>
    <t>BU18940506</t>
  </si>
  <si>
    <t>Verspreide huizen Molenbaan en Vieruitersten</t>
  </si>
  <si>
    <t>2021BU18940506</t>
  </si>
  <si>
    <t>buurten.03945fa9-69b6-4114-81bf-f0032b10121d</t>
  </si>
  <si>
    <t>BU18940507</t>
  </si>
  <si>
    <t>Verspreide huizen Berg en Nederweerterdijk</t>
  </si>
  <si>
    <t>2021BU18940507</t>
  </si>
  <si>
    <t>buurten.5b6087f1-d0ea-4b80-8eaf-1af89781d565</t>
  </si>
  <si>
    <t>BU18940508</t>
  </si>
  <si>
    <t>Verspreide huizen Steenoven en Langstraat</t>
  </si>
  <si>
    <t>2021BU18940508</t>
  </si>
  <si>
    <t>buurten.f18d5b7b-432a-4d8d-9d36-6c2f100408b8</t>
  </si>
  <si>
    <t>BU18940509</t>
  </si>
  <si>
    <t>Verspreide huizen Katsberg en Witdonk</t>
  </si>
  <si>
    <t>2021BU18940509</t>
  </si>
  <si>
    <t>buurten.7292a913-790f-4398-8711-5b437b6fe823</t>
  </si>
  <si>
    <t>BU18950000</t>
  </si>
  <si>
    <t>Winschoten-Centrum</t>
  </si>
  <si>
    <t>WK189500</t>
  </si>
  <si>
    <t>2021BU18950000</t>
  </si>
  <si>
    <t>buurten.119add3e-3a07-459c-8613-c38c8a295e05</t>
  </si>
  <si>
    <t>PL1895010003</t>
  </si>
  <si>
    <t>Winschoten zuid-centrum-zeeheldenbuurt</t>
  </si>
  <si>
    <t>afronden onderzoek naar mogelijkheden</t>
  </si>
  <si>
    <t>geothermie, afhankelijk van onderzoek</t>
  </si>
  <si>
    <t>BU18950001</t>
  </si>
  <si>
    <t>2021BU18950001</t>
  </si>
  <si>
    <t>buurten.98f9c25d-7395-47e5-8fac-3876421ebace</t>
  </si>
  <si>
    <t>BU18950002</t>
  </si>
  <si>
    <t>Winschoten-Noord</t>
  </si>
  <si>
    <t>2021BU18950002</t>
  </si>
  <si>
    <t>buurten.8c8e4cf6-d0af-499b-aea2-86f8a77fe99e</t>
  </si>
  <si>
    <t>BU18950003</t>
  </si>
  <si>
    <t>Winschoten-Zuid</t>
  </si>
  <si>
    <t>2021BU18950003</t>
  </si>
  <si>
    <t>buurten.61aaff13-0251-4fd0-8135-cd07f1a2b72b</t>
  </si>
  <si>
    <t>BU18950004</t>
  </si>
  <si>
    <t>Udesweg-Zuid</t>
  </si>
  <si>
    <t>2021BU18950004</t>
  </si>
  <si>
    <t>buurten.99ef986e-d22e-4a13-9567-34bcf0f3d586</t>
  </si>
  <si>
    <t>BU18950005</t>
  </si>
  <si>
    <t>Winschoten-Grintweg</t>
  </si>
  <si>
    <t>2021BU18950005</t>
  </si>
  <si>
    <t>buurten.c39b4ca4-4f43-4617-a736-2c72047f225c</t>
  </si>
  <si>
    <t>PL1895010002</t>
  </si>
  <si>
    <t>Bad Nieuweschans &amp; Scheemda</t>
  </si>
  <si>
    <t>potentie toekomstige brouwerij, socialisering warmtenetten</t>
  </si>
  <si>
    <t>groen gas en/of restwarmte</t>
  </si>
  <si>
    <t>BU18950006</t>
  </si>
  <si>
    <t>Winschoten-Bomenbuurt</t>
  </si>
  <si>
    <t>2021BU18950006</t>
  </si>
  <si>
    <t>buurten.1bfedcd0-1ee6-481d-b8da-9ee39f8e83bd</t>
  </si>
  <si>
    <t>BU18950007</t>
  </si>
  <si>
    <t>Winschoten-Sint Vitusholt-Lanengebied</t>
  </si>
  <si>
    <t>2021BU18950007</t>
  </si>
  <si>
    <t>buurten.094a6ce2-1f30-4979-9a5a-a3485e06306d</t>
  </si>
  <si>
    <t>BU18950008</t>
  </si>
  <si>
    <t>Winschoten-industriegebied</t>
  </si>
  <si>
    <t>2021BU18950008</t>
  </si>
  <si>
    <t>buurten.56cd0af1-6bb8-4b52-aa27-fc101f946b1e</t>
  </si>
  <si>
    <t>BU18950009</t>
  </si>
  <si>
    <t>Verspreide huizen Winschoten</t>
  </si>
  <si>
    <t>2021BU18950009</t>
  </si>
  <si>
    <t>buurten.b18d73b1-1de7-4b1c-be6b-6b5f99865e4d</t>
  </si>
  <si>
    <t>PL1895010001</t>
  </si>
  <si>
    <t>BU18950100</t>
  </si>
  <si>
    <t>Finsterwolde-Centrum</t>
  </si>
  <si>
    <t>WK189501</t>
  </si>
  <si>
    <t>2021BU18950100</t>
  </si>
  <si>
    <t>buurten.da563076-9033-4f05-ad20-fb22b28b8f21</t>
  </si>
  <si>
    <t>BU18950101</t>
  </si>
  <si>
    <t>Finsterwolde Hardenberg</t>
  </si>
  <si>
    <t>2021BU18950101</t>
  </si>
  <si>
    <t>buurten.1d0d0612-715b-4f89-b607-c5200f1a06a9</t>
  </si>
  <si>
    <t>Midwolda &amp; Beerta</t>
  </si>
  <si>
    <t>instemming van de dorpen</t>
  </si>
  <si>
    <t>BU18950102</t>
  </si>
  <si>
    <t>Finsterwolde nieuwbouw</t>
  </si>
  <si>
    <t>2021BU18950102</t>
  </si>
  <si>
    <t>buurten.f7a0855c-f160-41de-b91f-b990a6657e9c</t>
  </si>
  <si>
    <t>BU18950103</t>
  </si>
  <si>
    <t>Finsterwolde Ganzedijk</t>
  </si>
  <si>
    <t>2021BU18950103</t>
  </si>
  <si>
    <t>buurten.542cc315-d90f-4e37-aed3-9b1a04f5066c</t>
  </si>
  <si>
    <t>BU18950104</t>
  </si>
  <si>
    <t>Verspreide huizen Finsterwolde</t>
  </si>
  <si>
    <t>2021BU18950104</t>
  </si>
  <si>
    <t>buurten.246c64b5-1ff9-4730-9e5d-c24fe47a0a2a</t>
  </si>
  <si>
    <t>BU18950200</t>
  </si>
  <si>
    <t>Drieborg-Centrum</t>
  </si>
  <si>
    <t>WK189502</t>
  </si>
  <si>
    <t>2021BU18950200</t>
  </si>
  <si>
    <t>buurten.b812aa89-2070-46a6-9cdc-71491db4d337</t>
  </si>
  <si>
    <t>BU18950209</t>
  </si>
  <si>
    <t>Verspreide huizen Drieborg</t>
  </si>
  <si>
    <t>2021BU18950209</t>
  </si>
  <si>
    <t>buurten.8e5fe30b-3dc3-452c-b418-cf0d0b68128e</t>
  </si>
  <si>
    <t>BU18950300</t>
  </si>
  <si>
    <t>Beerta-Centrum</t>
  </si>
  <si>
    <t>WK189503</t>
  </si>
  <si>
    <t>2021BU18950300</t>
  </si>
  <si>
    <t>buurten.b3c61d21-47b8-4026-9173-6a6863fb5b5f</t>
  </si>
  <si>
    <t>BU18950301</t>
  </si>
  <si>
    <t>Beerta-Nieuwbouw</t>
  </si>
  <si>
    <t>2021BU18950301</t>
  </si>
  <si>
    <t>buurten.c6f42901-b1bd-4b55-aeff-ccc4a64984f3</t>
  </si>
  <si>
    <t>BU18950302</t>
  </si>
  <si>
    <t>Beerta-Centrum-West</t>
  </si>
  <si>
    <t>2021BU18950302</t>
  </si>
  <si>
    <t>buurten.cc3e8012-d172-4627-96f7-fa2bbffe01d5</t>
  </si>
  <si>
    <t>BU18950309</t>
  </si>
  <si>
    <t>Verspreide huizen Beerta</t>
  </si>
  <si>
    <t>2021BU18950309</t>
  </si>
  <si>
    <t>buurten.d91517bd-c24f-4dc3-9af7-85bb9fdb52d3</t>
  </si>
  <si>
    <t>BU18950400</t>
  </si>
  <si>
    <t>Nieuw-Beerta</t>
  </si>
  <si>
    <t>WK189504</t>
  </si>
  <si>
    <t>2021BU18950400</t>
  </si>
  <si>
    <t>buurten.d9bfeb71-3c05-4b13-815d-9f0701670e92</t>
  </si>
  <si>
    <t>BU18950500</t>
  </si>
  <si>
    <t>Nieuweschans De Bron</t>
  </si>
  <si>
    <t>WK189505</t>
  </si>
  <si>
    <t>2021BU18950500</t>
  </si>
  <si>
    <t>buurten.63337665-9409-41d9-9efa-43aa00b61498</t>
  </si>
  <si>
    <t>BU18950501</t>
  </si>
  <si>
    <t>Nieuweschans-Centrum</t>
  </si>
  <si>
    <t>2021BU18950501</t>
  </si>
  <si>
    <t>buurten.be260329-4d75-4491-bb68-2ea170d9aaaa</t>
  </si>
  <si>
    <t>BU18950502</t>
  </si>
  <si>
    <t>Nieuweschans Nieuwbouw</t>
  </si>
  <si>
    <t>2021BU18950502</t>
  </si>
  <si>
    <t>buurten.18f1307c-9aaf-48e8-b9fd-863d883ef45c</t>
  </si>
  <si>
    <t>BU18950600</t>
  </si>
  <si>
    <t>Scheemda</t>
  </si>
  <si>
    <t>WK189506</t>
  </si>
  <si>
    <t>2021BU18950600</t>
  </si>
  <si>
    <t>buurten.ea2dc4e2-b86a-4f10-b17e-4a5ccb8a210e</t>
  </si>
  <si>
    <t>BU18950601</t>
  </si>
  <si>
    <t>Eexta</t>
  </si>
  <si>
    <t>2021BU18950601</t>
  </si>
  <si>
    <t>buurten.0b65a208-742b-42e4-9a29-d567169bc482</t>
  </si>
  <si>
    <t>BU18950602</t>
  </si>
  <si>
    <t>Heiligerlee</t>
  </si>
  <si>
    <t>2021BU18950602</t>
  </si>
  <si>
    <t>buurten.43af5a56-59d2-4506-a4dd-629f733851cf</t>
  </si>
  <si>
    <t>BU18950603</t>
  </si>
  <si>
    <t>Eexta-Zuid</t>
  </si>
  <si>
    <t>2021BU18950603</t>
  </si>
  <si>
    <t>buurten.38c097b9-09ca-4f3c-a547-ae115bc89eb1</t>
  </si>
  <si>
    <t>BU18950604</t>
  </si>
  <si>
    <t>Scheemdermeer</t>
  </si>
  <si>
    <t>2021BU18950604</t>
  </si>
  <si>
    <t>buurten.47ff9ecd-cea2-4417-aeaa-026518e2c045</t>
  </si>
  <si>
    <t>BU18950605</t>
  </si>
  <si>
    <t>Napels</t>
  </si>
  <si>
    <t>2021BU18950605</t>
  </si>
  <si>
    <t>buurten.1d74c2c1-71fd-4a1b-9625-e634a09d60e0</t>
  </si>
  <si>
    <t>BU18950700</t>
  </si>
  <si>
    <t>Westerlee</t>
  </si>
  <si>
    <t>WK189507</t>
  </si>
  <si>
    <t>2021BU18950700</t>
  </si>
  <si>
    <t>buurten.0798b2d8-7201-4673-a4ca-cc2484061081</t>
  </si>
  <si>
    <t>BU18950708</t>
  </si>
  <si>
    <t>Verspreide huizen ten zuiden van Westerlee</t>
  </si>
  <si>
    <t>2021BU18950708</t>
  </si>
  <si>
    <t>buurten.590255a9-f538-4520-a70f-dca8477e1d92</t>
  </si>
  <si>
    <t>BU18950709</t>
  </si>
  <si>
    <t>Verspreide huizen ten noorden van Westerlee</t>
  </si>
  <si>
    <t>2021BU18950709</t>
  </si>
  <si>
    <t>buurten.7f72260c-62bb-4008-9daf-3ecd9faa6395</t>
  </si>
  <si>
    <t>BU18950800</t>
  </si>
  <si>
    <t>Nieuw-Scheemda</t>
  </si>
  <si>
    <t>WK189508</t>
  </si>
  <si>
    <t>2021BU18950800</t>
  </si>
  <si>
    <t>buurten.ef140c86-9683-4619-a860-35f419fd90f8</t>
  </si>
  <si>
    <t>BU18950801</t>
  </si>
  <si>
    <t>'t Waar</t>
  </si>
  <si>
    <t>2021BU18950801</t>
  </si>
  <si>
    <t>buurten.1017625a-331d-4901-9877-1508367cfa47</t>
  </si>
  <si>
    <t>BU18950802</t>
  </si>
  <si>
    <t>Hamrikkerweg</t>
  </si>
  <si>
    <t>2021BU18950802</t>
  </si>
  <si>
    <t>buurten.a6219b8e-d018-4613-a55e-849308cdb4a1</t>
  </si>
  <si>
    <t>BU18950803</t>
  </si>
  <si>
    <t>Scheemderzwaag</t>
  </si>
  <si>
    <t>2021BU18950803</t>
  </si>
  <si>
    <t>buurten.98378d67-5244-4e42-8199-fa27836c0711</t>
  </si>
  <si>
    <t>BU18950809</t>
  </si>
  <si>
    <t>2021BU18950809</t>
  </si>
  <si>
    <t>buurten.ed6deca0-7465-45b8-9a09-61a3155e7328</t>
  </si>
  <si>
    <t>BU18950900</t>
  </si>
  <si>
    <t>Midwolda</t>
  </si>
  <si>
    <t>WK189509</t>
  </si>
  <si>
    <t>2021BU18950900</t>
  </si>
  <si>
    <t>buurten.a1ae3f0d-416b-4570-a099-e3d0b5899c7c</t>
  </si>
  <si>
    <t>BU18950901</t>
  </si>
  <si>
    <t>Oostwold</t>
  </si>
  <si>
    <t>2021BU18950901</t>
  </si>
  <si>
    <t>buurten.67396f16-a7c8-4206-9db8-c7688d9190ea</t>
  </si>
  <si>
    <t>BU18950902</t>
  </si>
  <si>
    <t>2021BU18950902</t>
  </si>
  <si>
    <t>buurten.7228aec0-d834-491a-b985-07e4b515cd0c</t>
  </si>
  <si>
    <t>BU18950903</t>
  </si>
  <si>
    <t>Ekamp</t>
  </si>
  <si>
    <t>2021BU18950903</t>
  </si>
  <si>
    <t>buurten.07b06303-b8f8-480d-9856-b501908ccdeb</t>
  </si>
  <si>
    <t>BU18950904</t>
  </si>
  <si>
    <t>Nieuweweg</t>
  </si>
  <si>
    <t>2021BU18950904</t>
  </si>
  <si>
    <t>buurten.9a703a4f-cd3b-41de-b0a2-46efc7635562</t>
  </si>
  <si>
    <t>BU18950905</t>
  </si>
  <si>
    <t>Niesoord</t>
  </si>
  <si>
    <t>2021BU18950905</t>
  </si>
  <si>
    <t>buurten.689a360f-4e56-4bf0-b3e3-fc921d07121a</t>
  </si>
  <si>
    <t>BU18950907</t>
  </si>
  <si>
    <t>Meerland</t>
  </si>
  <si>
    <t>2021BU18950907</t>
  </si>
  <si>
    <t>buurten.873d992b-4efd-4010-a4f3-9fe7858629a5</t>
  </si>
  <si>
    <t>BU18950909</t>
  </si>
  <si>
    <t>Verspreide huizen Midwolda</t>
  </si>
  <si>
    <t>2021BU18950909</t>
  </si>
  <si>
    <t>buurten.8848ad9c-e73e-4525-9551-6873f2e7ae37</t>
  </si>
  <si>
    <t>BU18951000</t>
  </si>
  <si>
    <t>Nieuwolda</t>
  </si>
  <si>
    <t>WK189510</t>
  </si>
  <si>
    <t>2021BU18951000</t>
  </si>
  <si>
    <t>buurten.f02320b2-ed4f-4c6f-bb61-fcef71af81f9</t>
  </si>
  <si>
    <t>BU18951001</t>
  </si>
  <si>
    <t>2021BU18951001</t>
  </si>
  <si>
    <t>buurten.7dc51ad0-adac-473a-8f72-2b90e41219ed</t>
  </si>
  <si>
    <t>BU18951009</t>
  </si>
  <si>
    <t>Verspreide huizen Nieuwolda</t>
  </si>
  <si>
    <t>2021BU18951009</t>
  </si>
  <si>
    <t>buurten.1434740d-8a87-40d4-8945-2d33ea0f3383</t>
  </si>
  <si>
    <t>BU18960000</t>
  </si>
  <si>
    <t>Genemuiden Kern</t>
  </si>
  <si>
    <t>WK189600</t>
  </si>
  <si>
    <t>2021BU18960000</t>
  </si>
  <si>
    <t>buurten.f00a525c-84fe-4ef3-aaf3-d3df85c0a3d8</t>
  </si>
  <si>
    <t>Verdieping toepassing TEO in Greente</t>
  </si>
  <si>
    <t>Verdieping is nodig om, bijvoorbeeld samen met een klankbordgroep van bewoners, de businesscase uit te werken, vergelijking te maken met alternatieven en de mogelijke exploitatievormen te onderzoeken.</t>
  </si>
  <si>
    <t>BU18960001</t>
  </si>
  <si>
    <t>Genemuiden Noord-Oost</t>
  </si>
  <si>
    <t>2021BU18960001</t>
  </si>
  <si>
    <t>buurten.c4338f3c-8f70-476a-815b-58fc6e1843fa</t>
  </si>
  <si>
    <t>BU18960008</t>
  </si>
  <si>
    <t>Cellemuiden</t>
  </si>
  <si>
    <t>2021BU18960008</t>
  </si>
  <si>
    <t>buurten.e6c92f69-89c5-42cf-92da-dd1abcc5ea08</t>
  </si>
  <si>
    <t>BU18960009</t>
  </si>
  <si>
    <t>Zuiderzeepolder</t>
  </si>
  <si>
    <t>2021BU18960009</t>
  </si>
  <si>
    <t>buurten.9e994984-b7f9-48b0-b10f-1d6732dd404a</t>
  </si>
  <si>
    <t>BU18960010</t>
  </si>
  <si>
    <t>Genemuiden Industrieterrein</t>
  </si>
  <si>
    <t>2021BU18960010</t>
  </si>
  <si>
    <t>buurten.14eb995e-d20e-4d96-9f28-ab3448c01d32</t>
  </si>
  <si>
    <t>BU18960011</t>
  </si>
  <si>
    <t>2021BU18960011</t>
  </si>
  <si>
    <t>buurten.d5537f8f-a080-487f-b9e4-8a8255d28dda</t>
  </si>
  <si>
    <t>BU18960012</t>
  </si>
  <si>
    <t>Achter 't Tag</t>
  </si>
  <si>
    <t>2021BU18960012</t>
  </si>
  <si>
    <t>buurten.19eb11c9-4cea-4917-bc56-69b91884f3b2</t>
  </si>
  <si>
    <t>BU18960013</t>
  </si>
  <si>
    <t>Binnenlanden-West</t>
  </si>
  <si>
    <t>2021BU18960013</t>
  </si>
  <si>
    <t>buurten.4d0a481a-de99-4ca4-8524-f9179e87b483</t>
  </si>
  <si>
    <t>BU18960014</t>
  </si>
  <si>
    <t>Greente</t>
  </si>
  <si>
    <t>2021BU18960014</t>
  </si>
  <si>
    <t>buurten.65662395-dedb-4ae2-8e02-f11ec05fffe7</t>
  </si>
  <si>
    <t>BU18960100</t>
  </si>
  <si>
    <t>Kamperzeedijk-Oost</t>
  </si>
  <si>
    <t>WK189601</t>
  </si>
  <si>
    <t>2021BU18960100</t>
  </si>
  <si>
    <t>buurten.41e32c34-a937-4388-8e77-6c9f030ef5a2</t>
  </si>
  <si>
    <t>BU18960101</t>
  </si>
  <si>
    <t>Kamperzeedijk-West</t>
  </si>
  <si>
    <t>2021BU18960101</t>
  </si>
  <si>
    <t>buurten.8bace73f-c11e-40a6-82ea-1e305e56755d</t>
  </si>
  <si>
    <t>BU18960108</t>
  </si>
  <si>
    <t>Landelijk gebied Genemuiden</t>
  </si>
  <si>
    <t>2021BU18960108</t>
  </si>
  <si>
    <t>buurten.2db9c577-17e6-45a5-a80e-f57120b51a69</t>
  </si>
  <si>
    <t>BU18960109</t>
  </si>
  <si>
    <t>Pieperpolder</t>
  </si>
  <si>
    <t>2021BU18960109</t>
  </si>
  <si>
    <t>buurten.6187fbbe-d998-4334-b565-d32ff61cf168</t>
  </si>
  <si>
    <t>BU18960200</t>
  </si>
  <si>
    <t>Hasselt Kern</t>
  </si>
  <si>
    <t>WK189602</t>
  </si>
  <si>
    <t>2021BU18960200</t>
  </si>
  <si>
    <t>buurten.475a4896-f7df-41fd-b033-685a8bd46475</t>
  </si>
  <si>
    <t>Verdieping toepassing TEO in Dedemsvaart-Zuid</t>
  </si>
  <si>
    <t>BU18960201</t>
  </si>
  <si>
    <t>Hasselt Dedemsvaart-Zuid</t>
  </si>
  <si>
    <t>2021BU18960201</t>
  </si>
  <si>
    <t>buurten.63b6fcac-1aa9-45b7-b098-2ca0c2928b90</t>
  </si>
  <si>
    <t>BU18960202</t>
  </si>
  <si>
    <t>Hasselt Dedemsvaart</t>
  </si>
  <si>
    <t>2021BU18960202</t>
  </si>
  <si>
    <t>buurten.e6900bac-213f-48b4-b641-1a49cbddd88f</t>
  </si>
  <si>
    <t>BU18960203</t>
  </si>
  <si>
    <t>Hasselt Industrieterrein</t>
  </si>
  <si>
    <t>2021BU18960203</t>
  </si>
  <si>
    <t>buurten.6f82753a-2fcc-4f02-aff8-f1cd6f76542f</t>
  </si>
  <si>
    <t>BU18960204</t>
  </si>
  <si>
    <t>Nadorst</t>
  </si>
  <si>
    <t>2021BU18960204</t>
  </si>
  <si>
    <t>buurten.f8ad681a-a9f6-4d0c-9056-a0a05df25fa8</t>
  </si>
  <si>
    <t>BU18960205</t>
  </si>
  <si>
    <t>Ter Wee's Hoek</t>
  </si>
  <si>
    <t>2021BU18960205</t>
  </si>
  <si>
    <t>buurten.6406eb3b-a7f9-456b-8065-0bb17561153a</t>
  </si>
  <si>
    <t>BU18960206</t>
  </si>
  <si>
    <t>Molenwaard</t>
  </si>
  <si>
    <t>2021BU18960206</t>
  </si>
  <si>
    <t>buurten.d039dfc0-c2fa-484c-85f0-2d73c7fffd96</t>
  </si>
  <si>
    <t>BU18960207</t>
  </si>
  <si>
    <t>Hasselt om de Weede</t>
  </si>
  <si>
    <t>2021BU18960207</t>
  </si>
  <si>
    <t>buurten.a5ae807e-3106-44ab-92eb-a7e007498dff</t>
  </si>
  <si>
    <t>BU18960307</t>
  </si>
  <si>
    <t>Genne-Overwaters</t>
  </si>
  <si>
    <t>WK189603</t>
  </si>
  <si>
    <t>2021BU18960307</t>
  </si>
  <si>
    <t>buurten.d8973722-a24d-49f7-81ba-570e331a3f95</t>
  </si>
  <si>
    <t>BU18960310</t>
  </si>
  <si>
    <t>Streukel-Holten-Genne</t>
  </si>
  <si>
    <t>2021BU18960310</t>
  </si>
  <si>
    <t>buurten.c27f7223-259a-4b08-b24a-5f9b0bad5a21</t>
  </si>
  <si>
    <t>BU18960400</t>
  </si>
  <si>
    <t>Zwartsluis Kern</t>
  </si>
  <si>
    <t>WK189604</t>
  </si>
  <si>
    <t>2021BU18960400</t>
  </si>
  <si>
    <t>buurten.af455854-0e6a-4fe0-a272-622c7d86f179</t>
  </si>
  <si>
    <t>BU18960402</t>
  </si>
  <si>
    <t>Buitenkwartier</t>
  </si>
  <si>
    <t>2021BU18960402</t>
  </si>
  <si>
    <t>buurten.3d2cb39f-e36f-4b74-b480-4dfc599438a3</t>
  </si>
  <si>
    <t>BU18960403</t>
  </si>
  <si>
    <t>2021BU18960403</t>
  </si>
  <si>
    <t>buurten.dc4a4003-3881-45a5-9a03-44fb9ca4cb56</t>
  </si>
  <si>
    <t>BU18960404</t>
  </si>
  <si>
    <t>Achter het Singel</t>
  </si>
  <si>
    <t>2021BU18960404</t>
  </si>
  <si>
    <t>buurten.ef87c21d-c1e8-49b6-b960-832d37fa3b92</t>
  </si>
  <si>
    <t>BU18960405</t>
  </si>
  <si>
    <t>Zomerdijk</t>
  </si>
  <si>
    <t>2021BU18960405</t>
  </si>
  <si>
    <t>buurten.35873423-08bf-4373-b90c-e3c74ad884a1</t>
  </si>
  <si>
    <t>BU18960406</t>
  </si>
  <si>
    <t>De Nieuwesluis</t>
  </si>
  <si>
    <t>2021BU18960406</t>
  </si>
  <si>
    <t>buurten.3ea26264-d37a-42ea-9458-47f6811dfafe</t>
  </si>
  <si>
    <t>BU18960407</t>
  </si>
  <si>
    <t>Zwartsluis Industrieterrein</t>
  </si>
  <si>
    <t>2021BU18960407</t>
  </si>
  <si>
    <t>buurten.797b4272-a4f1-45d0-a442-ff1b5cec2849</t>
  </si>
  <si>
    <t>BU18960408</t>
  </si>
  <si>
    <t>De Velde-Zwartewatersklooster</t>
  </si>
  <si>
    <t>2021BU18960408</t>
  </si>
  <si>
    <t>buurten.cb9116e5-143c-4fb6-b8fa-18f849848c17</t>
  </si>
  <si>
    <t>BU18960409</t>
  </si>
  <si>
    <t>Landelijk gebied Zwartsluis</t>
  </si>
  <si>
    <t>2021BU18960409</t>
  </si>
  <si>
    <t>buurten.781734cf-66a0-452f-b585-9365406471c7</t>
  </si>
  <si>
    <t>BU18960410</t>
  </si>
  <si>
    <t>Barsbeek</t>
  </si>
  <si>
    <t>2021BU18960410</t>
  </si>
  <si>
    <t>buurten.fd34d21f-03ba-4c0d-8f0f-7b6e358814a5</t>
  </si>
  <si>
    <t>BU18960500</t>
  </si>
  <si>
    <t>WK189605</t>
  </si>
  <si>
    <t>2021BU18960500</t>
  </si>
  <si>
    <t>buurten.fc25c6a1-1def-40d6-aed1-e9f35edd6bab</t>
  </si>
  <si>
    <t>BU19000000</t>
  </si>
  <si>
    <t>Bolsward binnen De Wallen</t>
  </si>
  <si>
    <t>WK190000</t>
  </si>
  <si>
    <t>2021BU19000000</t>
  </si>
  <si>
    <t>buurten.3c7fc6dd-c448-437c-8d74-643562544dde</t>
  </si>
  <si>
    <t>PL1900010003</t>
  </si>
  <si>
    <t>Energiebesparende maatregelen individuen</t>
  </si>
  <si>
    <t>Type buurt is buurt die niet in aanmerking zal komen om van het aardgas af te gaan voor 2030</t>
  </si>
  <si>
    <t>stimuleren van bewoners</t>
  </si>
  <si>
    <t>BU19000001</t>
  </si>
  <si>
    <t>Bolsward-Noord</t>
  </si>
  <si>
    <t>2021BU19000001</t>
  </si>
  <si>
    <t>buurten.a695e3d6-5503-4cdf-ac8f-377a6f200395</t>
  </si>
  <si>
    <t>BU19000002</t>
  </si>
  <si>
    <t>Bolsward-Zuidoost</t>
  </si>
  <si>
    <t>2021BU19000002</t>
  </si>
  <si>
    <t>buurten.d5f8fb8e-fccf-45f7-898d-5a815c38a25b</t>
  </si>
  <si>
    <t>BU19000003</t>
  </si>
  <si>
    <t>Bolsward-Zuidwest</t>
  </si>
  <si>
    <t>2021BU19000003</t>
  </si>
  <si>
    <t>buurten.1680d8c0-0feb-47ec-9a31-f0e4e343b857</t>
  </si>
  <si>
    <t>BU19000004</t>
  </si>
  <si>
    <t>Bolsward-Noordoost</t>
  </si>
  <si>
    <t>2021BU19000004</t>
  </si>
  <si>
    <t>buurten.9928dfe1-8a4d-466c-960d-ae5c183c91fb</t>
  </si>
  <si>
    <t>BU19000009</t>
  </si>
  <si>
    <t>Verspreide huizen Bolsward</t>
  </si>
  <si>
    <t>2021BU19000009</t>
  </si>
  <si>
    <t>buurten.2a373979-e08a-42d0-a017-7bbfa9dabee2</t>
  </si>
  <si>
    <t>BU19000101</t>
  </si>
  <si>
    <t>Sneek binnen de grachten</t>
  </si>
  <si>
    <t>WK190001</t>
  </si>
  <si>
    <t>2021BU19000101</t>
  </si>
  <si>
    <t>buurten.be15571a-4507-4055-8b31-c178729c5f9b</t>
  </si>
  <si>
    <t>BU19000102</t>
  </si>
  <si>
    <t>2021BU19000102</t>
  </si>
  <si>
    <t>buurten.878c7f16-cf81-4d4d-8975-f24859e0e41c</t>
  </si>
  <si>
    <t>BU19000103</t>
  </si>
  <si>
    <t>Hemdijk</t>
  </si>
  <si>
    <t>2021BU19000103</t>
  </si>
  <si>
    <t>buurten.032bebb0-0d5a-4074-b52a-fe7ece472767</t>
  </si>
  <si>
    <t>BU19000104</t>
  </si>
  <si>
    <t>Noorderhoek I</t>
  </si>
  <si>
    <t>2021BU19000104</t>
  </si>
  <si>
    <t>buurten.de373786-abe2-447f-939a-20bbc137f72f</t>
  </si>
  <si>
    <t>BU19000105</t>
  </si>
  <si>
    <t>Noorderhoek II</t>
  </si>
  <si>
    <t>2021BU19000105</t>
  </si>
  <si>
    <t>buurten.e3e48e76-4f02-4ef3-bb61-b6a2200dd472</t>
  </si>
  <si>
    <t>BU19000106</t>
  </si>
  <si>
    <t>Noordoosthoek</t>
  </si>
  <si>
    <t>2021BU19000106</t>
  </si>
  <si>
    <t>buurten.ae578bb7-13dc-4d8c-973b-d6f1211d049d</t>
  </si>
  <si>
    <t>BU19000107</t>
  </si>
  <si>
    <t>Zwetteplan</t>
  </si>
  <si>
    <t>2021BU19000107</t>
  </si>
  <si>
    <t>buurten.ad393831-0239-4f49-99db-038b79a61ea4</t>
  </si>
  <si>
    <t>BU19000108</t>
  </si>
  <si>
    <t>2021BU19000108</t>
  </si>
  <si>
    <t>buurten.1fc22b9f-e0c0-484e-a615-0477396ac843</t>
  </si>
  <si>
    <t>BU19000109</t>
  </si>
  <si>
    <t>Omgeving Leeuwarderweg en bungalowpark</t>
  </si>
  <si>
    <t>2021BU19000109</t>
  </si>
  <si>
    <t>buurten.1d0673fe-a873-4b5d-af84-d6e6f2a42cd9</t>
  </si>
  <si>
    <t>BU19000110</t>
  </si>
  <si>
    <t>Stadsfenne</t>
  </si>
  <si>
    <t>2021BU19000110</t>
  </si>
  <si>
    <t>buurten.fc60b5fc-90cf-498a-aa44-00e7935ae889</t>
  </si>
  <si>
    <t>BU19000111</t>
  </si>
  <si>
    <t>De Domp</t>
  </si>
  <si>
    <t>2021BU19000111</t>
  </si>
  <si>
    <t>buurten.d74227b6-9dfa-4d58-b0dc-b1a9ef8cee4a</t>
  </si>
  <si>
    <t>BU19000112</t>
  </si>
  <si>
    <t>2021BU19000112</t>
  </si>
  <si>
    <t>buurten.fe893f29-5eb5-4051-a736-d5127a4adca5</t>
  </si>
  <si>
    <t>BU19000113</t>
  </si>
  <si>
    <t>Sperkhem en industrieterrein Houkesloot</t>
  </si>
  <si>
    <t>2021BU19000113</t>
  </si>
  <si>
    <t>buurten.7bf4d8d2-03f0-4d18-bb9a-ac2ab8bbbc4c</t>
  </si>
  <si>
    <t>BU19000114</t>
  </si>
  <si>
    <t>Lemmerweg-Oost</t>
  </si>
  <si>
    <t>2021BU19000114</t>
  </si>
  <si>
    <t>buurten.500d0471-935f-4ff1-ad32-433d85d05886</t>
  </si>
  <si>
    <t>BU19000115</t>
  </si>
  <si>
    <t>Lemmerweg-West</t>
  </si>
  <si>
    <t>2021BU19000115</t>
  </si>
  <si>
    <t>buurten.3b8e9806-0838-4cce-8829-5ecbedd25801</t>
  </si>
  <si>
    <t>BU19000116</t>
  </si>
  <si>
    <t>Tinga</t>
  </si>
  <si>
    <t>2021BU19000116</t>
  </si>
  <si>
    <t>buurten.e5aa1298-22ce-4aec-9d48-4039b16d2ef4</t>
  </si>
  <si>
    <t>BU19000117</t>
  </si>
  <si>
    <t>Duinterpen</t>
  </si>
  <si>
    <t>2021BU19000117</t>
  </si>
  <si>
    <t>buurten.11665307-0ba4-41c2-8ff8-38c4fb4576e3</t>
  </si>
  <si>
    <t>BU19000118</t>
  </si>
  <si>
    <t>Offingawier</t>
  </si>
  <si>
    <t>2021BU19000118</t>
  </si>
  <si>
    <t>buurten.87b79e27-f139-4b21-b80f-6e15c851825e</t>
  </si>
  <si>
    <t>BU19000119</t>
  </si>
  <si>
    <t>Loënga</t>
  </si>
  <si>
    <t>2021BU19000119</t>
  </si>
  <si>
    <t>buurten.f0d6accb-a5b7-4704-a327-7840c28ed823</t>
  </si>
  <si>
    <t>BU19000120</t>
  </si>
  <si>
    <t>IJsbrechtum</t>
  </si>
  <si>
    <t>2021BU19000120</t>
  </si>
  <si>
    <t>buurten.2330e86b-5dfa-424b-ad9b-96f9604522d1</t>
  </si>
  <si>
    <t>BU19000200</t>
  </si>
  <si>
    <t>Workum</t>
  </si>
  <si>
    <t>WK190002</t>
  </si>
  <si>
    <t>2021BU19000200</t>
  </si>
  <si>
    <t>buurten.2207e5bb-53a9-40c0-ad8c-736dfc7ecc2f</t>
  </si>
  <si>
    <t>BU19000201</t>
  </si>
  <si>
    <t>Nijhuizum</t>
  </si>
  <si>
    <t>2021BU19000201</t>
  </si>
  <si>
    <t>buurten.82883f54-61cc-4086-9d44-ca72f62a1743</t>
  </si>
  <si>
    <t>BU19000202</t>
  </si>
  <si>
    <t>Hindeloopen</t>
  </si>
  <si>
    <t>2021BU19000202</t>
  </si>
  <si>
    <t>buurten.826064b1-e2f1-4e72-ba51-7e8802bdb162</t>
  </si>
  <si>
    <t>BU19000208</t>
  </si>
  <si>
    <t>Verspreide huizen Workum</t>
  </si>
  <si>
    <t>2021BU19000208</t>
  </si>
  <si>
    <t>buurten.b7c96459-bef2-4b4d-a833-a54cfa4878bd</t>
  </si>
  <si>
    <t>BU19000209</t>
  </si>
  <si>
    <t>Verspreide huizen Hindeloopen</t>
  </si>
  <si>
    <t>2021BU19000209</t>
  </si>
  <si>
    <t>buurten.19273287-fc88-4002-ac7a-8af25d414c5b</t>
  </si>
  <si>
    <t>BU19000300</t>
  </si>
  <si>
    <t>Koudum</t>
  </si>
  <si>
    <t>WK190003</t>
  </si>
  <si>
    <t>2021BU19000300</t>
  </si>
  <si>
    <t>buurten.ab2f09f4-2e08-45bf-980a-40a5a34cc509</t>
  </si>
  <si>
    <t>BU19000301</t>
  </si>
  <si>
    <t>Heidenschap</t>
  </si>
  <si>
    <t>2021BU19000301</t>
  </si>
  <si>
    <t>buurten.f780073c-698a-4683-9955-ecc08e8f788e</t>
  </si>
  <si>
    <t>BU19000302</t>
  </si>
  <si>
    <t>Molkwerum</t>
  </si>
  <si>
    <t>2021BU19000302</t>
  </si>
  <si>
    <t>buurten.d6dfba1d-4c7d-4544-88c7-cda7dab36603</t>
  </si>
  <si>
    <t>BU19000308</t>
  </si>
  <si>
    <t>Verspreide huizen Koudum</t>
  </si>
  <si>
    <t>2021BU19000308</t>
  </si>
  <si>
    <t>buurten.39c3ceef-8bed-4d3b-9da2-2f5ba0040ca9</t>
  </si>
  <si>
    <t>BU19000309</t>
  </si>
  <si>
    <t>Verspreide huizen Molkwerum</t>
  </si>
  <si>
    <t>2021BU19000309</t>
  </si>
  <si>
    <t>buurten.785b5cdb-f243-4c5f-9190-5cb3a7c284a6</t>
  </si>
  <si>
    <t>BU19000400</t>
  </si>
  <si>
    <t>Hemelum</t>
  </si>
  <si>
    <t>WK190004</t>
  </si>
  <si>
    <t>2021BU19000400</t>
  </si>
  <si>
    <t>buurten.a0decf8f-63ca-4e80-a79d-71db8de3b51b</t>
  </si>
  <si>
    <t>BU19000401</t>
  </si>
  <si>
    <t>Warns</t>
  </si>
  <si>
    <t>2021BU19000401</t>
  </si>
  <si>
    <t>buurten.c5fb65f3-6060-4388-a0d8-369b748eb61c</t>
  </si>
  <si>
    <t>BU19000402</t>
  </si>
  <si>
    <t>Scharl</t>
  </si>
  <si>
    <t>2021BU19000402</t>
  </si>
  <si>
    <t>buurten.f57f1d47-cdef-445e-87dd-615268e64be1</t>
  </si>
  <si>
    <t>BU19000403</t>
  </si>
  <si>
    <t>Stavoren</t>
  </si>
  <si>
    <t>2021BU19000403</t>
  </si>
  <si>
    <t>buurten.21cedb4c-6cad-49a5-b7e4-9ec77cc76643</t>
  </si>
  <si>
    <t>BU19000408</t>
  </si>
  <si>
    <t>Verspreide huizen Hemelum</t>
  </si>
  <si>
    <t>2021BU19000408</t>
  </si>
  <si>
    <t>buurten.34f32e10-8c5e-4f5c-91f0-1d7dee02f37d</t>
  </si>
  <si>
    <t>BU19000409</t>
  </si>
  <si>
    <t>Verspreide huizen Stavoren</t>
  </si>
  <si>
    <t>2021BU19000409</t>
  </si>
  <si>
    <t>buurten.79d1e357-cc33-41e1-9998-b8567f9d827c</t>
  </si>
  <si>
    <t>BU19000500</t>
  </si>
  <si>
    <t>Oud IJlst</t>
  </si>
  <si>
    <t>WK190005</t>
  </si>
  <si>
    <t>2021BU19000500</t>
  </si>
  <si>
    <t>buurten.3378c8df-83a5-4da6-bb9f-51f3ad1d997c</t>
  </si>
  <si>
    <t>BU19000501</t>
  </si>
  <si>
    <t>Nijezijl-Roodhem</t>
  </si>
  <si>
    <t>2021BU19000501</t>
  </si>
  <si>
    <t>buurten.0c4d4760-e908-439b-93f0-7b1ffb00d472</t>
  </si>
  <si>
    <t>BU19000502</t>
  </si>
  <si>
    <t>De Rat-Cloosterkamp</t>
  </si>
  <si>
    <t>2021BU19000502</t>
  </si>
  <si>
    <t>buurten.b5e76bff-5af6-4012-96a9-c4c43a406f9f</t>
  </si>
  <si>
    <t>BU19000503</t>
  </si>
  <si>
    <t>Verspreide huizen IJlst</t>
  </si>
  <si>
    <t>2021BU19000503</t>
  </si>
  <si>
    <t>buurten.87851840-3b0a-4ba9-a4d4-671dc5b60b9f</t>
  </si>
  <si>
    <t>BU19000600</t>
  </si>
  <si>
    <t>Heeg</t>
  </si>
  <si>
    <t>WK190006</t>
  </si>
  <si>
    <t>2021BU19000600</t>
  </si>
  <si>
    <t>buurten.fb68ae1f-707b-4b1b-85dc-1da645017439</t>
  </si>
  <si>
    <t>BU19000602</t>
  </si>
  <si>
    <t>Hommerts</t>
  </si>
  <si>
    <t>2021BU19000602</t>
  </si>
  <si>
    <t>buurten.34b0d74a-3724-498a-ae8e-e8188a52dd85</t>
  </si>
  <si>
    <t>BU19000603</t>
  </si>
  <si>
    <t>Jutrijp</t>
  </si>
  <si>
    <t>2021BU19000603</t>
  </si>
  <si>
    <t>buurten.ca4727f9-939e-4f13-bdd3-b4070842656e</t>
  </si>
  <si>
    <t>BU19000607</t>
  </si>
  <si>
    <t>Verspreide huizen Heeg</t>
  </si>
  <si>
    <t>2021BU19000607</t>
  </si>
  <si>
    <t>buurten.9c33f128-2007-4e24-aece-fa6f57406926</t>
  </si>
  <si>
    <t>PL1940010003</t>
  </si>
  <si>
    <t>Elahuizen</t>
  </si>
  <si>
    <t>BU19000608</t>
  </si>
  <si>
    <t>Verspreide huizen Hommerts</t>
  </si>
  <si>
    <t>2021BU19000608</t>
  </si>
  <si>
    <t>buurten.09065369-6808-4be5-a386-8556b0235afa</t>
  </si>
  <si>
    <t>BU19000609</t>
  </si>
  <si>
    <t>Verspreide huizen Jutrijp</t>
  </si>
  <si>
    <t>2021BU19000609</t>
  </si>
  <si>
    <t>buurten.3eb33ec3-8b90-42f8-ae00-98287e5bbb8b</t>
  </si>
  <si>
    <t>BU19000700</t>
  </si>
  <si>
    <t>Scharnegoutum</t>
  </si>
  <si>
    <t>WK190007</t>
  </si>
  <si>
    <t>2021BU19000700</t>
  </si>
  <si>
    <t>buurten.94e4ebe6-4518-436a-b479-d84ab1d70185</t>
  </si>
  <si>
    <t>BU19000701</t>
  </si>
  <si>
    <t>Goënga</t>
  </si>
  <si>
    <t>2021BU19000701</t>
  </si>
  <si>
    <t>buurten.0c69056e-819d-4f79-8348-5163790aba1b</t>
  </si>
  <si>
    <t>BU19000702</t>
  </si>
  <si>
    <t>Gauw</t>
  </si>
  <si>
    <t>2021BU19000702</t>
  </si>
  <si>
    <t>buurten.7c1c33e5-d79c-43c6-a8e9-13da621d9adf</t>
  </si>
  <si>
    <t>BU19000706</t>
  </si>
  <si>
    <t>Verspreide huizen Scharnegoutum</t>
  </si>
  <si>
    <t>2021BU19000706</t>
  </si>
  <si>
    <t>buurten.04c1467f-eb50-45d7-ab67-6a1a35c4661a</t>
  </si>
  <si>
    <t>PL1900010004</t>
  </si>
  <si>
    <t>BU19000707</t>
  </si>
  <si>
    <t>Verspreide huizen Goënga</t>
  </si>
  <si>
    <t>2021BU19000707</t>
  </si>
  <si>
    <t>buurten.57637152-a799-4625-a860-b836ee428ac4</t>
  </si>
  <si>
    <t>BU19000708</t>
  </si>
  <si>
    <t>Verspreide huizen Gauw</t>
  </si>
  <si>
    <t>2021BU19000708</t>
  </si>
  <si>
    <t>buurten.ace5380c-cd7d-4dfe-9061-7cc9d58585fc</t>
  </si>
  <si>
    <t>BU19000800</t>
  </si>
  <si>
    <t>WK190008</t>
  </si>
  <si>
    <t>2021BU19000800</t>
  </si>
  <si>
    <t>buurten.91424514-ad85-49cf-9786-9a2c5185d241</t>
  </si>
  <si>
    <t>BU19000801</t>
  </si>
  <si>
    <t>Gaastmeer</t>
  </si>
  <si>
    <t>2021BU19000801</t>
  </si>
  <si>
    <t>buurten.5b80ae79-7eef-4e32-900b-e33f6f019c60</t>
  </si>
  <si>
    <t>BU19000802</t>
  </si>
  <si>
    <t>Idzega</t>
  </si>
  <si>
    <t>2021BU19000802</t>
  </si>
  <si>
    <t>buurten.023e8d86-b435-444e-bcb2-50079e1f077b</t>
  </si>
  <si>
    <t>BU19000804</t>
  </si>
  <si>
    <t>Sandfirden</t>
  </si>
  <si>
    <t>2021BU19000804</t>
  </si>
  <si>
    <t>buurten.f132315c-9e45-4f61-8984-14b8295d9f20</t>
  </si>
  <si>
    <t>BU19000808</t>
  </si>
  <si>
    <t>Verspreide huizen Oudega</t>
  </si>
  <si>
    <t>2021BU19000808</t>
  </si>
  <si>
    <t>buurten.04d310bf-b721-4b11-bdcc-552313652642</t>
  </si>
  <si>
    <t>BU19000809</t>
  </si>
  <si>
    <t>Verspreide huizen Gaastmeer</t>
  </si>
  <si>
    <t>2021BU19000809</t>
  </si>
  <si>
    <t>buurten.f1ca34cc-4b41-4569-80e2-4ce7dd680921</t>
  </si>
  <si>
    <t>BU19000900</t>
  </si>
  <si>
    <t>Oosthem</t>
  </si>
  <si>
    <t>WK190009</t>
  </si>
  <si>
    <t>2021BU19000900</t>
  </si>
  <si>
    <t>buurten.e58d1d92-6718-42ad-bd10-fd0e0f2f1a3e</t>
  </si>
  <si>
    <t>BU19000901</t>
  </si>
  <si>
    <t>Blauwhuis</t>
  </si>
  <si>
    <t>2021BU19000901</t>
  </si>
  <si>
    <t>buurten.550c0f35-5f83-4f19-a99d-29da3718485b</t>
  </si>
  <si>
    <t>BU19000902</t>
  </si>
  <si>
    <t>Westhem</t>
  </si>
  <si>
    <t>2021BU19000902</t>
  </si>
  <si>
    <t>buurten.d6ca7c97-78f4-41e4-a2e1-5ad66973ebcd</t>
  </si>
  <si>
    <t>BU19000903</t>
  </si>
  <si>
    <t>Abbega</t>
  </si>
  <si>
    <t>2021BU19000903</t>
  </si>
  <si>
    <t>buurten.9e75548b-c69d-45b6-a1ed-b7714bdf3d8a</t>
  </si>
  <si>
    <t>BU19000904</t>
  </si>
  <si>
    <t>Wolsum</t>
  </si>
  <si>
    <t>2021BU19000904</t>
  </si>
  <si>
    <t>buurten.3d4f4482-2a9d-4116-aa76-a6bc9eeb044c</t>
  </si>
  <si>
    <t>BU19000905</t>
  </si>
  <si>
    <t>Greonterp</t>
  </si>
  <si>
    <t>2021BU19000905</t>
  </si>
  <si>
    <t>buurten.843c6e3e-aadc-45b3-84e3-c965abceea95</t>
  </si>
  <si>
    <t>BU19000906</t>
  </si>
  <si>
    <t>Verspreide huizen-Greonterp</t>
  </si>
  <si>
    <t>2021BU19000906</t>
  </si>
  <si>
    <t>buurten.a072c98d-2b1f-4150-8c71-c65cad79484d</t>
  </si>
  <si>
    <t>BU19000907</t>
  </si>
  <si>
    <t>Verspreide huizen-Oosthem</t>
  </si>
  <si>
    <t>2021BU19000907</t>
  </si>
  <si>
    <t>buurten.604799c5-aa05-4bd7-9b49-91c79988c299</t>
  </si>
  <si>
    <t>BU19000908</t>
  </si>
  <si>
    <t>Verspreide huizen Abbega</t>
  </si>
  <si>
    <t>2021BU19000908</t>
  </si>
  <si>
    <t>buurten.6338982a-5141-479f-a1ef-5a0b2561e9e9</t>
  </si>
  <si>
    <t>BU19000909</t>
  </si>
  <si>
    <t>Verspreide huizen Wolsum</t>
  </si>
  <si>
    <t>2021BU19000909</t>
  </si>
  <si>
    <t>buurten.51d18fb0-61fe-42e9-b94d-4e4f40a17ca1</t>
  </si>
  <si>
    <t>BU19001000</t>
  </si>
  <si>
    <t>Tirns</t>
  </si>
  <si>
    <t>WK190010</t>
  </si>
  <si>
    <t>2021BU19001000</t>
  </si>
  <si>
    <t>buurten.7b4185b3-c756-4300-967b-c1774cea54a3</t>
  </si>
  <si>
    <t>BU19001001</t>
  </si>
  <si>
    <t>Nijland</t>
  </si>
  <si>
    <t>2021BU19001001</t>
  </si>
  <si>
    <t>buurten.34e38766-10f3-429b-8d69-c9c0c11c4566</t>
  </si>
  <si>
    <t>BU19001002</t>
  </si>
  <si>
    <t>Folsgare</t>
  </si>
  <si>
    <t>2021BU19001002</t>
  </si>
  <si>
    <t>buurten.764d8595-0085-4359-8ee7-8bf45a190507</t>
  </si>
  <si>
    <t>BU19001003</t>
  </si>
  <si>
    <t>Tjalhuizum</t>
  </si>
  <si>
    <t>2021BU19001003</t>
  </si>
  <si>
    <t>buurten.4cfb9719-be1d-417b-94b5-9b5020f62875</t>
  </si>
  <si>
    <t>BU19001007</t>
  </si>
  <si>
    <t>Verspreide huizen Tirns</t>
  </si>
  <si>
    <t>2021BU19001007</t>
  </si>
  <si>
    <t>buurten.723c0949-e005-4a5b-bc01-414fe140a7c1</t>
  </si>
  <si>
    <t>BU19001008</t>
  </si>
  <si>
    <t>Verspreide huizen Nijland</t>
  </si>
  <si>
    <t>2021BU19001008</t>
  </si>
  <si>
    <t>buurten.1f1ed22c-b9ee-48da-8933-0fc3c6f75801</t>
  </si>
  <si>
    <t>BU19001100</t>
  </si>
  <si>
    <t>Oppenhuizen</t>
  </si>
  <si>
    <t>WK190011</t>
  </si>
  <si>
    <t>2021BU19001100</t>
  </si>
  <si>
    <t>buurten.ab2b0875-1c00-49dd-90f4-983e7f377c22</t>
  </si>
  <si>
    <t>BU19001101</t>
  </si>
  <si>
    <t>Uitwellingerga</t>
  </si>
  <si>
    <t>2021BU19001101</t>
  </si>
  <si>
    <t>buurten.0514ea15-32f5-4a9a-afbc-3f45487cf5bd</t>
  </si>
  <si>
    <t>PL1940010004</t>
  </si>
  <si>
    <t>Boornzwaag</t>
  </si>
  <si>
    <t>BU19001108</t>
  </si>
  <si>
    <t>Verspreide huizen Oppenhuizen</t>
  </si>
  <si>
    <t>2021BU19001108</t>
  </si>
  <si>
    <t>buurten.c9de3b2a-0d35-446d-b10f-5601028c1859</t>
  </si>
  <si>
    <t>BU19001109</t>
  </si>
  <si>
    <t>2021BU19001109</t>
  </si>
  <si>
    <t>buurten.1ec80e1d-077d-43fa-88c5-b1ad1ab7d5ac</t>
  </si>
  <si>
    <t>BU19001200</t>
  </si>
  <si>
    <t>Woudsend</t>
  </si>
  <si>
    <t>WK190012</t>
  </si>
  <si>
    <t>2021BU19001200</t>
  </si>
  <si>
    <t>buurten.14be9217-b893-4c45-b112-7137e22a0406</t>
  </si>
  <si>
    <t>BU19001201</t>
  </si>
  <si>
    <t>Indijk</t>
  </si>
  <si>
    <t>2021BU19001201</t>
  </si>
  <si>
    <t>buurten.793b35fd-65f1-49ff-aac8-ac8630175622</t>
  </si>
  <si>
    <t>BU19001202</t>
  </si>
  <si>
    <t>IJpecolsga</t>
  </si>
  <si>
    <t>2021BU19001202</t>
  </si>
  <si>
    <t>buurten.0b6f5998-b7d4-462f-8195-93992895d09d</t>
  </si>
  <si>
    <t>Balk</t>
  </si>
  <si>
    <t>zie documentdoel</t>
  </si>
  <si>
    <t>BU19001203</t>
  </si>
  <si>
    <t>Smallebrugge</t>
  </si>
  <si>
    <t>2021BU19001203</t>
  </si>
  <si>
    <t>buurten.0325fc15-bede-4172-9247-c25366c78a4d</t>
  </si>
  <si>
    <t>BU19001204</t>
  </si>
  <si>
    <t>Koufurderrige</t>
  </si>
  <si>
    <t>2021BU19001204</t>
  </si>
  <si>
    <t>buurten.03f15edd-74ae-413b-b7b6-7f043f5622d7</t>
  </si>
  <si>
    <t>BU19001208</t>
  </si>
  <si>
    <t>Verspreide huizen Woudsend</t>
  </si>
  <si>
    <t>2021BU19001208</t>
  </si>
  <si>
    <t>buurten.ef8629bc-be8b-4215-a8af-03b5c91b9dcf</t>
  </si>
  <si>
    <t>BU19001209</t>
  </si>
  <si>
    <t>Verspreide huizen Koufurderrige</t>
  </si>
  <si>
    <t>2021BU19001209</t>
  </si>
  <si>
    <t>buurten.d7a6f06c-306e-4d64-a937-93e8de669c82</t>
  </si>
  <si>
    <t>BU19001300</t>
  </si>
  <si>
    <t>Witmarsum</t>
  </si>
  <si>
    <t>WK190013</t>
  </si>
  <si>
    <t>2021BU19001300</t>
  </si>
  <si>
    <t>buurten.b0ceb809-2bfc-4835-b0fe-09ddfc6c1bb3</t>
  </si>
  <si>
    <t>BU19001301</t>
  </si>
  <si>
    <t>Pingjum</t>
  </si>
  <si>
    <t>2021BU19001301</t>
  </si>
  <si>
    <t>buurten.ebd47f4d-c7e8-42a2-86af-9cfffae3a68d</t>
  </si>
  <si>
    <t>BU19001302</t>
  </si>
  <si>
    <t>Kimswerd</t>
  </si>
  <si>
    <t>2021BU19001302</t>
  </si>
  <si>
    <t>buurten.c84aba59-245b-4187-8678-ad8cef65b87b</t>
  </si>
  <si>
    <t>BU19001303</t>
  </si>
  <si>
    <t>Arum</t>
  </si>
  <si>
    <t>2021BU19001303</t>
  </si>
  <si>
    <t>buurten.2e09bc67-4cd5-4c73-b0cc-da574f807e2f</t>
  </si>
  <si>
    <t>BU19001306</t>
  </si>
  <si>
    <t>Verspreide huizen Witmarsum</t>
  </si>
  <si>
    <t>2021BU19001306</t>
  </si>
  <si>
    <t>buurten.adaf08e8-57f2-4f4f-9b5c-fd440eb7b23e</t>
  </si>
  <si>
    <t>BU19001307</t>
  </si>
  <si>
    <t>Verspreide huizen Pingjum</t>
  </si>
  <si>
    <t>2021BU19001307</t>
  </si>
  <si>
    <t>buurten.bc66b821-d8d6-439a-8b09-6908c155212e</t>
  </si>
  <si>
    <t>BU19001308</t>
  </si>
  <si>
    <t>Verspreide huizen Kimswerd</t>
  </si>
  <si>
    <t>2021BU19001308</t>
  </si>
  <si>
    <t>buurten.23661761-8627-490b-9e22-e9c50862a375</t>
  </si>
  <si>
    <t>BU19001309</t>
  </si>
  <si>
    <t>Verspreide huizen Arum</t>
  </si>
  <si>
    <t>2021BU19001309</t>
  </si>
  <si>
    <t>buurten.bb86304a-16ee-4870-95b4-b55608fb7a7d</t>
  </si>
  <si>
    <t>BU19001400</t>
  </si>
  <si>
    <t>Lollum</t>
  </si>
  <si>
    <t>WK190014</t>
  </si>
  <si>
    <t>2021BU19001400</t>
  </si>
  <si>
    <t>buurten.5a8efa6e-c75b-4544-b7e1-d0038d7be523</t>
  </si>
  <si>
    <t>BU19001401</t>
  </si>
  <si>
    <t>Burgwerd</t>
  </si>
  <si>
    <t>2021BU19001401</t>
  </si>
  <si>
    <t>buurten.9730230a-3727-45a9-abf5-3a1e0bafad9d</t>
  </si>
  <si>
    <t>BU19001402</t>
  </si>
  <si>
    <t>Hartwerd</t>
  </si>
  <si>
    <t>2021BU19001402</t>
  </si>
  <si>
    <t>buurten.e615622a-c579-486c-b389-a35e7aaa47df</t>
  </si>
  <si>
    <t>BU19001403</t>
  </si>
  <si>
    <t>Hichtum</t>
  </si>
  <si>
    <t>2021BU19001403</t>
  </si>
  <si>
    <t>buurten.c187b477-124d-40e5-9da0-e7f9b18a573d</t>
  </si>
  <si>
    <t>BU19001404</t>
  </si>
  <si>
    <t>Schettens</t>
  </si>
  <si>
    <t>2021BU19001404</t>
  </si>
  <si>
    <t>buurten.5b5c4a9e-830a-4e50-b456-3b0efaca8938</t>
  </si>
  <si>
    <t>BU19001405</t>
  </si>
  <si>
    <t>Longerhouw</t>
  </si>
  <si>
    <t>2021BU19001405</t>
  </si>
  <si>
    <t>buurten.4f1100cd-d0e0-447d-a887-5c16ed24a539</t>
  </si>
  <si>
    <t>BU19001406</t>
  </si>
  <si>
    <t>Schraard</t>
  </si>
  <si>
    <t>2021BU19001406</t>
  </si>
  <si>
    <t>buurten.bebc2a68-df76-41d5-99f2-57d59fcde893</t>
  </si>
  <si>
    <t>BU19001407</t>
  </si>
  <si>
    <t>Verspreide huizen Lollum</t>
  </si>
  <si>
    <t>2021BU19001407</t>
  </si>
  <si>
    <t>buurten.998dd916-4f7e-4709-85bf-127d182698a9</t>
  </si>
  <si>
    <t>BU19001408</t>
  </si>
  <si>
    <t>Verspreide huizen Burgwerd</t>
  </si>
  <si>
    <t>2021BU19001408</t>
  </si>
  <si>
    <t>buurten.00c95940-39e0-4261-a448-08bfdf67f1ab</t>
  </si>
  <si>
    <t>BU19001409</t>
  </si>
  <si>
    <t>Verspreide huizen Schettens</t>
  </si>
  <si>
    <t>2021BU19001409</t>
  </si>
  <si>
    <t>buurten.0210dc75-ef40-4a47-a4e1-0c79d641390c</t>
  </si>
  <si>
    <t>BU19001500</t>
  </si>
  <si>
    <t>Zurich</t>
  </si>
  <si>
    <t>WK190015</t>
  </si>
  <si>
    <t>2021BU19001500</t>
  </si>
  <si>
    <t>buurten.5ade643a-8e95-4256-83a1-711720a395f1</t>
  </si>
  <si>
    <t>BU19001501</t>
  </si>
  <si>
    <t>Wons</t>
  </si>
  <si>
    <t>2021BU19001501</t>
  </si>
  <si>
    <t>buurten.ca7d379d-b0a2-45b4-b004-0114ecc590d3</t>
  </si>
  <si>
    <t>BU19001502</t>
  </si>
  <si>
    <t>Cornwerd</t>
  </si>
  <si>
    <t>2021BU19001502</t>
  </si>
  <si>
    <t>buurten.b2701d7e-3e05-4ee3-bdf4-7e9f8a43101a</t>
  </si>
  <si>
    <t>BU19001503</t>
  </si>
  <si>
    <t>Kornwerderzand</t>
  </si>
  <si>
    <t>2021BU19001503</t>
  </si>
  <si>
    <t>buurten.cf07e25a-298b-4953-9729-2069210989c9</t>
  </si>
  <si>
    <t>BU19001509</t>
  </si>
  <si>
    <t>Verspreide huizen Zurich</t>
  </si>
  <si>
    <t>2021BU19001509</t>
  </si>
  <si>
    <t>buurten.bc9782c4-cd7e-49fc-9a89-31eee15732a0</t>
  </si>
  <si>
    <t>BU19001600</t>
  </si>
  <si>
    <t>Parrega</t>
  </si>
  <si>
    <t>WK190016</t>
  </si>
  <si>
    <t>2021BU19001600</t>
  </si>
  <si>
    <t>buurten.c0bc938c-4c46-4a15-a4e9-37922d8157e3</t>
  </si>
  <si>
    <t>BU19001601</t>
  </si>
  <si>
    <t>Hieslum</t>
  </si>
  <si>
    <t>2021BU19001601</t>
  </si>
  <si>
    <t>buurten.4df06f1e-b36a-4ac1-844d-96690b199fb0</t>
  </si>
  <si>
    <t>BU19001602</t>
  </si>
  <si>
    <t>Dedgum</t>
  </si>
  <si>
    <t>2021BU19001602</t>
  </si>
  <si>
    <t>buurten.0d48aade-eeb5-4a26-812f-a2334cc20907</t>
  </si>
  <si>
    <t>BU19001603</t>
  </si>
  <si>
    <t>Tjerkwerd</t>
  </si>
  <si>
    <t>2021BU19001603</t>
  </si>
  <si>
    <t>buurten.c3c0804f-8229-4caa-a9f0-4bf14a843376</t>
  </si>
  <si>
    <t>BU19001604</t>
  </si>
  <si>
    <t>Exmorra</t>
  </si>
  <si>
    <t>2021BU19001604</t>
  </si>
  <si>
    <t>buurten.02073f72-3082-447b-a870-a7ae6e16e0a9</t>
  </si>
  <si>
    <t>BU19001606</t>
  </si>
  <si>
    <t>Verspreide huizen Parrega</t>
  </si>
  <si>
    <t>2021BU19001606</t>
  </si>
  <si>
    <t>buurten.408a1e83-be48-4592-94cc-bcff716cfce8</t>
  </si>
  <si>
    <t>BU19001607</t>
  </si>
  <si>
    <t>Verspreide huizen Tjerkwerd</t>
  </si>
  <si>
    <t>2021BU19001607</t>
  </si>
  <si>
    <t>buurten.44ff4281-85d6-45ad-8a46-3ed9f0e9e31f</t>
  </si>
  <si>
    <t>BU19001608</t>
  </si>
  <si>
    <t>Verspreide huizen Exmorra</t>
  </si>
  <si>
    <t>2021BU19001608</t>
  </si>
  <si>
    <t>buurten.5c013b5e-efb6-4b13-8f36-1cad8606c532</t>
  </si>
  <si>
    <t>BU19001700</t>
  </si>
  <si>
    <t>Makkum</t>
  </si>
  <si>
    <t>WK190017</t>
  </si>
  <si>
    <t>2021BU19001700</t>
  </si>
  <si>
    <t>buurten.8f16c7b6-d254-4d41-9f6c-6b40b4cd526d</t>
  </si>
  <si>
    <t>BU19001709</t>
  </si>
  <si>
    <t>Verspreide huizen Makkum</t>
  </si>
  <si>
    <t>2021BU19001709</t>
  </si>
  <si>
    <t>buurten.fbbb4959-966a-4d1a-a747-faf73f1d0bcd</t>
  </si>
  <si>
    <t>BU19001800</t>
  </si>
  <si>
    <t>Idsegahuizum</t>
  </si>
  <si>
    <t>WK190018</t>
  </si>
  <si>
    <t>2021BU19001800</t>
  </si>
  <si>
    <t>buurten.079d3d49-c424-4250-b32b-991081f1dcca</t>
  </si>
  <si>
    <t>BU19001801</t>
  </si>
  <si>
    <t>Allingawier</t>
  </si>
  <si>
    <t>2021BU19001801</t>
  </si>
  <si>
    <t>buurten.6a481759-b7d3-4491-b26a-79564000887d</t>
  </si>
  <si>
    <t>BU19001802</t>
  </si>
  <si>
    <t>Piaam</t>
  </si>
  <si>
    <t>2021BU19001802</t>
  </si>
  <si>
    <t>buurten.39a47da4-d977-46b9-885f-0b7af6b8b32d</t>
  </si>
  <si>
    <t>BU19001803</t>
  </si>
  <si>
    <t>Gaast</t>
  </si>
  <si>
    <t>2021BU19001803</t>
  </si>
  <si>
    <t>buurten.6fe35267-3031-40ec-94a2-bfd81fbc4f0a</t>
  </si>
  <si>
    <t>BU19001804</t>
  </si>
  <si>
    <t>Ferwoude</t>
  </si>
  <si>
    <t>2021BU19001804</t>
  </si>
  <si>
    <t>buurten.4c862f2a-a9a1-4937-a3dd-7a75ef326cea</t>
  </si>
  <si>
    <t>BU19001808</t>
  </si>
  <si>
    <t>Verspreide huizen Ferwoude</t>
  </si>
  <si>
    <t>2021BU19001808</t>
  </si>
  <si>
    <t>buurten.55f884ae-1ce5-4b38-913a-ae9e7dcde683</t>
  </si>
  <si>
    <t>BU19001809</t>
  </si>
  <si>
    <t>Verspreide huizen Gaast</t>
  </si>
  <si>
    <t>2021BU19001809</t>
  </si>
  <si>
    <t>buurten.de4c8a2c-acdd-4edd-8837-f6408ee48ec9</t>
  </si>
  <si>
    <t>BU19001900</t>
  </si>
  <si>
    <t>Raerd</t>
  </si>
  <si>
    <t>WK190019</t>
  </si>
  <si>
    <t>2021BU19001900</t>
  </si>
  <si>
    <t>buurten.779cfee2-dce1-41be-80bd-9ce0fb65925f</t>
  </si>
  <si>
    <t>BU19001901</t>
  </si>
  <si>
    <t>Poppenwier</t>
  </si>
  <si>
    <t>2021BU19001901</t>
  </si>
  <si>
    <t>buurten.4b90081b-d90b-400f-b68a-6ce65ab71e05</t>
  </si>
  <si>
    <t>BU19001902</t>
  </si>
  <si>
    <t>Sibrandabuorren</t>
  </si>
  <si>
    <t>2021BU19001902</t>
  </si>
  <si>
    <t>buurten.8188e301-8711-4a40-873f-aaa3eba0fb11</t>
  </si>
  <si>
    <t>BU19001903</t>
  </si>
  <si>
    <t>Tersoal</t>
  </si>
  <si>
    <t>2021BU19001903</t>
  </si>
  <si>
    <t>buurten.e175c351-7643-4696-9c12-18170a1515dc</t>
  </si>
  <si>
    <t>BU19001904</t>
  </si>
  <si>
    <t>Dearsum</t>
  </si>
  <si>
    <t>2021BU19001904</t>
  </si>
  <si>
    <t>buurten.284e5c41-20b3-43ad-b649-81dc4e6eac56</t>
  </si>
  <si>
    <t>Groen gas onderzoek Dearsum</t>
  </si>
  <si>
    <t>BU19002001</t>
  </si>
  <si>
    <t>Wommels</t>
  </si>
  <si>
    <t>WK190020</t>
  </si>
  <si>
    <t>2021BU19002001</t>
  </si>
  <si>
    <t>buurten.ee6309da-5a2c-4f36-b147-f25d13624008</t>
  </si>
  <si>
    <t>BU19002002</t>
  </si>
  <si>
    <t>Easterein</t>
  </si>
  <si>
    <t>2021BU19002002</t>
  </si>
  <si>
    <t>buurten.0f8d8e35-157e-4dc5-9ae9-a20d5f775e42</t>
  </si>
  <si>
    <t>BU19002003</t>
  </si>
  <si>
    <t>Hinnaard</t>
  </si>
  <si>
    <t>2021BU19002003</t>
  </si>
  <si>
    <t>buurten.d2f309bb-6886-404a-a421-dec85b149cee</t>
  </si>
  <si>
    <t>BU19002004</t>
  </si>
  <si>
    <t>Itens</t>
  </si>
  <si>
    <t>2021BU19002004</t>
  </si>
  <si>
    <t>buurten.17e5b744-baaa-4851-841d-44cb5033f659</t>
  </si>
  <si>
    <t>BU19002005</t>
  </si>
  <si>
    <t>Rien</t>
  </si>
  <si>
    <t>2021BU19002005</t>
  </si>
  <si>
    <t>buurten.38629355-16fb-4c9b-9a48-6cabaf749a2b</t>
  </si>
  <si>
    <t>BU19002006</t>
  </si>
  <si>
    <t>Lytsewierrum</t>
  </si>
  <si>
    <t>2021BU19002006</t>
  </si>
  <si>
    <t>buurten.8745f856-abf0-466c-96d1-d2e475966197</t>
  </si>
  <si>
    <t>BU19002007</t>
  </si>
  <si>
    <t>Hidaard</t>
  </si>
  <si>
    <t>2021BU19002007</t>
  </si>
  <si>
    <t>buurten.1d8560ab-c6a1-4510-be41-787a6eedfb13</t>
  </si>
  <si>
    <t>BU19002008</t>
  </si>
  <si>
    <t>Reahûs</t>
  </si>
  <si>
    <t>2021BU19002008</t>
  </si>
  <si>
    <t>buurten.74362203-1264-4c8d-9a2a-f9e970fa5f5c</t>
  </si>
  <si>
    <t>BU19002009</t>
  </si>
  <si>
    <t>Verspreide huizen Wommels</t>
  </si>
  <si>
    <t>2021BU19002009</t>
  </si>
  <si>
    <t>buurten.7cde13bb-daef-4c90-b7aa-fd0264ddaf5f</t>
  </si>
  <si>
    <t>BU19002010</t>
  </si>
  <si>
    <t>Verspreide huizen Easterein</t>
  </si>
  <si>
    <t>2021BU19002010</t>
  </si>
  <si>
    <t>buurten.9962649b-310a-4583-b6c1-5443ae90b637</t>
  </si>
  <si>
    <t>BU19002011</t>
  </si>
  <si>
    <t>Iens</t>
  </si>
  <si>
    <t>2021BU19002011</t>
  </si>
  <si>
    <t>buurten.6979266d-4a1f-414d-88d8-b94e9f4aa070</t>
  </si>
  <si>
    <t>BU19002012</t>
  </si>
  <si>
    <t>Kûbaard</t>
  </si>
  <si>
    <t>2021BU19002012</t>
  </si>
  <si>
    <t>buurten.e1e152b4-3824-49b6-841b-0c4aeb757674</t>
  </si>
  <si>
    <t>BU19002013</t>
  </si>
  <si>
    <t>Waaksens</t>
  </si>
  <si>
    <t>2021BU19002013</t>
  </si>
  <si>
    <t>buurten.0b22ea47-29e3-4cb4-8b6d-0539b6ae55e8</t>
  </si>
  <si>
    <t>BU19002014</t>
  </si>
  <si>
    <t>Verspreide huizen Kûbaard</t>
  </si>
  <si>
    <t>2021BU19002014</t>
  </si>
  <si>
    <t>buurten.8788f794-5342-4396-812f-b85db3fe8285</t>
  </si>
  <si>
    <t>BU19002015</t>
  </si>
  <si>
    <t>Britswert</t>
  </si>
  <si>
    <t>2021BU19002015</t>
  </si>
  <si>
    <t>buurten.1d5eaf44-4730-433c-b4c8-39811794befc</t>
  </si>
  <si>
    <t>BU19002016</t>
  </si>
  <si>
    <t>Wiuwert</t>
  </si>
  <si>
    <t>2021BU19002016</t>
  </si>
  <si>
    <t>buurten.bc56b945-7b88-4399-a131-325db33a7285</t>
  </si>
  <si>
    <t>BU19002017</t>
  </si>
  <si>
    <t>Boazum</t>
  </si>
  <si>
    <t>2021BU19002017</t>
  </si>
  <si>
    <t>buurten.f725cb93-b4cd-42a8-93ec-22d1ee2e3ad3</t>
  </si>
  <si>
    <t>BU19002018</t>
  </si>
  <si>
    <t>Easterwierrum</t>
  </si>
  <si>
    <t>2021BU19002018</t>
  </si>
  <si>
    <t>buurten.a8844673-4a87-42e7-8973-e16bcd400f2a</t>
  </si>
  <si>
    <t>BU19002019</t>
  </si>
  <si>
    <t>Verspreide huizen Boazum</t>
  </si>
  <si>
    <t>2021BU19002019</t>
  </si>
  <si>
    <t>buurten.4001f96c-b9c6-468c-b0e1-f924fe5c467a</t>
  </si>
  <si>
    <t>BU19010101</t>
  </si>
  <si>
    <t>Meije</t>
  </si>
  <si>
    <t>WK190101</t>
  </si>
  <si>
    <t>2021BU19010101</t>
  </si>
  <si>
    <t>buurten.22213381-6578-4f1c-8601-0efd36f83af2</t>
  </si>
  <si>
    <t>BU19010102</t>
  </si>
  <si>
    <t>Buitengebied-Noord</t>
  </si>
  <si>
    <t>2021BU19010102</t>
  </si>
  <si>
    <t>buurten.50a28652-61f2-4bc0-b2a5-89a92525b7d2</t>
  </si>
  <si>
    <t>BU19010103</t>
  </si>
  <si>
    <t>Vijverwijk</t>
  </si>
  <si>
    <t>2021BU19010103</t>
  </si>
  <si>
    <t>buurten.c28b832d-8dec-40e4-bc33-90dc44a83181</t>
  </si>
  <si>
    <t>BU19010104</t>
  </si>
  <si>
    <t>2021BU19010104</t>
  </si>
  <si>
    <t>buurten.ee66eab0-095a-4780-97a7-45c85ccb5fc2</t>
  </si>
  <si>
    <t>BU19010105</t>
  </si>
  <si>
    <t>2021BU19010105</t>
  </si>
  <si>
    <t>buurten.5ca67d2c-82ad-41a1-a863-de9fe01a5d64</t>
  </si>
  <si>
    <t>BU19010106</t>
  </si>
  <si>
    <t>Heining en Dam</t>
  </si>
  <si>
    <t>2021BU19010106</t>
  </si>
  <si>
    <t>buurten.92923b20-fd66-4bd9-a5a4-3b2ba77811a6</t>
  </si>
  <si>
    <t>BU19010201</t>
  </si>
  <si>
    <t>Dammekant</t>
  </si>
  <si>
    <t>WK190102</t>
  </si>
  <si>
    <t>2021BU19010201</t>
  </si>
  <si>
    <t>buurten.2aa97027-f8b8-4760-8742-10b44469703a</t>
  </si>
  <si>
    <t>BU19010202</t>
  </si>
  <si>
    <t>Rijnhoek</t>
  </si>
  <si>
    <t>2021BU19010202</t>
  </si>
  <si>
    <t>buurten.24edfcdc-5fac-4107-bf8d-51af9f4bbdae</t>
  </si>
  <si>
    <t>BU19010203</t>
  </si>
  <si>
    <t>Binnenpolder</t>
  </si>
  <si>
    <t>2021BU19010203</t>
  </si>
  <si>
    <t>buurten.280d4506-84a8-457c-8808-8277101dd2fc</t>
  </si>
  <si>
    <t>BU19010204</t>
  </si>
  <si>
    <t>Oud-Bodegraven</t>
  </si>
  <si>
    <t>2021BU19010204</t>
  </si>
  <si>
    <t>buurten.c26d97a4-66ec-46ec-b80a-0b5d16134a20</t>
  </si>
  <si>
    <t>BU19010205</t>
  </si>
  <si>
    <t>2021BU19010205</t>
  </si>
  <si>
    <t>buurten.5c191fb2-42bc-40cd-afe2-257d9509bba0</t>
  </si>
  <si>
    <t>BU19010206</t>
  </si>
  <si>
    <t>2021BU19010206</t>
  </si>
  <si>
    <t>buurten.84a30279-9b5d-44fe-8304-4703baa0e398</t>
  </si>
  <si>
    <t>BU19010207</t>
  </si>
  <si>
    <t>Dronenhoek</t>
  </si>
  <si>
    <t>2021BU19010207</t>
  </si>
  <si>
    <t>buurten.8134c46c-98c0-4f2d-90e1-ccb9ccc25e25</t>
  </si>
  <si>
    <t>BU19010209</t>
  </si>
  <si>
    <t>Dronenwijk-Noord</t>
  </si>
  <si>
    <t>2021BU19010209</t>
  </si>
  <si>
    <t>buurten.e7ae372f-2917-474d-9bad-fbefc872d2a6</t>
  </si>
  <si>
    <t>BU19010210</t>
  </si>
  <si>
    <t>Dronenwijk-Zuid</t>
  </si>
  <si>
    <t>2021BU19010210</t>
  </si>
  <si>
    <t>buurten.ebebcbf7-fa00-4cc9-90c0-59fc8d41c98f</t>
  </si>
  <si>
    <t>BU19010211</t>
  </si>
  <si>
    <t>Elzenhof</t>
  </si>
  <si>
    <t>2021BU19010211</t>
  </si>
  <si>
    <t>buurten.d8ece4ec-3605-4801-8769-e55d31a74995</t>
  </si>
  <si>
    <t>BU19010212</t>
  </si>
  <si>
    <t>Broekvelden-Noord</t>
  </si>
  <si>
    <t>2021BU19010212</t>
  </si>
  <si>
    <t>buurten.10befa1a-a474-472d-9fef-7993fb466a2d</t>
  </si>
  <si>
    <t>BU19010213</t>
  </si>
  <si>
    <t>Broekvelden-Zuid</t>
  </si>
  <si>
    <t>2021BU19010213</t>
  </si>
  <si>
    <t>buurten.1fbeb218-b932-4af8-aba7-c66c8b52e6cd</t>
  </si>
  <si>
    <t>BU19010214</t>
  </si>
  <si>
    <t>Broekvelden-Noordoost</t>
  </si>
  <si>
    <t>2021BU19010214</t>
  </si>
  <si>
    <t>buurten.4bc122f6-2889-4e1e-90a8-45ae2c6a1538</t>
  </si>
  <si>
    <t>BU19010215</t>
  </si>
  <si>
    <t>Broekvelden-Zuidoost</t>
  </si>
  <si>
    <t>2021BU19010215</t>
  </si>
  <si>
    <t>buurten.1842c8ae-66c9-49c6-b307-edb8bc90bb57</t>
  </si>
  <si>
    <t>BU19010216</t>
  </si>
  <si>
    <t>Broekvelden-Groote Wetering</t>
  </si>
  <si>
    <t>2021BU19010216</t>
  </si>
  <si>
    <t>buurten.261053ad-6bb4-405f-8932-785dbd22e3a8</t>
  </si>
  <si>
    <t>BU19010217</t>
  </si>
  <si>
    <t>Weideveld</t>
  </si>
  <si>
    <t>2021BU19010217</t>
  </si>
  <si>
    <t>buurten.e18e0006-070c-4eeb-a29f-fac247a866d4</t>
  </si>
  <si>
    <t>BU19010218</t>
  </si>
  <si>
    <t>Zuidzijde</t>
  </si>
  <si>
    <t>2021BU19010218</t>
  </si>
  <si>
    <t>buurten.94507bc1-4179-4d31-a157-1c5c70e9a59a</t>
  </si>
  <si>
    <t>BU19010219</t>
  </si>
  <si>
    <t>Beijenveld</t>
  </si>
  <si>
    <t>2021BU19010219</t>
  </si>
  <si>
    <t>buurten.c6d2167e-e3eb-4b2a-b233-cc23d5de2aa0</t>
  </si>
  <si>
    <t>BU19010220</t>
  </si>
  <si>
    <t>2021BU19010220</t>
  </si>
  <si>
    <t>buurten.bd11fde4-e457-4f69-8feb-fe09efc6008f</t>
  </si>
  <si>
    <t>BU19010301</t>
  </si>
  <si>
    <t>Nieuwerbrug aan den Rijn buitengebied</t>
  </si>
  <si>
    <t>WK190103</t>
  </si>
  <si>
    <t>2021BU19010301</t>
  </si>
  <si>
    <t>buurten.14d6876d-fd24-4515-9ece-3d5b9122e86d</t>
  </si>
  <si>
    <t>BU19010302</t>
  </si>
  <si>
    <t>Nieuwerbrug aan den Rijn Kern</t>
  </si>
  <si>
    <t>2021BU19010302</t>
  </si>
  <si>
    <t>buurten.441bf235-9330-482f-a32d-26aa0e61e3ad</t>
  </si>
  <si>
    <t>BU19010401</t>
  </si>
  <si>
    <t>Randenburg</t>
  </si>
  <si>
    <t>WK190104</t>
  </si>
  <si>
    <t>2021BU19010401</t>
  </si>
  <si>
    <t>buurten.3f1d0b58-221e-496e-9f31-ff92ff60127f</t>
  </si>
  <si>
    <t>BU19010402</t>
  </si>
  <si>
    <t>2021BU19010402</t>
  </si>
  <si>
    <t>buurten.9b2af63b-01bc-4851-a73e-7825ae00503c</t>
  </si>
  <si>
    <t>BU19010403</t>
  </si>
  <si>
    <t>2021BU19010403</t>
  </si>
  <si>
    <t>buurten.cb91a95e-898b-485c-98a0-1737303d7226</t>
  </si>
  <si>
    <t>BU19010404</t>
  </si>
  <si>
    <t>Reeuwijk-Dorp Kern</t>
  </si>
  <si>
    <t>2021BU19010404</t>
  </si>
  <si>
    <t>buurten.8383037c-01d2-4acf-b153-d99dd4f83012</t>
  </si>
  <si>
    <t>BU19010405</t>
  </si>
  <si>
    <t>Oud-Reeuwijk</t>
  </si>
  <si>
    <t>2021BU19010405</t>
  </si>
  <si>
    <t>buurten.3f02dfc3-b800-473a-a5c3-bbe6d049cdfd</t>
  </si>
  <si>
    <t>BU19010501</t>
  </si>
  <si>
    <t>Reeuwijkse Poort</t>
  </si>
  <si>
    <t>WK190105</t>
  </si>
  <si>
    <t>2021BU19010501</t>
  </si>
  <si>
    <t>buurten.5e7b122b-0dd4-448c-8567-e033a7eb8ed1</t>
  </si>
  <si>
    <t>BU19010502</t>
  </si>
  <si>
    <t>Reeuwijk-Brug-Noord</t>
  </si>
  <si>
    <t>2021BU19010502</t>
  </si>
  <si>
    <t>buurten.e5bf0c83-5930-42da-80dc-54cac9636e75</t>
  </si>
  <si>
    <t>BU19010503</t>
  </si>
  <si>
    <t>Reeuwijk-Brug-Midden</t>
  </si>
  <si>
    <t>2021BU19010503</t>
  </si>
  <si>
    <t>buurten.b89bfadd-71c8-431d-881b-cd2d85cc5985</t>
  </si>
  <si>
    <t>BU19010504</t>
  </si>
  <si>
    <t>Reeuwijk-Brug-Zuidwest</t>
  </si>
  <si>
    <t>2021BU19010504</t>
  </si>
  <si>
    <t>buurten.dbbd1567-a9f8-4b04-8541-04369d32918f</t>
  </si>
  <si>
    <t>BU19010505</t>
  </si>
  <si>
    <t>Zoutman</t>
  </si>
  <si>
    <t>2021BU19010505</t>
  </si>
  <si>
    <t>buurten.c1f83961-39d7-4056-a683-46c71694bb10</t>
  </si>
  <si>
    <t>BU19010506</t>
  </si>
  <si>
    <t>Oude Tol</t>
  </si>
  <si>
    <t>2021BU19010506</t>
  </si>
  <si>
    <t>buurten.fbbabf9e-63ab-4c85-a8dc-95997a11b75c</t>
  </si>
  <si>
    <t>BU19010507</t>
  </si>
  <si>
    <t>Reeuwijk-Brug-Oost</t>
  </si>
  <si>
    <t>2021BU19010507</t>
  </si>
  <si>
    <t>buurten.189cc33c-cfab-428b-872d-1214c2ffee01</t>
  </si>
  <si>
    <t>BU19010508</t>
  </si>
  <si>
    <t>Reeuwijk-Brug-Zuidoost</t>
  </si>
  <si>
    <t>2021BU19010508</t>
  </si>
  <si>
    <t>buurten.561040fb-f2cb-4bfd-9cbd-25afdf9cdde0</t>
  </si>
  <si>
    <t>BU19010509</t>
  </si>
  <si>
    <t>Reeuwijkse Hout</t>
  </si>
  <si>
    <t>2021BU19010509</t>
  </si>
  <si>
    <t>buurten.6f14ea44-c103-4d94-90af-75e0e9ac6cfd</t>
  </si>
  <si>
    <t>BU19010510</t>
  </si>
  <si>
    <t>Abessinie</t>
  </si>
  <si>
    <t>2021BU19010510</t>
  </si>
  <si>
    <t>buurten.27895750-937b-418d-975d-2b4937269d58</t>
  </si>
  <si>
    <t>BU19010511</t>
  </si>
  <si>
    <t>Sluipwijk</t>
  </si>
  <si>
    <t>2021BU19010511</t>
  </si>
  <si>
    <t>buurten.54c9409a-42b3-455f-86b8-38c8bfd6470c</t>
  </si>
  <si>
    <t>BU19010512</t>
  </si>
  <si>
    <t>Platteweg</t>
  </si>
  <si>
    <t>2021BU19010512</t>
  </si>
  <si>
    <t>buurten.c82dcf88-8d1b-47b1-9594-03065a3377ca</t>
  </si>
  <si>
    <t>BU19010513</t>
  </si>
  <si>
    <t>Gravekoop</t>
  </si>
  <si>
    <t>2021BU19010513</t>
  </si>
  <si>
    <t>buurten.6be1c261-f2a9-45a5-adce-21602fcfa72c</t>
  </si>
  <si>
    <t>BU19010514</t>
  </si>
  <si>
    <t>Oukoop</t>
  </si>
  <si>
    <t>2021BU19010514</t>
  </si>
  <si>
    <t>buurten.3fcf5681-b64d-45b1-8e2a-25769853c014</t>
  </si>
  <si>
    <t>BU19010515</t>
  </si>
  <si>
    <t>Negen Viertel</t>
  </si>
  <si>
    <t>2021BU19010515</t>
  </si>
  <si>
    <t>buurten.bb7b347c-5b8e-465d-bd14-a5a7f1e8db7d</t>
  </si>
  <si>
    <t>BU19010601</t>
  </si>
  <si>
    <t>Laageind</t>
  </si>
  <si>
    <t>WK190106</t>
  </si>
  <si>
    <t>2021BU19010601</t>
  </si>
  <si>
    <t>buurten.cc6d13d5-f237-4e5b-8b1c-85d514855608</t>
  </si>
  <si>
    <t>BU19010602</t>
  </si>
  <si>
    <t>Driebruggen Kern</t>
  </si>
  <si>
    <t>2021BU19010602</t>
  </si>
  <si>
    <t>buurten.0b62d527-f6ff-4ae7-8ca1-dd80c63ad085</t>
  </si>
  <si>
    <t>BU19010603</t>
  </si>
  <si>
    <t>2021BU19010603</t>
  </si>
  <si>
    <t>buurten.ea7c6f0e-face-4795-8d6c-4940c797337b</t>
  </si>
  <si>
    <t>BU19010604</t>
  </si>
  <si>
    <t>Hogebrug</t>
  </si>
  <si>
    <t>2021BU19010604</t>
  </si>
  <si>
    <t>buurten.4cac632c-2eda-4661-9f2d-b3276f23193c</t>
  </si>
  <si>
    <t>BU19010701</t>
  </si>
  <si>
    <t>Waarder-West</t>
  </si>
  <si>
    <t>WK190107</t>
  </si>
  <si>
    <t>2021BU19010701</t>
  </si>
  <si>
    <t>buurten.b780bb11-6fb1-4e24-89f0-efd1cd9c4aac</t>
  </si>
  <si>
    <t>BU19010702</t>
  </si>
  <si>
    <t>Waarder Kern</t>
  </si>
  <si>
    <t>2021BU19010702</t>
  </si>
  <si>
    <t>buurten.106a753b-35cb-4c0e-afc3-307eb62901f4</t>
  </si>
  <si>
    <t>BU19010703</t>
  </si>
  <si>
    <t>Waarder-Oost</t>
  </si>
  <si>
    <t>2021BU19010703</t>
  </si>
  <si>
    <t>buurten.462b4337-1976-4708-b010-5cad60f8338c</t>
  </si>
  <si>
    <t>BU19030000</t>
  </si>
  <si>
    <t>Eijsden-Breust</t>
  </si>
  <si>
    <t>WK190300</t>
  </si>
  <si>
    <t>2021BU19030000</t>
  </si>
  <si>
    <t>buurten.e262d9b5-3226-46bb-9e4e-46bc84ff6c2d</t>
  </si>
  <si>
    <t>BU19030001</t>
  </si>
  <si>
    <t>Mariadorp-Beezepool</t>
  </si>
  <si>
    <t>2021BU19030001</t>
  </si>
  <si>
    <t>buurten.2119d558-2a6f-4aad-8291-f85fb9271f21</t>
  </si>
  <si>
    <t>BU19030002</t>
  </si>
  <si>
    <t>Withuis-Stationsstraat</t>
  </si>
  <si>
    <t>2021BU19030002</t>
  </si>
  <si>
    <t>buurten.e02561a6-fa59-40e1-8d58-5c87ab9f2d76</t>
  </si>
  <si>
    <t>BU19030003</t>
  </si>
  <si>
    <t>Mesch</t>
  </si>
  <si>
    <t>2021BU19030003</t>
  </si>
  <si>
    <t>buurten.55cd6678-8ef3-42fc-b5ea-37587f137f40</t>
  </si>
  <si>
    <t>BU19030004</t>
  </si>
  <si>
    <t>2021BU19030004</t>
  </si>
  <si>
    <t>buurten.410d6caf-88b8-4844-9d51-5157a7177f7d</t>
  </si>
  <si>
    <t>BU19030005</t>
  </si>
  <si>
    <t>Maarland</t>
  </si>
  <si>
    <t>2021BU19030005</t>
  </si>
  <si>
    <t>buurten.09e6f554-e783-448c-b5c2-0c4a48946aa2</t>
  </si>
  <si>
    <t>BU19030009</t>
  </si>
  <si>
    <t>2021BU19030009</t>
  </si>
  <si>
    <t>buurten.e7766787-ca27-4ed4-8e77-94fec9eb9e0c</t>
  </si>
  <si>
    <t>BU19030100</t>
  </si>
  <si>
    <t>Gronsveld</t>
  </si>
  <si>
    <t>WK190301</t>
  </si>
  <si>
    <t>2021BU19030100</t>
  </si>
  <si>
    <t>buurten.79ba4d2e-f340-4a8c-b814-bcdced5fe1fc</t>
  </si>
  <si>
    <t>BU19030101</t>
  </si>
  <si>
    <t>Rijckholt</t>
  </si>
  <si>
    <t>2021BU19030101</t>
  </si>
  <si>
    <t>buurten.319f8027-1a62-4f44-860d-6c9210ad4fc4</t>
  </si>
  <si>
    <t>BU19030200</t>
  </si>
  <si>
    <t>Margraten</t>
  </si>
  <si>
    <t>WK190302</t>
  </si>
  <si>
    <t>2021BU19030200</t>
  </si>
  <si>
    <t>buurten.1aec75e3-51f7-4cff-8475-8e37f1698627</t>
  </si>
  <si>
    <t>BU19030201</t>
  </si>
  <si>
    <t>2021BU19030201</t>
  </si>
  <si>
    <t>buurten.c39e54e0-8c44-4472-869a-b20232499d46</t>
  </si>
  <si>
    <t>BU19030202</t>
  </si>
  <si>
    <t>Groot- en Klein-Welsden</t>
  </si>
  <si>
    <t>2021BU19030202</t>
  </si>
  <si>
    <t>buurten.407c04de-cd11-425b-ab56-55559dcd3bd6</t>
  </si>
  <si>
    <t>BU19030203</t>
  </si>
  <si>
    <t>'t Rooth</t>
  </si>
  <si>
    <t>2021BU19030203</t>
  </si>
  <si>
    <t>buurten.79456acc-aa47-45e7-9eaf-733f737c37df</t>
  </si>
  <si>
    <t>BU19030204</t>
  </si>
  <si>
    <t>Scheulder</t>
  </si>
  <si>
    <t>2021BU19030204</t>
  </si>
  <si>
    <t>buurten.46e49fdd-6518-4522-b236-47aa20730286</t>
  </si>
  <si>
    <t>BU19030205</t>
  </si>
  <si>
    <t>Gasthuis-Wolfshuis</t>
  </si>
  <si>
    <t>2021BU19030205</t>
  </si>
  <si>
    <t>buurten.7e24a788-ec5d-4418-8e1a-93f23ab772b5</t>
  </si>
  <si>
    <t>BU19030300</t>
  </si>
  <si>
    <t>Cadier</t>
  </si>
  <si>
    <t>WK190303</t>
  </si>
  <si>
    <t>2021BU19030300</t>
  </si>
  <si>
    <t>buurten.297e3ddc-6e24-43a3-be0d-d45862960100</t>
  </si>
  <si>
    <t>BU19030301</t>
  </si>
  <si>
    <t>Sint Antoniusbank</t>
  </si>
  <si>
    <t>2021BU19030301</t>
  </si>
  <si>
    <t>buurten.56a449ed-ca1a-4e04-8343-4bbab9ccf370</t>
  </si>
  <si>
    <t>BU19030302</t>
  </si>
  <si>
    <t>2021BU19030302</t>
  </si>
  <si>
    <t>buurten.af90ac41-4f43-47a5-a856-bd60ff6e6c10</t>
  </si>
  <si>
    <t>BU19030303</t>
  </si>
  <si>
    <t>Bemelen</t>
  </si>
  <si>
    <t>2021BU19030303</t>
  </si>
  <si>
    <t>buurten.623d5244-a305-4e3f-8f2c-e79830a65123</t>
  </si>
  <si>
    <t>BU19030304</t>
  </si>
  <si>
    <t>Honthem</t>
  </si>
  <si>
    <t>2021BU19030304</t>
  </si>
  <si>
    <t>buurten.6b6c837e-8b00-4efe-8e6a-5a2dad50ff2f</t>
  </si>
  <si>
    <t>BU19030309</t>
  </si>
  <si>
    <t>2021BU19030309</t>
  </si>
  <si>
    <t>buurten.c3a3c38a-648b-4978-bcd5-e2942228e3c4</t>
  </si>
  <si>
    <t>BU19030400</t>
  </si>
  <si>
    <t>Sint Geertruid</t>
  </si>
  <si>
    <t>WK190304</t>
  </si>
  <si>
    <t>2021BU19030400</t>
  </si>
  <si>
    <t>buurten.3f9228d5-f2d5-4796-a8e9-d411ae03632e</t>
  </si>
  <si>
    <t>BU19030401</t>
  </si>
  <si>
    <t>Eckelrade</t>
  </si>
  <si>
    <t>2021BU19030401</t>
  </si>
  <si>
    <t>buurten.9f298fa7-2447-4584-b474-d580e8de5b14</t>
  </si>
  <si>
    <t>BU19030402</t>
  </si>
  <si>
    <t>Herkenrade</t>
  </si>
  <si>
    <t>2021BU19030402</t>
  </si>
  <si>
    <t>buurten.ed1f61fc-3fd8-4b36-9917-1e813055e2a7</t>
  </si>
  <si>
    <t>BU19030403</t>
  </si>
  <si>
    <t>Moerslag-Libeek</t>
  </si>
  <si>
    <t>2021BU19030403</t>
  </si>
  <si>
    <t>buurten.a1d79caa-c88f-4398-9423-5e2f19f2a1b8</t>
  </si>
  <si>
    <t>BU19030404</t>
  </si>
  <si>
    <t>Bruisterbosch</t>
  </si>
  <si>
    <t>2021BU19030404</t>
  </si>
  <si>
    <t>buurten.9c19d327-1faa-48cb-9daf-7931d07b7ae2</t>
  </si>
  <si>
    <t>BU19030409</t>
  </si>
  <si>
    <t>2021BU19030409</t>
  </si>
  <si>
    <t>buurten.ee2d7519-c589-4e6a-b20f-50e5f2f9aa7f</t>
  </si>
  <si>
    <t>BU19030500</t>
  </si>
  <si>
    <t>Mheer</t>
  </si>
  <si>
    <t>WK190305</t>
  </si>
  <si>
    <t>2021BU19030500</t>
  </si>
  <si>
    <t>buurten.9f51deff-45b2-4ba1-bc74-b7a6f9023729</t>
  </si>
  <si>
    <t>BU19030501</t>
  </si>
  <si>
    <t>Banholt</t>
  </si>
  <si>
    <t>2021BU19030501</t>
  </si>
  <si>
    <t>buurten.3849cc7f-ba78-4585-b724-3c128f825249</t>
  </si>
  <si>
    <t>BU19030502</t>
  </si>
  <si>
    <t>Noorbeek</t>
  </si>
  <si>
    <t>2021BU19030502</t>
  </si>
  <si>
    <t>buurten.34211fdb-9f09-4351-bb15-57a4f70fdba3</t>
  </si>
  <si>
    <t>BU19030503</t>
  </si>
  <si>
    <t>Terlinden</t>
  </si>
  <si>
    <t>2021BU19030503</t>
  </si>
  <si>
    <t>buurten.d5d12f2c-5212-4790-a717-43f7bdd7ebe0</t>
  </si>
  <si>
    <t>BU19030504</t>
  </si>
  <si>
    <t>Bergenhuizen en Schey</t>
  </si>
  <si>
    <t>2021BU19030504</t>
  </si>
  <si>
    <t>buurten.15b478bd-35e7-42cf-b9fa-8b69efb28a39</t>
  </si>
  <si>
    <t>BU19030505</t>
  </si>
  <si>
    <t>Hoogcruts</t>
  </si>
  <si>
    <t>2021BU19030505</t>
  </si>
  <si>
    <t>buurten.e924299d-6fda-4f9d-b73c-8b308d3b055c</t>
  </si>
  <si>
    <t>BU19030509</t>
  </si>
  <si>
    <t>2021BU19030509</t>
  </si>
  <si>
    <t>buurten.05baf074-7f40-42b9-8af3-de32117bdf54</t>
  </si>
  <si>
    <t>BU19040101</t>
  </si>
  <si>
    <t>Maarsseveen</t>
  </si>
  <si>
    <t>WK190401</t>
  </si>
  <si>
    <t>GM1904</t>
  </si>
  <si>
    <t>Stichtse Vecht</t>
  </si>
  <si>
    <t>2021BU19040101</t>
  </si>
  <si>
    <t>buurten.e59f6752-aa63-4640-8677-98aa0eb92664</t>
  </si>
  <si>
    <t>BU19040102</t>
  </si>
  <si>
    <t>Bethunepolder-zuid</t>
  </si>
  <si>
    <t>2021BU19040102</t>
  </si>
  <si>
    <t>buurten.f535d200-0e7c-481d-8f86-9d6a70f8deb2</t>
  </si>
  <si>
    <t>BU19040103</t>
  </si>
  <si>
    <t>Otterspoorbroek</t>
  </si>
  <si>
    <t>2021BU19040103</t>
  </si>
  <si>
    <t>buurten.20477ea5-0493-4947-9261-30f13970056f</t>
  </si>
  <si>
    <t>BU19040104</t>
  </si>
  <si>
    <t>Op Buuren</t>
  </si>
  <si>
    <t>2021BU19040104</t>
  </si>
  <si>
    <t>buurten.2b01c61c-0114-405b-8825-25f3660021d3</t>
  </si>
  <si>
    <t>BU19040105</t>
  </si>
  <si>
    <t>Zandweg-Oostwaard</t>
  </si>
  <si>
    <t>2021BU19040105</t>
  </si>
  <si>
    <t>buurten.a914f12b-e1a2-4797-a5f4-20087edc07c6</t>
  </si>
  <si>
    <t>BU19040106</t>
  </si>
  <si>
    <t>2021BU19040106</t>
  </si>
  <si>
    <t>buurten.c54844fa-5945-40ec-848f-5e2851d43718</t>
  </si>
  <si>
    <t>BU19040107</t>
  </si>
  <si>
    <t>Omgeving Goudestein</t>
  </si>
  <si>
    <t>2021BU19040107</t>
  </si>
  <si>
    <t>buurten.fcc030a6-bd61-45d3-81e6-434736476979</t>
  </si>
  <si>
    <t>BU19040108</t>
  </si>
  <si>
    <t>2021BU19040108</t>
  </si>
  <si>
    <t>buurten.536fadb5-422e-46c6-9081-76f231a9d656</t>
  </si>
  <si>
    <t>BU19040109</t>
  </si>
  <si>
    <t>Lanenkwartier</t>
  </si>
  <si>
    <t>2021BU19040109</t>
  </si>
  <si>
    <t>buurten.115d7254-a096-4c56-a5ab-591368bc1a2d</t>
  </si>
  <si>
    <t>BU19040110</t>
  </si>
  <si>
    <t>Centrum ten zuiden van de Vecht</t>
  </si>
  <si>
    <t>2021BU19040110</t>
  </si>
  <si>
    <t>buurten.020a46d6-6e41-4db2-906e-5fac3fd804b4</t>
  </si>
  <si>
    <t>BU19040111</t>
  </si>
  <si>
    <t>Reizende man</t>
  </si>
  <si>
    <t>2021BU19040111</t>
  </si>
  <si>
    <t>buurten.3070c222-2d4b-4ee5-87c9-f30ccbda4acc</t>
  </si>
  <si>
    <t>BU19040112</t>
  </si>
  <si>
    <t>2021BU19040112</t>
  </si>
  <si>
    <t>buurten.4a2f5f9c-f448-4785-8821-91a9e3748088</t>
  </si>
  <si>
    <t>BU19040113</t>
  </si>
  <si>
    <t>Zogwetering</t>
  </si>
  <si>
    <t>2021BU19040113</t>
  </si>
  <si>
    <t>buurten.da10de71-a215-433b-8e9d-0fc4da571914</t>
  </si>
  <si>
    <t>BU19040114</t>
  </si>
  <si>
    <t>Park Vechtenstein</t>
  </si>
  <si>
    <t>2021BU19040114</t>
  </si>
  <si>
    <t>buurten.bf3e4242-adc7-4a4c-9fb8-29dc8e694f74</t>
  </si>
  <si>
    <t>BU19040115</t>
  </si>
  <si>
    <t>2021BU19040115</t>
  </si>
  <si>
    <t>buurten.a6442592-7a14-430c-842c-8887afbb9e87</t>
  </si>
  <si>
    <t>BU19040116</t>
  </si>
  <si>
    <t>2021BU19040116</t>
  </si>
  <si>
    <t>buurten.ffa50bfe-c9cf-40c9-99dd-a18f75d7332d</t>
  </si>
  <si>
    <t>BU19040117</t>
  </si>
  <si>
    <t>Friezenbuurt</t>
  </si>
  <si>
    <t>2021BU19040117</t>
  </si>
  <si>
    <t>buurten.2f97fd0b-251d-4215-b67a-6729efe34ab1</t>
  </si>
  <si>
    <t>BU19040118</t>
  </si>
  <si>
    <t>Centrum ten noorden van de Vecht</t>
  </si>
  <si>
    <t>2021BU19040118</t>
  </si>
  <si>
    <t>buurten.315ae132-e72b-482e-830d-ea6e15f2c1c2</t>
  </si>
  <si>
    <t>BU19040119</t>
  </si>
  <si>
    <t>Begraafplaats Maarssen</t>
  </si>
  <si>
    <t>2021BU19040119</t>
  </si>
  <si>
    <t>buurten.1aa3fe38-dc4c-41c8-b47f-0b86e34b9003</t>
  </si>
  <si>
    <t>BU19040201</t>
  </si>
  <si>
    <t>Polder Kortrijk</t>
  </si>
  <si>
    <t>WK190402</t>
  </si>
  <si>
    <t>2021BU19040201</t>
  </si>
  <si>
    <t>buurten.598550bb-d341-463e-b4d7-ae9e6fd43b8a</t>
  </si>
  <si>
    <t>BU19040202</t>
  </si>
  <si>
    <t>Polder Breukelen Proosdij</t>
  </si>
  <si>
    <t>2021BU19040202</t>
  </si>
  <si>
    <t>buurten.d0976ae6-ad71-42bf-a770-27e27226bd76</t>
  </si>
  <si>
    <t>BU19040203</t>
  </si>
  <si>
    <t>Polder Klein Oud Aa</t>
  </si>
  <si>
    <t>2021BU19040203</t>
  </si>
  <si>
    <t>buurten.8413b94a-7269-44a0-b42d-84c48617aede</t>
  </si>
  <si>
    <t>BU19040204</t>
  </si>
  <si>
    <t>Kievitsbuurt</t>
  </si>
  <si>
    <t>2021BU19040204</t>
  </si>
  <si>
    <t>buurten.99c0bd9b-9805-4c6c-bc3a-e29adf0948df</t>
  </si>
  <si>
    <t>BU19040205</t>
  </si>
  <si>
    <t>Polder Breukelerwaard</t>
  </si>
  <si>
    <t>2021BU19040205</t>
  </si>
  <si>
    <t>buurten.adc2eacf-b48f-4350-8a01-3d2c05c2fdb6</t>
  </si>
  <si>
    <t>BU19040206</t>
  </si>
  <si>
    <t>Polder Nijenrode</t>
  </si>
  <si>
    <t>2021BU19040206</t>
  </si>
  <si>
    <t>buurten.62b7199c-a15c-4b28-a690-7894a6cf971f</t>
  </si>
  <si>
    <t>BU19040207</t>
  </si>
  <si>
    <t>Breukelen Noord</t>
  </si>
  <si>
    <t>2021BU19040207</t>
  </si>
  <si>
    <t>buurten.95f44f12-ab40-402b-b615-fd0beecfbb18</t>
  </si>
  <si>
    <t>BU19040208</t>
  </si>
  <si>
    <t>Corridor</t>
  </si>
  <si>
    <t>2021BU19040208</t>
  </si>
  <si>
    <t>buurten.645aafa9-6737-4f09-812d-3cbb99e0bd62</t>
  </si>
  <si>
    <t>BU19040209</t>
  </si>
  <si>
    <t>Landgoed Nijenrode</t>
  </si>
  <si>
    <t>2021BU19040209</t>
  </si>
  <si>
    <t>buurten.3516be84-38a0-46f5-a22f-0071b51ea8cb</t>
  </si>
  <si>
    <t>BU19040210</t>
  </si>
  <si>
    <t>Kanaalzone Zuid Breukelen</t>
  </si>
  <si>
    <t>2021BU19040210</t>
  </si>
  <si>
    <t>buurten.415a211a-6dad-4a23-92aa-4e60bad87367</t>
  </si>
  <si>
    <t>BU19040211</t>
  </si>
  <si>
    <t>Scheendijk</t>
  </si>
  <si>
    <t>2021BU19040211</t>
  </si>
  <si>
    <t>buurten.b2438b05-b14e-43a5-80dd-5d57ad912feb</t>
  </si>
  <si>
    <t>BU19040212</t>
  </si>
  <si>
    <t>Broeckland</t>
  </si>
  <si>
    <t>2021BU19040212</t>
  </si>
  <si>
    <t>buurten.272440b6-68b6-4343-a08d-13050d641394</t>
  </si>
  <si>
    <t>BU19040213</t>
  </si>
  <si>
    <t>Breukelen Zuid</t>
  </si>
  <si>
    <t>2021BU19040213</t>
  </si>
  <si>
    <t>buurten.f796cbb6-aedf-4255-b2b3-f8ce588fdbc7</t>
  </si>
  <si>
    <t>BU19040214</t>
  </si>
  <si>
    <t>Kanaalzone Noord Breukelen</t>
  </si>
  <si>
    <t>2021BU19040214</t>
  </si>
  <si>
    <t>buurten.3096a95b-fa35-46e0-a46b-4b354060cb77</t>
  </si>
  <si>
    <t>BU19040215</t>
  </si>
  <si>
    <t>Breukelen Midden</t>
  </si>
  <si>
    <t>2021BU19040215</t>
  </si>
  <si>
    <t>buurten.1fce2574-e0dd-4d4d-bd73-4dbae7736102</t>
  </si>
  <si>
    <t>BU19040216</t>
  </si>
  <si>
    <t>2021BU19040216</t>
  </si>
  <si>
    <t>buurten.def63b26-5807-441e-801c-aa2d489677b1</t>
  </si>
  <si>
    <t>BU19040301</t>
  </si>
  <si>
    <t>Polder Holland</t>
  </si>
  <si>
    <t>WK190403</t>
  </si>
  <si>
    <t>2021BU19040301</t>
  </si>
  <si>
    <t>buurten.e99b7386-480c-4b4d-918e-283196ee02ab</t>
  </si>
  <si>
    <t>BU19040302</t>
  </si>
  <si>
    <t>Polder Garsten</t>
  </si>
  <si>
    <t>2021BU19040302</t>
  </si>
  <si>
    <t>buurten.a54bc79d-7d35-4a1f-ab0d-e6e034ee7020</t>
  </si>
  <si>
    <t>BU19040303</t>
  </si>
  <si>
    <t>Polder Oud Over</t>
  </si>
  <si>
    <t>2021BU19040303</t>
  </si>
  <si>
    <t>buurten.b2fe862f-d5ba-4dee-b22a-dc9ef6b2b3a8</t>
  </si>
  <si>
    <t>BU19040304</t>
  </si>
  <si>
    <t>Kanaalzone Loenen aan de Vecht</t>
  </si>
  <si>
    <t>2021BU19040304</t>
  </si>
  <si>
    <t>buurten.17c96ea1-be8c-465b-a6de-8032b3f908f4</t>
  </si>
  <si>
    <t>BU19040305</t>
  </si>
  <si>
    <t>Kanaalzone sector Vreeland</t>
  </si>
  <si>
    <t>2021BU19040305</t>
  </si>
  <si>
    <t>buurten.f1bb4f0e-596d-494c-9f0e-e705ffbd57be</t>
  </si>
  <si>
    <t>BU19040306</t>
  </si>
  <si>
    <t>Mijnden</t>
  </si>
  <si>
    <t>2021BU19040306</t>
  </si>
  <si>
    <t>buurten.a6cac52d-c4bd-4911-ad69-4243a9fef773</t>
  </si>
  <si>
    <t>BU19040307</t>
  </si>
  <si>
    <t>Hoefijzer</t>
  </si>
  <si>
    <t>2021BU19040307</t>
  </si>
  <si>
    <t>buurten.4e9dbb1f-a65d-4181-959d-b83b93f3ff38</t>
  </si>
  <si>
    <t>BU19040308</t>
  </si>
  <si>
    <t>Driehoven</t>
  </si>
  <si>
    <t>2021BU19040308</t>
  </si>
  <si>
    <t>buurten.73bcb1e1-029f-4fe3-9fdc-d9d707dfe41a</t>
  </si>
  <si>
    <t>BU19040309</t>
  </si>
  <si>
    <t>Oudover</t>
  </si>
  <si>
    <t>2021BU19040309</t>
  </si>
  <si>
    <t>buurten.2defad1c-e709-40e7-aa1b-b844a31d73db</t>
  </si>
  <si>
    <t>BU19040310</t>
  </si>
  <si>
    <t>Loenen Dorpskern</t>
  </si>
  <si>
    <t>2021BU19040310</t>
  </si>
  <si>
    <t>buurten.6617a5cf-4590-42c3-b0c0-0f53cc89b17f</t>
  </si>
  <si>
    <t>BU19040311</t>
  </si>
  <si>
    <t>Cronenburgh</t>
  </si>
  <si>
    <t>2021BU19040311</t>
  </si>
  <si>
    <t>buurten.f1e8ab3d-1824-4cdb-bd43-b6c77380a898</t>
  </si>
  <si>
    <t>BU19040312</t>
  </si>
  <si>
    <t>Kerklaan</t>
  </si>
  <si>
    <t>2021BU19040312</t>
  </si>
  <si>
    <t>buurten.c6181276-f47a-49fd-96f0-1ceeae883219</t>
  </si>
  <si>
    <t>BU19040401</t>
  </si>
  <si>
    <t>Polder Oukoop</t>
  </si>
  <si>
    <t>WK190404</t>
  </si>
  <si>
    <t>2021BU19040401</t>
  </si>
  <si>
    <t>buurten.4044e50f-8c48-4e0c-8ca1-745f6078b53d</t>
  </si>
  <si>
    <t>BU19040402</t>
  </si>
  <si>
    <t>Nieuwer Ter Aa</t>
  </si>
  <si>
    <t>2021BU19040402</t>
  </si>
  <si>
    <t>buurten.917d4965-5276-4364-9d91-0a601a03bbbb</t>
  </si>
  <si>
    <t>BU19040501</t>
  </si>
  <si>
    <t>Polder Portengen</t>
  </si>
  <si>
    <t>WK190405</t>
  </si>
  <si>
    <t>2021BU19040501</t>
  </si>
  <si>
    <t>buurten.ae4fbb5b-d61e-4594-b49e-c155708b74e9</t>
  </si>
  <si>
    <t>BU19040502</t>
  </si>
  <si>
    <t>Polder Groot Oud Aa</t>
  </si>
  <si>
    <t>2021BU19040502</t>
  </si>
  <si>
    <t>buurten.93695d9f-7b18-46fd-b8b1-7cd59478da93</t>
  </si>
  <si>
    <t>BU19040503</t>
  </si>
  <si>
    <t>Polder Spengen</t>
  </si>
  <si>
    <t>2021BU19040503</t>
  </si>
  <si>
    <t>buurten.73f2e2ab-c766-47d0-91f7-570fda1f5b7d</t>
  </si>
  <si>
    <t>BU19040504</t>
  </si>
  <si>
    <t>Polder Kockengen</t>
  </si>
  <si>
    <t>2021BU19040504</t>
  </si>
  <si>
    <t>buurten.741899c3-4439-468c-9e90-e7865e987765</t>
  </si>
  <si>
    <t>BU19040505</t>
  </si>
  <si>
    <t>Kockengen Dorp</t>
  </si>
  <si>
    <t>2021BU19040505</t>
  </si>
  <si>
    <t>buurten.f2159ef0-51c4-430a-acf3-9bf52392d152</t>
  </si>
  <si>
    <t>BU19040506</t>
  </si>
  <si>
    <t>Portengense Brug</t>
  </si>
  <si>
    <t>2021BU19040506</t>
  </si>
  <si>
    <t>buurten.b3815509-36f0-4228-8f2f-c38933c81e66</t>
  </si>
  <si>
    <t>BU19040507</t>
  </si>
  <si>
    <t>2021BU19040507</t>
  </si>
  <si>
    <t>buurten.567edb93-ca25-42c5-bcb2-90a230904f19</t>
  </si>
  <si>
    <t>BU19040508</t>
  </si>
  <si>
    <t>Groenlust</t>
  </si>
  <si>
    <t>2021BU19040508</t>
  </si>
  <si>
    <t>buurten.5ac53764-455f-44eb-9fd2-d11e828ff690</t>
  </si>
  <si>
    <t>BU19040509</t>
  </si>
  <si>
    <t>Vierde kwadrant Kockengen</t>
  </si>
  <si>
    <t>2021BU19040509</t>
  </si>
  <si>
    <t>buurten.cfea6df0-06d8-4c28-ab46-ae612c3b0165</t>
  </si>
  <si>
    <t>BU19040601</t>
  </si>
  <si>
    <t>Hoeker Polder</t>
  </si>
  <si>
    <t>WK190406</t>
  </si>
  <si>
    <t>2021BU19040601</t>
  </si>
  <si>
    <t>buurten.a9862fa3-87f1-400e-8089-e19ec06eb7a8</t>
  </si>
  <si>
    <t>BU19040602</t>
  </si>
  <si>
    <t>Polder Dorssewaard</t>
  </si>
  <si>
    <t>2021BU19040602</t>
  </si>
  <si>
    <t>buurten.2bd409f7-92f6-41f0-aad4-9054fe8fbfd7</t>
  </si>
  <si>
    <t>PL1696010011</t>
  </si>
  <si>
    <t>BU19040603</t>
  </si>
  <si>
    <t>Vreeland Dorp</t>
  </si>
  <si>
    <t>2021BU19040603</t>
  </si>
  <si>
    <t>buurten.46438a2b-7fc8-4c35-b37e-661a2cbe8fb9</t>
  </si>
  <si>
    <t>BU19040604</t>
  </si>
  <si>
    <t>Vreeland</t>
  </si>
  <si>
    <t>2021BU19040604</t>
  </si>
  <si>
    <t>buurten.01f77dc8-4285-4349-8782-39f70f6fa486</t>
  </si>
  <si>
    <t>BU19040701</t>
  </si>
  <si>
    <t>WK190407</t>
  </si>
  <si>
    <t>2021BU19040701</t>
  </si>
  <si>
    <t>buurten.ed18ba04-6d42-4889-ac85-92c186f60899</t>
  </si>
  <si>
    <t>BU19040702</t>
  </si>
  <si>
    <t>Bethunepolder-Noord</t>
  </si>
  <si>
    <t>2021BU19040702</t>
  </si>
  <si>
    <t>buurten.38ee7298-3f7f-416e-a689-faa7ed8f4e24</t>
  </si>
  <si>
    <t>BU19040703</t>
  </si>
  <si>
    <t>Tienhoven-Oud Maarsseveen</t>
  </si>
  <si>
    <t>2021BU19040703</t>
  </si>
  <si>
    <t>buurten.8ef3fe88-95a0-4c39-8c7f-4a8ed64666a8</t>
  </si>
  <si>
    <t>BU19040801</t>
  </si>
  <si>
    <t>Polder Aetsveld</t>
  </si>
  <si>
    <t>WK190408</t>
  </si>
  <si>
    <t>2021BU19040801</t>
  </si>
  <si>
    <t>buurten.1bc9c7f2-95a4-4577-b0c6-fdbfe733e6bb</t>
  </si>
  <si>
    <t>BU19040802</t>
  </si>
  <si>
    <t>Polder Garsten Noord</t>
  </si>
  <si>
    <t>2021BU19040802</t>
  </si>
  <si>
    <t>buurten.68e11ff3-6aaf-4142-a7d4-eda6b1f486b6</t>
  </si>
  <si>
    <t>BU19040803</t>
  </si>
  <si>
    <t>Kanaalzone sector Nigtevecht</t>
  </si>
  <si>
    <t>2021BU19040803</t>
  </si>
  <si>
    <t>buurten.43f392e9-0984-4516-b1b1-7fff36e89987</t>
  </si>
  <si>
    <t>BU19040804</t>
  </si>
  <si>
    <t>Nigtevecht Dorp</t>
  </si>
  <si>
    <t>2021BU19040804</t>
  </si>
  <si>
    <t>buurten.f74ce2b8-057d-40a8-8647-85cd21b7ca45</t>
  </si>
  <si>
    <t>BU19040805</t>
  </si>
  <si>
    <t>Nigtevecht Garsten</t>
  </si>
  <si>
    <t>2021BU19040805</t>
  </si>
  <si>
    <t>buurten.1c48f060-7916-4d1b-baa8-016893ee8e1e</t>
  </si>
  <si>
    <t>BU19040901</t>
  </si>
  <si>
    <t>Polder Mijnden</t>
  </si>
  <si>
    <t>WK190409</t>
  </si>
  <si>
    <t>2021BU19040901</t>
  </si>
  <si>
    <t>buurten.1ed670a2-792b-469f-b76d-072df538f34c</t>
  </si>
  <si>
    <t>BU19040902</t>
  </si>
  <si>
    <t>Polder Angstelkade</t>
  </si>
  <si>
    <t>2021BU19040902</t>
  </si>
  <si>
    <t>buurten.f992bfeb-1aaa-48db-a595-e4f5869d855f</t>
  </si>
  <si>
    <t>BU19040903</t>
  </si>
  <si>
    <t>Polder Sticht</t>
  </si>
  <si>
    <t>2021BU19040903</t>
  </si>
  <si>
    <t>buurten.f2e77738-2012-4be1-9ec5-3a41458929b5</t>
  </si>
  <si>
    <t>BU19040904</t>
  </si>
  <si>
    <t>Polder Het Honderd</t>
  </si>
  <si>
    <t>2021BU19040904</t>
  </si>
  <si>
    <t>buurten.f758f52b-40f5-4388-b765-20145820f69c</t>
  </si>
  <si>
    <t>BU19040905</t>
  </si>
  <si>
    <t>Nieuwersluis</t>
  </si>
  <si>
    <t>2021BU19040905</t>
  </si>
  <si>
    <t>buurten.6579afcd-f7e9-43a0-ae48-2e33b1a0789c</t>
  </si>
  <si>
    <t>BU19040906</t>
  </si>
  <si>
    <t>Angstelkade</t>
  </si>
  <si>
    <t>2021BU19040906</t>
  </si>
  <si>
    <t>buurten.403b98c7-60f5-48c0-8707-6c3757e7c6f9</t>
  </si>
  <si>
    <t>BU19040907</t>
  </si>
  <si>
    <t>Kanaalzone sector Nieuwersluis</t>
  </si>
  <si>
    <t>2021BU19040907</t>
  </si>
  <si>
    <t>buurten.5085c05e-4785-452d-9b0a-895f3386918c</t>
  </si>
  <si>
    <t>BU19041001</t>
  </si>
  <si>
    <t>Poldergebied Loenersloot</t>
  </si>
  <si>
    <t>WK190410</t>
  </si>
  <si>
    <t>2021BU19041001</t>
  </si>
  <si>
    <t>buurten.bf5e41ce-96a1-416c-a07e-2b9fc524ab22</t>
  </si>
  <si>
    <t>BU19041002</t>
  </si>
  <si>
    <t>Loenersloot Binnenweg</t>
  </si>
  <si>
    <t>2021BU19041002</t>
  </si>
  <si>
    <t>buurten.f43d2fef-c7f0-4128-9883-45bc9a03fb84</t>
  </si>
  <si>
    <t>BU19041003</t>
  </si>
  <si>
    <t>Loenersloot Dorp</t>
  </si>
  <si>
    <t>2021BU19041003</t>
  </si>
  <si>
    <t>buurten.1fa7ce03-4c52-4137-aa72-424edc90dc1b</t>
  </si>
  <si>
    <t>BU19041004</t>
  </si>
  <si>
    <t>2021BU19041004</t>
  </si>
  <si>
    <t>buurten.577be3af-7d24-4904-8068-0ebde6247bfe</t>
  </si>
  <si>
    <t>BU19041101</t>
  </si>
  <si>
    <t>Oud-Zuilen</t>
  </si>
  <si>
    <t>WK190411</t>
  </si>
  <si>
    <t>2021BU19041101</t>
  </si>
  <si>
    <t>buurten.b729cedc-c793-465d-94b8-c75a66da268b</t>
  </si>
  <si>
    <t>BU19041201</t>
  </si>
  <si>
    <t>Verbindingswegen</t>
  </si>
  <si>
    <t>WK190412</t>
  </si>
  <si>
    <t>2021BU19041201</t>
  </si>
  <si>
    <t>buurten.3ba67596-241e-40d3-aa20-2aa18ba2c67f</t>
  </si>
  <si>
    <t>BU19041202</t>
  </si>
  <si>
    <t>Industrieterrein Maarssenbroek</t>
  </si>
  <si>
    <t>2021BU19041202</t>
  </si>
  <si>
    <t>buurten.bec17115-8ddb-4e55-8483-a48e4f61fb37</t>
  </si>
  <si>
    <t>BU19041203</t>
  </si>
  <si>
    <t>Fazantenkamp</t>
  </si>
  <si>
    <t>2021BU19041203</t>
  </si>
  <si>
    <t>buurten.59d3d66f-7168-43f7-bb09-cff5f47f0b50</t>
  </si>
  <si>
    <t>BU19041204</t>
  </si>
  <si>
    <t>Boomstede</t>
  </si>
  <si>
    <t>2021BU19041204</t>
  </si>
  <si>
    <t>buurten.678daf4d-0420-4c01-995c-58eb2055205e</t>
  </si>
  <si>
    <t>BU19041205</t>
  </si>
  <si>
    <t>Reigerskamp</t>
  </si>
  <si>
    <t>2021BU19041205</t>
  </si>
  <si>
    <t>buurten.ddae3274-de83-469d-b0cf-541520d426ee</t>
  </si>
  <si>
    <t>BU19041206</t>
  </si>
  <si>
    <t>Zwanenkamp</t>
  </si>
  <si>
    <t>2021BU19041206</t>
  </si>
  <si>
    <t>buurten.7d646066-1a9e-45ba-b749-5bdaa15f0036</t>
  </si>
  <si>
    <t>BU19041207</t>
  </si>
  <si>
    <t>Valkenkamp</t>
  </si>
  <si>
    <t>2021BU19041207</t>
  </si>
  <si>
    <t>buurten.b3cf9fab-43a9-4902-ac3c-848feb8077f1</t>
  </si>
  <si>
    <t>BU19041208</t>
  </si>
  <si>
    <t>Duivenkamp</t>
  </si>
  <si>
    <t>2021BU19041208</t>
  </si>
  <si>
    <t>buurten.bafec026-66e4-47a9-a731-f680a2fabfcd</t>
  </si>
  <si>
    <t>BU19041209</t>
  </si>
  <si>
    <t>Bloemstede</t>
  </si>
  <si>
    <t>2021BU19041209</t>
  </si>
  <si>
    <t>buurten.937e58a4-fc02-4f06-9976-63bc472bfc95</t>
  </si>
  <si>
    <t>BU19041210</t>
  </si>
  <si>
    <t>Zebraspoor</t>
  </si>
  <si>
    <t>2021BU19041210</t>
  </si>
  <si>
    <t>buurten.f8156e55-c4cb-491c-89ed-8205b2d3a3a9</t>
  </si>
  <si>
    <t>BU19041211</t>
  </si>
  <si>
    <t>Pauwenkamp</t>
  </si>
  <si>
    <t>2021BU19041211</t>
  </si>
  <si>
    <t>buurten.c1ad9560-9ea8-4c5a-b9ba-e412e1574a19</t>
  </si>
  <si>
    <t>BU19041212</t>
  </si>
  <si>
    <t>Kamelenspoor</t>
  </si>
  <si>
    <t>2021BU19041212</t>
  </si>
  <si>
    <t>buurten.d5a4f20b-3bb9-476e-9482-42f3a67baaf2</t>
  </si>
  <si>
    <t>BU19041213</t>
  </si>
  <si>
    <t>Antilopespoor</t>
  </si>
  <si>
    <t>2021BU19041213</t>
  </si>
  <si>
    <t>buurten.40084a8c-04d2-48ee-9738-3e4168b05d7f</t>
  </si>
  <si>
    <t>BU19041214</t>
  </si>
  <si>
    <t>Bisonspoor</t>
  </si>
  <si>
    <t>2021BU19041214</t>
  </si>
  <si>
    <t>buurten.7ae0bc03-a10e-48b9-af4e-348f8d65ef26</t>
  </si>
  <si>
    <t>BU19041215</t>
  </si>
  <si>
    <t>Spechtenkamp</t>
  </si>
  <si>
    <t>2021BU19041215</t>
  </si>
  <si>
    <t>buurten.94df8930-755b-4681-857c-86cf56b4dd57</t>
  </si>
  <si>
    <t>BU19110101</t>
  </si>
  <si>
    <t>Kleine Sluis</t>
  </si>
  <si>
    <t>WK191101</t>
  </si>
  <si>
    <t>2021BU19110101</t>
  </si>
  <si>
    <t>buurten.70e9c376-6a74-4e3b-9dd9-10cc3209aa2b</t>
  </si>
  <si>
    <t>BU19110102</t>
  </si>
  <si>
    <t>2021BU19110102</t>
  </si>
  <si>
    <t>buurten.7f3cfbba-9271-436a-bc36-8ddbc7efc4bb</t>
  </si>
  <si>
    <t>BU19110103</t>
  </si>
  <si>
    <t>Van Ewijcksluis</t>
  </si>
  <si>
    <t>2021BU19110103</t>
  </si>
  <si>
    <t>buurten.3b023d49-4d0c-4c58-a63a-cd4494c683dc</t>
  </si>
  <si>
    <t>BU19110104</t>
  </si>
  <si>
    <t>Elshof Noord</t>
  </si>
  <si>
    <t>2021BU19110104</t>
  </si>
  <si>
    <t>buurten.3ac1d436-50b0-4bf6-aa76-16fe33806241</t>
  </si>
  <si>
    <t>BU19110105</t>
  </si>
  <si>
    <t>Agro Sanatio</t>
  </si>
  <si>
    <t>2021BU19110105</t>
  </si>
  <si>
    <t>buurten.15686c36-e74d-44dc-a172-c63dc4887d71</t>
  </si>
  <si>
    <t>BU19110106</t>
  </si>
  <si>
    <t>2021BU19110106</t>
  </si>
  <si>
    <t>buurten.727a6cb2-1a4d-44a0-ad04-5b93aeb2bf28</t>
  </si>
  <si>
    <t>BU19110107</t>
  </si>
  <si>
    <t>Edelesteen en Schildersbuurt</t>
  </si>
  <si>
    <t>2021BU19110107</t>
  </si>
  <si>
    <t>buurten.fa9bd36f-e810-4423-b870-e84799295a5b</t>
  </si>
  <si>
    <t>BU19110108</t>
  </si>
  <si>
    <t>Elshof Zuid</t>
  </si>
  <si>
    <t>2021BU19110108</t>
  </si>
  <si>
    <t>buurten.c7b32ef3-d7bb-4baf-87f7-29d1596091c7</t>
  </si>
  <si>
    <t>BU19110180</t>
  </si>
  <si>
    <t>Bedrijventerrein Kruiswijk</t>
  </si>
  <si>
    <t>2021BU19110180</t>
  </si>
  <si>
    <t>buurten.ac651b1e-8ba7-406e-b130-306cfe6b73d7</t>
  </si>
  <si>
    <t>BU19110190</t>
  </si>
  <si>
    <t>Buitengebied Anna Paulowna</t>
  </si>
  <si>
    <t>2021BU19110190</t>
  </si>
  <si>
    <t>buurten.dcc3a611-7183-4932-af63-7a2c68233ed2</t>
  </si>
  <si>
    <t>BU19110191</t>
  </si>
  <si>
    <t>2021BU19110191</t>
  </si>
  <si>
    <t>buurten.fd4aa8c7-465d-4ae1-a4f9-ccf6b66e624c</t>
  </si>
  <si>
    <t>BU19110201</t>
  </si>
  <si>
    <t>Breezand (woonkern)</t>
  </si>
  <si>
    <t>WK191102</t>
  </si>
  <si>
    <t>2021BU19110201</t>
  </si>
  <si>
    <t>buurten.f3056b6b-efd6-4373-b563-52680ba8c62c</t>
  </si>
  <si>
    <t>BU19110202</t>
  </si>
  <si>
    <t>Gelderse Buurt</t>
  </si>
  <si>
    <t>2021BU19110202</t>
  </si>
  <si>
    <t>buurten.5e90bb08-5d0f-41d4-823d-57a26deaa014</t>
  </si>
  <si>
    <t>BU19110290</t>
  </si>
  <si>
    <t>Buitengebied Breezand</t>
  </si>
  <si>
    <t>2021BU19110290</t>
  </si>
  <si>
    <t>buurten.6d599b37-4afe-40dc-a2f7-004bbeee034d</t>
  </si>
  <si>
    <t>BU19110301</t>
  </si>
  <si>
    <t>Wieringerwaard (woonkern)</t>
  </si>
  <si>
    <t>WK191103</t>
  </si>
  <si>
    <t>2021BU19110301</t>
  </si>
  <si>
    <t>buurten.eb8dcf5c-0599-4c5a-91a1-caeb1d2718e7</t>
  </si>
  <si>
    <t>BU19110302</t>
  </si>
  <si>
    <t>Nieuwesluis</t>
  </si>
  <si>
    <t>2021BU19110302</t>
  </si>
  <si>
    <t>buurten.07e26255-5048-4486-8de8-f0f127075aa5</t>
  </si>
  <si>
    <t>BU19110390</t>
  </si>
  <si>
    <t>Buitengebied Wieringerwaard</t>
  </si>
  <si>
    <t>2021BU19110390</t>
  </si>
  <si>
    <t>buurten.cfcef73f-7e6c-4a3a-9a9e-7603d3e893d0</t>
  </si>
  <si>
    <t>BU19110401</t>
  </si>
  <si>
    <t>Westerland (woonkern)</t>
  </si>
  <si>
    <t>WK191104</t>
  </si>
  <si>
    <t>2021BU19110401</t>
  </si>
  <si>
    <t>buurten.c93122f2-8c90-4c85-809a-7bd5958e3b54</t>
  </si>
  <si>
    <t>BU19110402</t>
  </si>
  <si>
    <t>De Haukes</t>
  </si>
  <si>
    <t>2021BU19110402</t>
  </si>
  <si>
    <t>buurten.2289d695-1992-4339-881b-0625620159c3</t>
  </si>
  <si>
    <t>BU19110490</t>
  </si>
  <si>
    <t>Buitengebied Westerland</t>
  </si>
  <si>
    <t>2021BU19110490</t>
  </si>
  <si>
    <t>buurten.611c48da-64bd-4bbc-bf92-43bce2b4ee14</t>
  </si>
  <si>
    <t>BU19110501</t>
  </si>
  <si>
    <t>Hippolytushoef Centrum (woonkern)</t>
  </si>
  <si>
    <t>WK191105</t>
  </si>
  <si>
    <t>2021BU19110501</t>
  </si>
  <si>
    <t>buurten.0f9d4e2e-b2b3-44fc-8a82-38c5b0661a01</t>
  </si>
  <si>
    <t>BU19110502</t>
  </si>
  <si>
    <t>Hippolytushoef West (woonkern)</t>
  </si>
  <si>
    <t>2021BU19110502</t>
  </si>
  <si>
    <t>buurten.4b06e901-2e0a-4bf9-a8b2-51d4c11080a6</t>
  </si>
  <si>
    <t>BU19110503</t>
  </si>
  <si>
    <t>Hippolytushoef Oost (woonkern)</t>
  </si>
  <si>
    <t>2021BU19110503</t>
  </si>
  <si>
    <t>buurten.33000441-36ea-4963-b6dd-26e3ce233084</t>
  </si>
  <si>
    <t>BU19110504</t>
  </si>
  <si>
    <t>2021BU19110504</t>
  </si>
  <si>
    <t>buurten.468e4152-e31a-4204-befb-65fa8337978c</t>
  </si>
  <si>
    <t>BU19110590</t>
  </si>
  <si>
    <t>Buitengebied Hippolytushoef</t>
  </si>
  <si>
    <t>2021BU19110590</t>
  </si>
  <si>
    <t>buurten.86e39df1-0e1f-4748-b0db-c1f2666e29b2</t>
  </si>
  <si>
    <t>BU19110601</t>
  </si>
  <si>
    <t>Den Oever (woonkern)</t>
  </si>
  <si>
    <t>WK191106</t>
  </si>
  <si>
    <t>2021BU19110601</t>
  </si>
  <si>
    <t>buurten.6b676ff2-bdbd-4728-8dc5-093c5bc0629d</t>
  </si>
  <si>
    <t>BU19110602</t>
  </si>
  <si>
    <t>2021BU19110602</t>
  </si>
  <si>
    <t>buurten.bb8ec744-4a14-4354-84c6-43fc4c9af11c</t>
  </si>
  <si>
    <t>BU19110690</t>
  </si>
  <si>
    <t>Buitengebied Den Oever</t>
  </si>
  <si>
    <t>2021BU19110690</t>
  </si>
  <si>
    <t>buurten.718afde9-1b4d-45cc-94cb-f6f1a71f268e</t>
  </si>
  <si>
    <t>BU19110701</t>
  </si>
  <si>
    <t>Wieringerwerf Centrum</t>
  </si>
  <si>
    <t>WK191107</t>
  </si>
  <si>
    <t>2021BU19110701</t>
  </si>
  <si>
    <t>buurten.ad0d55ab-dfca-4958-8377-743cfe452f30</t>
  </si>
  <si>
    <t>BU19110702</t>
  </si>
  <si>
    <t>2021BU19110702</t>
  </si>
  <si>
    <t>buurten.5a7220be-158c-4573-b894-e6620fe67bf4</t>
  </si>
  <si>
    <t>BU19110703</t>
  </si>
  <si>
    <t>Waddenwijk</t>
  </si>
  <si>
    <t>2021BU19110703</t>
  </si>
  <si>
    <t>buurten.9b05b793-23ad-4329-8672-d3016bba159f</t>
  </si>
  <si>
    <t>BU19110704</t>
  </si>
  <si>
    <t>2021BU19110704</t>
  </si>
  <si>
    <t>buurten.0bdf6abe-9e71-4d22-af9c-5c72ac5c4152</t>
  </si>
  <si>
    <t>BU19110705</t>
  </si>
  <si>
    <t>Oosterterp en Zuiderpark</t>
  </si>
  <si>
    <t>2021BU19110705</t>
  </si>
  <si>
    <t>buurten.9577697f-0d9d-4d03-aa84-7dbca3231981</t>
  </si>
  <si>
    <t>BU19110780</t>
  </si>
  <si>
    <t>Bedrijventerrein Robbenplaat</t>
  </si>
  <si>
    <t>2021BU19110780</t>
  </si>
  <si>
    <t>buurten.34d526cd-465a-4cb0-b6bf-ca3dbf3d0611</t>
  </si>
  <si>
    <t>BU19110790</t>
  </si>
  <si>
    <t>Buitengebied Wieringerwerf</t>
  </si>
  <si>
    <t>2021BU19110790</t>
  </si>
  <si>
    <t>buurten.eb4e2853-c2d2-460c-80a9-d4a71b49608c</t>
  </si>
  <si>
    <t>BU19110801</t>
  </si>
  <si>
    <t>Kreileroord</t>
  </si>
  <si>
    <t>WK191108</t>
  </si>
  <si>
    <t>2021BU19110801</t>
  </si>
  <si>
    <t>buurten.24c04be5-8e8f-4b2c-ab22-67fbf4c42e11</t>
  </si>
  <si>
    <t>BU19110901</t>
  </si>
  <si>
    <t>Slootdorp (woonkern)</t>
  </si>
  <si>
    <t>WK191109</t>
  </si>
  <si>
    <t>2021BU19110901</t>
  </si>
  <si>
    <t>buurten.b8b56e1d-8f3b-4057-a29a-4000b5f6c89e</t>
  </si>
  <si>
    <t>BU19110990</t>
  </si>
  <si>
    <t>Buitengebied Slootdorp</t>
  </si>
  <si>
    <t>2021BU19110990</t>
  </si>
  <si>
    <t>buurten.504c463e-b804-4a97-b660-adccdb320f83</t>
  </si>
  <si>
    <t>BU19111001</t>
  </si>
  <si>
    <t>Middenmeer Centrum</t>
  </si>
  <si>
    <t>WK191110</t>
  </si>
  <si>
    <t>2021BU19111001</t>
  </si>
  <si>
    <t>buurten.5e17971c-3515-4376-af20-1a8ae3b96156</t>
  </si>
  <si>
    <t>BU19111002</t>
  </si>
  <si>
    <t>Middenmeer Kroonwaard, Schelpenwijk e.o.</t>
  </si>
  <si>
    <t>2021BU19111002</t>
  </si>
  <si>
    <t>buurten.00b94df2-ecb1-45e5-997a-d7b130f1ea0a</t>
  </si>
  <si>
    <t>BU19111080</t>
  </si>
  <si>
    <t>Bedrijventerrein Agriport</t>
  </si>
  <si>
    <t>2021BU19111080</t>
  </si>
  <si>
    <t>buurten.c3cc0039-31e8-4f01-af26-6b5fa489b9da</t>
  </si>
  <si>
    <t>BU19111081</t>
  </si>
  <si>
    <t>Bedrijventerrein Middenmeer</t>
  </si>
  <si>
    <t>2021BU19111081</t>
  </si>
  <si>
    <t>buurten.218ba48b-a3d7-473c-adbc-e540d8cb5056</t>
  </si>
  <si>
    <t>BU19111090</t>
  </si>
  <si>
    <t>Buitengebied Middenmeer</t>
  </si>
  <si>
    <t>2021BU19111090</t>
  </si>
  <si>
    <t>buurten.81d92bcb-0e53-4e62-a54a-18d2f3f6a24b</t>
  </si>
  <si>
    <t>BU19111101</t>
  </si>
  <si>
    <t>Kolhorn (woonkern) en De Strook</t>
  </si>
  <si>
    <t>WK191111</t>
  </si>
  <si>
    <t>2021BU19111101</t>
  </si>
  <si>
    <t>buurten.7f68f521-4e1c-4bd8-8c01-c4b2436b83fc</t>
  </si>
  <si>
    <t>BU19111190</t>
  </si>
  <si>
    <t>Buitengebied Kolhorn</t>
  </si>
  <si>
    <t>2021BU19111190</t>
  </si>
  <si>
    <t>buurten.28360176-25eb-4c14-b732-35aa44c895aa</t>
  </si>
  <si>
    <t>BU19111201</t>
  </si>
  <si>
    <t>Barsingerhorn (woonkern)</t>
  </si>
  <si>
    <t>WK191112</t>
  </si>
  <si>
    <t>2021BU19111201</t>
  </si>
  <si>
    <t>buurten.eecfb106-cc1e-4c81-9048-e5084cd41222</t>
  </si>
  <si>
    <t>BU19111290</t>
  </si>
  <si>
    <t>Buitengebied Barsingerhorn</t>
  </si>
  <si>
    <t>2021BU19111290</t>
  </si>
  <si>
    <t>buurten.d61a641c-e42c-4ce3-8d06-6a1bb7f4a078</t>
  </si>
  <si>
    <t>BU19111301</t>
  </si>
  <si>
    <t>Haringhuizen (woonkern)</t>
  </si>
  <si>
    <t>WK191113</t>
  </si>
  <si>
    <t>2021BU19111301</t>
  </si>
  <si>
    <t>buurten.21fde578-1cd6-4f60-864e-740ed3f84620</t>
  </si>
  <si>
    <t>BU19111390</t>
  </si>
  <si>
    <t>Buitengebied Haringhuizen</t>
  </si>
  <si>
    <t>2021BU19111390</t>
  </si>
  <si>
    <t>buurten.9604e8c4-7e47-4fb2-a2e2-5d2324f59849</t>
  </si>
  <si>
    <t>BU19111401</t>
  </si>
  <si>
    <t>Lutjewinkel (woonkern)</t>
  </si>
  <si>
    <t>WK191114</t>
  </si>
  <si>
    <t>2021BU19111401</t>
  </si>
  <si>
    <t>buurten.6f97771c-49e1-4ebf-9f02-be73468fd7ae</t>
  </si>
  <si>
    <t>BU19111490</t>
  </si>
  <si>
    <t>Buitengebied Lutjewinkel</t>
  </si>
  <si>
    <t>2021BU19111490</t>
  </si>
  <si>
    <t>buurten.b08b5640-f91f-43eb-93b4-93b191185b23</t>
  </si>
  <si>
    <t>BU19111501</t>
  </si>
  <si>
    <t>Winkel Dorpsstraat en omgeving</t>
  </si>
  <si>
    <t>WK191115</t>
  </si>
  <si>
    <t>2021BU19111501</t>
  </si>
  <si>
    <t>buurten.97a5bad9-a1d9-4080-b49c-31540a78cc5e</t>
  </si>
  <si>
    <t>BU19111502</t>
  </si>
  <si>
    <t>Winkel ten zuidoosten van de Dorpsstraat</t>
  </si>
  <si>
    <t>2021BU19111502</t>
  </si>
  <si>
    <t>buurten.51b6f835-35a6-4b1d-8877-c20ff0d080b6</t>
  </si>
  <si>
    <t>BU19111503</t>
  </si>
  <si>
    <t>Winkel Bomenbuurt en Winkelmadepark</t>
  </si>
  <si>
    <t>2021BU19111503</t>
  </si>
  <si>
    <t>buurten.0e67c0a6-2659-47e8-a07c-aec53fd49936</t>
  </si>
  <si>
    <t>BU19111504</t>
  </si>
  <si>
    <t>Winkel Trambaan</t>
  </si>
  <si>
    <t>2021BU19111504</t>
  </si>
  <si>
    <t>buurten.b2ae3fd1-fa4f-4a18-bbad-985a7b401edc</t>
  </si>
  <si>
    <t>BU19111580</t>
  </si>
  <si>
    <t>Bedrijventerrein Winkelerzand</t>
  </si>
  <si>
    <t>2021BU19111580</t>
  </si>
  <si>
    <t>buurten.cfe97dac-17c1-4bae-91fd-8ec7dd97f6b4</t>
  </si>
  <si>
    <t>BU19111590</t>
  </si>
  <si>
    <t>Buitengebied Winkel</t>
  </si>
  <si>
    <t>2021BU19111590</t>
  </si>
  <si>
    <t>buurten.d8b217cd-7844-4599-bc62-0aad6ccc82ea</t>
  </si>
  <si>
    <t>BU19111601</t>
  </si>
  <si>
    <t>Nieuwe Niedorp Dorpsstraat e.o.</t>
  </si>
  <si>
    <t>WK191116</t>
  </si>
  <si>
    <t>2021BU19111601</t>
  </si>
  <si>
    <t>buurten.1ae1c4e9-1498-46c3-a70b-b8daed78ca1f</t>
  </si>
  <si>
    <t>BU19111602</t>
  </si>
  <si>
    <t>De Veert</t>
  </si>
  <si>
    <t>2021BU19111602</t>
  </si>
  <si>
    <t>buurten.df0e79dc-e8bb-4803-a506-edccb813ec2b</t>
  </si>
  <si>
    <t>BU19111690</t>
  </si>
  <si>
    <t>Buitengebied Nieuwe Niedorp</t>
  </si>
  <si>
    <t>2021BU19111690</t>
  </si>
  <si>
    <t>buurten.3754a0ee-6c77-44a3-be0c-65d136f15e13</t>
  </si>
  <si>
    <t>BU19111701</t>
  </si>
  <si>
    <t>'t Veld (woonkern)</t>
  </si>
  <si>
    <t>WK191117</t>
  </si>
  <si>
    <t>2021BU19111701</t>
  </si>
  <si>
    <t>buurten.a6d4bfc6-6e93-43ac-af33-a3a3f5df7241</t>
  </si>
  <si>
    <t>BU19111702</t>
  </si>
  <si>
    <t>'t Veld Noord</t>
  </si>
  <si>
    <t>2021BU19111702</t>
  </si>
  <si>
    <t>buurten.13a50c10-529b-4bba-a0b5-459c25149eee</t>
  </si>
  <si>
    <t>BU19111790</t>
  </si>
  <si>
    <t>Buitengebied 't Veld</t>
  </si>
  <si>
    <t>2021BU19111790</t>
  </si>
  <si>
    <t>buurten.4a983ede-b3cb-4e49-ae55-6104296ecb40</t>
  </si>
  <si>
    <t>BU19111801</t>
  </si>
  <si>
    <t>Zijdewind (woonkern)</t>
  </si>
  <si>
    <t>WK191118</t>
  </si>
  <si>
    <t>2021BU19111801</t>
  </si>
  <si>
    <t>buurten.56c59b8f-68ae-452c-9d36-8580ad150cf6</t>
  </si>
  <si>
    <t>BU19111890</t>
  </si>
  <si>
    <t>Buitengebied Zijdewind/De Weel</t>
  </si>
  <si>
    <t>2021BU19111890</t>
  </si>
  <si>
    <t>buurten.c54d4e57-47f5-43b4-999e-e7b904b219f8</t>
  </si>
  <si>
    <t>BU19111901</t>
  </si>
  <si>
    <t>Oude Niedorp (woonkern)</t>
  </si>
  <si>
    <t>WK191119</t>
  </si>
  <si>
    <t>2021BU19111901</t>
  </si>
  <si>
    <t>buurten.d4130c9b-9fe7-4069-9e09-10a15097b14b</t>
  </si>
  <si>
    <t>BU19111990</t>
  </si>
  <si>
    <t>Buitengebied Oude Niedorp</t>
  </si>
  <si>
    <t>2021BU19111990</t>
  </si>
  <si>
    <t>buurten.f566ebbe-9878-41a7-a27b-f4ab9ea46d1a</t>
  </si>
  <si>
    <t>BU19160100</t>
  </si>
  <si>
    <t>De Zijde</t>
  </si>
  <si>
    <t>WK191601</t>
  </si>
  <si>
    <t>2021BU19160100</t>
  </si>
  <si>
    <t>buurten.37272244-e5b3-4ce2-a341-5ab596717fae</t>
  </si>
  <si>
    <t>PL1916010003</t>
  </si>
  <si>
    <t>Amstelwijk</t>
  </si>
  <si>
    <t>Schakenbosch en het Buitengebied</t>
  </si>
  <si>
    <t>geen keuze gemaakt. In deze wijken zal er vanaf 2030 gestart worden met vervolgonderzoek en bewonerstrajecten. Tot die tijd kunnen de bewoners altijd geen-spijt maatregelen doorvoeren zoals isolatie of een hybride warmtepomp</t>
  </si>
  <si>
    <t>Elektra en omgevingswarmte (luchtwarmtepompen, bodemenergie, warmte-koudeopslag (WKO) en bodemwarmtewisselaars)</t>
  </si>
  <si>
    <t>Warmte uit de Dunea rivierwaterleiding</t>
  </si>
  <si>
    <t>aquathermie (TED) en/of WKO</t>
  </si>
  <si>
    <t>BU19160101</t>
  </si>
  <si>
    <t>Duivenvoorde</t>
  </si>
  <si>
    <t>2021BU19160101</t>
  </si>
  <si>
    <t>buurten.60a30437-466e-464d-8d5a-57cf72f586c1</t>
  </si>
  <si>
    <t>PL1916010042</t>
  </si>
  <si>
    <t>Prinsenhof laag</t>
  </si>
  <si>
    <t>Voorkeursoptie. Onderzoek uitgevoerd door adviesbureau DWA waarin een businesscase is doorgerekend voor een warmtenet met de Dunea warmteleiding als warmtebron. Er zijn twee opties waarin de eerste uitgaat van een aftakking op de aanwezige uitkoppeling v</t>
  </si>
  <si>
    <t>BU19160102</t>
  </si>
  <si>
    <t>Park Veursehout</t>
  </si>
  <si>
    <t>2021BU19160102</t>
  </si>
  <si>
    <t>buurten.22212304-377f-4e18-84eb-7030646677a5</t>
  </si>
  <si>
    <t>PL1916010035</t>
  </si>
  <si>
    <t>PL1916010039</t>
  </si>
  <si>
    <t>Leidsenhage</t>
  </si>
  <si>
    <t>BU19160103</t>
  </si>
  <si>
    <t>2021BU19160103</t>
  </si>
  <si>
    <t>buurten.d89babe1-4f32-42bd-a751-39c56e0b2e3e</t>
  </si>
  <si>
    <t>PL1916010010</t>
  </si>
  <si>
    <t>PL1916010047</t>
  </si>
  <si>
    <t>Damsigt</t>
  </si>
  <si>
    <t>Verzetsheldenwijk</t>
  </si>
  <si>
    <t>BU19160104</t>
  </si>
  <si>
    <t>2021BU19160104</t>
  </si>
  <si>
    <t>buurten.6d14d02a-d8ff-4019-8390-c6e414041f8b</t>
  </si>
  <si>
    <t>t Lien noord</t>
  </si>
  <si>
    <t>BU19160200</t>
  </si>
  <si>
    <t>Prinsenhof hoog</t>
  </si>
  <si>
    <t>WK191602</t>
  </si>
  <si>
    <t>2021BU19160200</t>
  </si>
  <si>
    <t>buurten.2abb7c29-0ced-41c8-9d8b-e5c66f5368f5</t>
  </si>
  <si>
    <t>PL1916010001</t>
  </si>
  <si>
    <t>PL1916010041</t>
  </si>
  <si>
    <t>t Lien zuid</t>
  </si>
  <si>
    <t>BU19160201</t>
  </si>
  <si>
    <t>2021BU19160201</t>
  </si>
  <si>
    <t>buurten.5dfeb880-581d-4b2a-9d1a-3272400fa1a3</t>
  </si>
  <si>
    <t>Thermische energie uit oppervlaktewater, Aardwarmte (ondiep en diep), Zonnewarmte (veld), Restwarmte bedrijven, omgevingswarmte</t>
  </si>
  <si>
    <t>aquathermie (TEO) en/of geothermie en/of zonnewarmte en/of restwarmte en/of omgevingswarmte</t>
  </si>
  <si>
    <t>BU19160300</t>
  </si>
  <si>
    <t>'t Lien zuid</t>
  </si>
  <si>
    <t>WK191603</t>
  </si>
  <si>
    <t>2021BU19160300</t>
  </si>
  <si>
    <t>buurten.7d1958a0-11a3-44ec-9cf0-1f0a6b1c53ea</t>
  </si>
  <si>
    <t>PL1916010002</t>
  </si>
  <si>
    <t>PL1916010043</t>
  </si>
  <si>
    <t>De Rietvink / Veursestraatweg</t>
  </si>
  <si>
    <t>BU19160301</t>
  </si>
  <si>
    <t>2021BU19160301</t>
  </si>
  <si>
    <t>buurten.d26b0256-a5be-4651-a215-a7f8ff3e5854</t>
  </si>
  <si>
    <t>PL1916010034</t>
  </si>
  <si>
    <t>Damcentrum</t>
  </si>
  <si>
    <t>omgevingswarmte en/of bodemwarmte en/of WKO en/of zonnewarmte en/of biogas</t>
  </si>
  <si>
    <t>53</t>
  </si>
  <si>
    <t>BU19160302</t>
  </si>
  <si>
    <t>'t Lien noord</t>
  </si>
  <si>
    <t>2021BU19160302</t>
  </si>
  <si>
    <t>buurten.12b98fec-7b3f-4d41-885a-d2202b89f58a</t>
  </si>
  <si>
    <t>PL1916010013</t>
  </si>
  <si>
    <t>BU19160400</t>
  </si>
  <si>
    <t>Kern Stompwijk</t>
  </si>
  <si>
    <t>WK191604</t>
  </si>
  <si>
    <t>2021BU19160400</t>
  </si>
  <si>
    <t>buurten.fc5b63e3-233b-4857-92ea-92aaa5328ae1</t>
  </si>
  <si>
    <t>PL1916010020</t>
  </si>
  <si>
    <t>Luchtwarmtepompen, bodemenergie, warmte-koudeopslag (WKO) en bodemwarmtewisselaars</t>
  </si>
  <si>
    <t>WKO en/of bodemenergie en/of omgevingswarmte</t>
  </si>
  <si>
    <t>BU19160401</t>
  </si>
  <si>
    <t>2021BU19160401</t>
  </si>
  <si>
    <t>buurten.bfa29701-3364-41c1-aba0-b3e73b3cb143</t>
  </si>
  <si>
    <t>BU19160500</t>
  </si>
  <si>
    <t>WK191605</t>
  </si>
  <si>
    <t>2021BU19160500</t>
  </si>
  <si>
    <t>buurten.bca3a65f-8b7a-465e-a631-85ef7d031b55</t>
  </si>
  <si>
    <t>PL1916010007</t>
  </si>
  <si>
    <t>BU19160501</t>
  </si>
  <si>
    <t>Klein Plaspoelpolder</t>
  </si>
  <si>
    <t>2021BU19160501</t>
  </si>
  <si>
    <t>buurten.08c690f2-cdfd-4f58-aad2-642442343277</t>
  </si>
  <si>
    <t>PL1916010031</t>
  </si>
  <si>
    <t>Leidschendam - Zuid De Tol / t Hert</t>
  </si>
  <si>
    <t>BU19160502</t>
  </si>
  <si>
    <t>Leidschendam - Zuid De Tol / 't Hert</t>
  </si>
  <si>
    <t>2021BU19160502</t>
  </si>
  <si>
    <t>buurten.20606b48-609d-46ff-aec0-c4463c23f3f4</t>
  </si>
  <si>
    <t>Elektra, gas en omgevingswarmte of warmte uit de Dunea rivierwaterleiding,  warmtelinQ,  WKO, warmte uit oppervlaktewater, aardwarmte, zonnewarmte, biogas, luchtwarmtepompen, bodemenergie, warmte-koudeopslag (WKO) en bodemwarmtewisselaars</t>
  </si>
  <si>
    <t>BU19160503</t>
  </si>
  <si>
    <t>2021BU19160503</t>
  </si>
  <si>
    <t>buurten.6767ec80-94a0-4cdf-a20a-4c486776b64b</t>
  </si>
  <si>
    <t>PL0518010090</t>
  </si>
  <si>
    <t>BU19160504</t>
  </si>
  <si>
    <t>Leidschendam - Zuid De Oude Bleijck</t>
  </si>
  <si>
    <t>2021BU19160504</t>
  </si>
  <si>
    <t>buurten.08a50776-0943-4348-8110-b15bf15f8f74</t>
  </si>
  <si>
    <t>BU19160600</t>
  </si>
  <si>
    <t>De Heuvel zuid</t>
  </si>
  <si>
    <t>WK191606</t>
  </si>
  <si>
    <t>2021BU19160600</t>
  </si>
  <si>
    <t>buurten.59b21ca0-1ade-4bd3-bbfd-694f41ca8136</t>
  </si>
  <si>
    <t>PL1916010012</t>
  </si>
  <si>
    <t>BU19160601</t>
  </si>
  <si>
    <t>2021BU19160601</t>
  </si>
  <si>
    <t>buurten.9a788e5d-b728-4cdf-9932-21a72780bafa</t>
  </si>
  <si>
    <t>BU19160602</t>
  </si>
  <si>
    <t>De Heuvel noord</t>
  </si>
  <si>
    <t>2021BU19160602</t>
  </si>
  <si>
    <t>buurten.3a85db88-79ce-4fb1-a9fd-d06449f2465b</t>
  </si>
  <si>
    <t>PL1916010011</t>
  </si>
  <si>
    <t>BU19160700</t>
  </si>
  <si>
    <t>WK191607</t>
  </si>
  <si>
    <t>2021BU19160700</t>
  </si>
  <si>
    <t>buurten.648e4154-8ef7-4eaf-b7bb-b75539ad503b</t>
  </si>
  <si>
    <t>PL1916010008</t>
  </si>
  <si>
    <t>omgevingswarmte en/of bodemwarmte en/of WKO en/of gas</t>
  </si>
  <si>
    <t>BU19160701</t>
  </si>
  <si>
    <t>2021BU19160701</t>
  </si>
  <si>
    <t>buurten.43ccf624-ab64-433e-9796-3a69ffc1bd23</t>
  </si>
  <si>
    <t>BU19160702</t>
  </si>
  <si>
    <t>2021BU19160702</t>
  </si>
  <si>
    <t>buurten.031fdc74-3c80-49b2-966a-c5489ce5e361</t>
  </si>
  <si>
    <t>BU19160703</t>
  </si>
  <si>
    <t>Sijtwende</t>
  </si>
  <si>
    <t>2021BU19160703</t>
  </si>
  <si>
    <t>buurten.1d789487-2e22-49eb-ad46-4069419ab763</t>
  </si>
  <si>
    <t>PL1916010046</t>
  </si>
  <si>
    <t>BU19160704</t>
  </si>
  <si>
    <t>2021BU19160704</t>
  </si>
  <si>
    <t>buurten.ca6d5a40-c379-462e-9de1-299d5f8299f6</t>
  </si>
  <si>
    <t>PL1916010053</t>
  </si>
  <si>
    <t>Essesteijn / Tuinen</t>
  </si>
  <si>
    <t>BU19160800</t>
  </si>
  <si>
    <t>Essesteijn / Gaarden</t>
  </si>
  <si>
    <t>WK191608</t>
  </si>
  <si>
    <t>2021BU19160800</t>
  </si>
  <si>
    <t>buurten.256c60ef-b824-4a0f-8dbf-898143f48dfd</t>
  </si>
  <si>
    <t>PL1916010036</t>
  </si>
  <si>
    <t>Nieuw Essesteijn / Zijdezigt</t>
  </si>
  <si>
    <t>BU19160801</t>
  </si>
  <si>
    <t>2021BU19160801</t>
  </si>
  <si>
    <t>buurten.9bda787d-1ea6-4e63-88ab-e380ac4c5f8f</t>
  </si>
  <si>
    <t>PL1916010045</t>
  </si>
  <si>
    <t>BU19160802</t>
  </si>
  <si>
    <t>Essesteijn / Weiden</t>
  </si>
  <si>
    <t>2021BU19160802</t>
  </si>
  <si>
    <t>buurten.d8b72c9a-e097-41b6-9d0a-0b69e7edaab3</t>
  </si>
  <si>
    <t>BU19160803</t>
  </si>
  <si>
    <t>2021BU19160803</t>
  </si>
  <si>
    <t>buurten.e2dacef5-d32d-4c92-8b06-ac44c21322c3</t>
  </si>
  <si>
    <t>PL1916010018</t>
  </si>
  <si>
    <t>Voorburg Oud noord</t>
  </si>
  <si>
    <t>BU19160804</t>
  </si>
  <si>
    <t>2021BU19160804</t>
  </si>
  <si>
    <t>buurten.e0117b8d-dcae-4ac2-823d-119d8156e7ee</t>
  </si>
  <si>
    <t>PL1916010005</t>
  </si>
  <si>
    <t>PL1916010049</t>
  </si>
  <si>
    <t>Bovenveen noord</t>
  </si>
  <si>
    <t>Voorburg Midden noord</t>
  </si>
  <si>
    <t>BU19160900</t>
  </si>
  <si>
    <t>WK191609</t>
  </si>
  <si>
    <t>2021BU19160900</t>
  </si>
  <si>
    <t>buurten.ef4a9bff-1dce-4325-a97a-a7278dd294ab</t>
  </si>
  <si>
    <t>PL1916010048</t>
  </si>
  <si>
    <t>PL1916010054</t>
  </si>
  <si>
    <t>Voorburg Midden midden</t>
  </si>
  <si>
    <t>Voorburg Oud zuid</t>
  </si>
  <si>
    <t>Warmte uit oppervlaktewater, aardwarmte, zonnewarmte, biogas, luchtwarmtepompen, bodemenergie, warmte-koudeopslag (WKO) en bodemwarmtewisselaars</t>
  </si>
  <si>
    <t>aquathermie (TEO) en/of bodemenergie en/of zonnewarmte en/of biogas en/of omgevingswarmte en/of WKO</t>
  </si>
  <si>
    <t>BU19160901</t>
  </si>
  <si>
    <t>2021BU19160901</t>
  </si>
  <si>
    <t>buurten.e6facd37-66a9-49dd-a0dc-a537323d3199</t>
  </si>
  <si>
    <t>BU19160902</t>
  </si>
  <si>
    <t>Voorburg Midden zuid</t>
  </si>
  <si>
    <t>2021BU19160902</t>
  </si>
  <si>
    <t>buurten.c76eff79-939d-4c42-8093-eb9c5c8fb414</t>
  </si>
  <si>
    <t>BU19161000</t>
  </si>
  <si>
    <t>WK191610</t>
  </si>
  <si>
    <t>2021BU19161000</t>
  </si>
  <si>
    <t>buurten.0462ed71-0296-4a4c-be34-459a55993c95</t>
  </si>
  <si>
    <t>Bovenveen midden</t>
  </si>
  <si>
    <t>BU19161001</t>
  </si>
  <si>
    <t>2021BU19161001</t>
  </si>
  <si>
    <t>buurten.b6d09271-aab8-4f5c-bd08-5ae6f771371b</t>
  </si>
  <si>
    <t>PL1916010051</t>
  </si>
  <si>
    <t>Voorburg Noord noord</t>
  </si>
  <si>
    <t>Grotendeels vooroorlogse buurt waar de huizen en gebouwen dicht op elkaar staan met weinig ruimte in de grond voor nieuwe kabels en leidingen. Er is een bestaand warmtenet in de buurt met een paar aansluitingen. Door de ouderdom van de buurt zijn alle wa</t>
  </si>
  <si>
    <t>BU19161002</t>
  </si>
  <si>
    <t>Bovenveen zuid</t>
  </si>
  <si>
    <t>2021BU19161002</t>
  </si>
  <si>
    <t>buurten.a17485ca-ffd4-4ee3-bdd8-3915d68619f9</t>
  </si>
  <si>
    <t>PL1916010006</t>
  </si>
  <si>
    <t>BU19161100</t>
  </si>
  <si>
    <t>WK191611</t>
  </si>
  <si>
    <t>2021BU19161100</t>
  </si>
  <si>
    <t>buurten.f5b4db42-564b-4ec7-b77b-b5607526aa9f</t>
  </si>
  <si>
    <t>BU19161101</t>
  </si>
  <si>
    <t>2021BU19161101</t>
  </si>
  <si>
    <t>buurten.8c31f76a-22e2-4fec-9e20-24f6b65a7785</t>
  </si>
  <si>
    <t>BU19161200</t>
  </si>
  <si>
    <t>Voorburg West zuid</t>
  </si>
  <si>
    <t>WK191612</t>
  </si>
  <si>
    <t>2021BU19161200</t>
  </si>
  <si>
    <t>buurten.0a7bf13f-1983-4ea9-b68e-17f8cb507617</t>
  </si>
  <si>
    <t>Park Leeuwenbergh</t>
  </si>
  <si>
    <t>BU19161201</t>
  </si>
  <si>
    <t>2021BU19161201</t>
  </si>
  <si>
    <t>buurten.00c7115f-e786-4298-bcd3-93b94df933f6</t>
  </si>
  <si>
    <t>BU19161202</t>
  </si>
  <si>
    <t>2021BU19161202</t>
  </si>
  <si>
    <t>buurten.5ae93a19-dd6b-4cc3-aacb-08cd10e2fe2d</t>
  </si>
  <si>
    <t>BU19161300</t>
  </si>
  <si>
    <t>WK191613</t>
  </si>
  <si>
    <t>2021BU19161300</t>
  </si>
  <si>
    <t>buurten.9ff1596b-8dd0-4036-aa10-62e0c86aef26</t>
  </si>
  <si>
    <t>BU19161301</t>
  </si>
  <si>
    <t>2021BU19161301</t>
  </si>
  <si>
    <t>buurten.095ab2c2-a149-4032-8244-93d71a8156ac</t>
  </si>
  <si>
    <t>BU19240001</t>
  </si>
  <si>
    <t>Goedereede woonkern</t>
  </si>
  <si>
    <t>WK192400</t>
  </si>
  <si>
    <t>2021BU19240001</t>
  </si>
  <si>
    <t>buurten.7b6c84ed-9a10-4d06-9776-af874912c270</t>
  </si>
  <si>
    <t>BU19240002</t>
  </si>
  <si>
    <t>Goedereede havenhoofd</t>
  </si>
  <si>
    <t>2021BU19240002</t>
  </si>
  <si>
    <t>buurten.5d1c8eba-d244-4bcb-b772-ac8d846feccf</t>
  </si>
  <si>
    <t>BU19240003</t>
  </si>
  <si>
    <t>Goedereede buitengebied</t>
  </si>
  <si>
    <t>2021BU19240003</t>
  </si>
  <si>
    <t>buurten.1462c04b-43e3-4b05-8ae2-8d9902da74f9</t>
  </si>
  <si>
    <t>BU19240101</t>
  </si>
  <si>
    <t>Ouddorp centrum</t>
  </si>
  <si>
    <t>WK192401</t>
  </si>
  <si>
    <t>2021BU19240101</t>
  </si>
  <si>
    <t>buurten.e97cbf64-0b4e-4600-b588-9987863d1c3f</t>
  </si>
  <si>
    <t>BU19240102</t>
  </si>
  <si>
    <t>Ouddorp noord</t>
  </si>
  <si>
    <t>2021BU19240102</t>
  </si>
  <si>
    <t>buurten.b2deb53b-b340-43bd-8cc7-bcd293e693c0</t>
  </si>
  <si>
    <t>BU19240103</t>
  </si>
  <si>
    <t>Ouddorp zuid</t>
  </si>
  <si>
    <t>2021BU19240103</t>
  </si>
  <si>
    <t>buurten.2832e0d0-c5cd-4b56-a3fa-973e01525476</t>
  </si>
  <si>
    <t>BU19240104</t>
  </si>
  <si>
    <t>Ouddorp klepperstee klarebeek</t>
  </si>
  <si>
    <t>2021BU19240104</t>
  </si>
  <si>
    <t>buurten.c8411cb4-f4d2-4fc0-884b-4dc990f3a5bf</t>
  </si>
  <si>
    <t>BU19240105</t>
  </si>
  <si>
    <t>Ouddorp oude nieuwlandseweg</t>
  </si>
  <si>
    <t>2021BU19240105</t>
  </si>
  <si>
    <t>buurten.a2be95ff-7b27-48f8-8d49-ac07cd4acdf6</t>
  </si>
  <si>
    <t>BU19240106</t>
  </si>
  <si>
    <t>Ouddorp brouwersdam</t>
  </si>
  <si>
    <t>2021BU19240106</t>
  </si>
  <si>
    <t>buurten.406e4758-f86c-425c-be20-0a6a07007590</t>
  </si>
  <si>
    <t>BU19240107</t>
  </si>
  <si>
    <t>Ouddorp westeinde</t>
  </si>
  <si>
    <t>2021BU19240107</t>
  </si>
  <si>
    <t>buurten.08dfee4f-7346-404a-9531-78333aca4202</t>
  </si>
  <si>
    <t>BU19240108</t>
  </si>
  <si>
    <t>Ouddorp oudeland</t>
  </si>
  <si>
    <t>2021BU19240108</t>
  </si>
  <si>
    <t>buurten.4cb13090-6433-4854-a3eb-ca5e1bb83856</t>
  </si>
  <si>
    <t>BU19240109</t>
  </si>
  <si>
    <t>Ouddorp buitengebied</t>
  </si>
  <si>
    <t>2021BU19240109</t>
  </si>
  <si>
    <t>buurten.059f48db-ec49-4fa7-bd46-6968e2726b74</t>
  </si>
  <si>
    <t>BU19240201</t>
  </si>
  <si>
    <t>Stellendam centrum</t>
  </si>
  <si>
    <t>WK192402</t>
  </si>
  <si>
    <t>2021BU19240201</t>
  </si>
  <si>
    <t>buurten.9718b28d-1e5c-4fda-a257-00b5e253ae6a</t>
  </si>
  <si>
    <t>BU19240202</t>
  </si>
  <si>
    <t>Stellendam west</t>
  </si>
  <si>
    <t>2021BU19240202</t>
  </si>
  <si>
    <t>buurten.b9bac11d-953e-46c2-9496-12786fb50741</t>
  </si>
  <si>
    <t>BU19240203</t>
  </si>
  <si>
    <t>Stellendam zuiderdiep</t>
  </si>
  <si>
    <t>2021BU19240203</t>
  </si>
  <si>
    <t>buurten.a6cdb244-9d31-4ec2-8bea-9456faf9f005</t>
  </si>
  <si>
    <t>BU19240204</t>
  </si>
  <si>
    <t>Stellendam haven</t>
  </si>
  <si>
    <t>2021BU19240204</t>
  </si>
  <si>
    <t>buurten.f574ff12-e85f-4dc8-a818-1255794dc50e</t>
  </si>
  <si>
    <t>BU19240205</t>
  </si>
  <si>
    <t>Stellendam buitengebied</t>
  </si>
  <si>
    <t>2021BU19240205</t>
  </si>
  <si>
    <t>buurten.087b178a-0f24-4461-8712-c7abb7d2b639</t>
  </si>
  <si>
    <t>BU19240301</t>
  </si>
  <si>
    <t>Middelharnis westplaat</t>
  </si>
  <si>
    <t>WK192403</t>
  </si>
  <si>
    <t>2021BU19240301</t>
  </si>
  <si>
    <t>buurten.69cfc7c9-93bc-4622-8ee2-9748423ee4cf</t>
  </si>
  <si>
    <t>BU19240302</t>
  </si>
  <si>
    <t>Middelharnis centrum</t>
  </si>
  <si>
    <t>2021BU19240302</t>
  </si>
  <si>
    <t>buurten.1745c3ce-9942-4054-b2fa-8366bf17ed7b</t>
  </si>
  <si>
    <t>BU19240303</t>
  </si>
  <si>
    <t>Middelharnis prinsenkwartier</t>
  </si>
  <si>
    <t>2021BU19240303</t>
  </si>
  <si>
    <t>buurten.c88e314c-b79a-4b74-b8ba-6feda5da23f6</t>
  </si>
  <si>
    <t>BU19240304</t>
  </si>
  <si>
    <t>Middelharnis bomenbuurt</t>
  </si>
  <si>
    <t>2021BU19240304</t>
  </si>
  <si>
    <t>buurten.29480ae9-25ff-4b54-9dc2-8153bf0c0f58</t>
  </si>
  <si>
    <t>BU19240305</t>
  </si>
  <si>
    <t>Middelharnis oostplaat</t>
  </si>
  <si>
    <t>2021BU19240305</t>
  </si>
  <si>
    <t>buurten.c4347367-7e8a-4131-a08d-28f7d72488ab</t>
  </si>
  <si>
    <t>BU19240306</t>
  </si>
  <si>
    <t>Middelharnis Nieuw Zeeland</t>
  </si>
  <si>
    <t>2021BU19240306</t>
  </si>
  <si>
    <t>buurten.18fbe072-497a-43c6-bf56-4c8f8d68f1f3</t>
  </si>
  <si>
    <t>BU19240307</t>
  </si>
  <si>
    <t>Middelharnis buitengebied</t>
  </si>
  <si>
    <t>2021BU19240307</t>
  </si>
  <si>
    <t>buurten.c1a518b4-70e9-4014-938c-38e46eb0740d</t>
  </si>
  <si>
    <t>BU19240401</t>
  </si>
  <si>
    <t>Ooltgensplaat woonkern</t>
  </si>
  <si>
    <t>WK192404</t>
  </si>
  <si>
    <t>2021BU19240401</t>
  </si>
  <si>
    <t>buurten.c8e25fd2-c991-401a-b5e1-9bd1a0cc23de</t>
  </si>
  <si>
    <t>BU19240402</t>
  </si>
  <si>
    <t>Ooltgensplaat haven</t>
  </si>
  <si>
    <t>2021BU19240402</t>
  </si>
  <si>
    <t>buurten.694fdb33-08c4-49f9-9aa5-9a360e7ca1fc</t>
  </si>
  <si>
    <t>BU19240403</t>
  </si>
  <si>
    <t>Ooltgensplaat buitengebied</t>
  </si>
  <si>
    <t>2021BU19240403</t>
  </si>
  <si>
    <t>buurten.7b0fde05-945c-4ffd-a31a-00af6086c2ea</t>
  </si>
  <si>
    <t>BU19240501</t>
  </si>
  <si>
    <t>Den Bommel woonkern</t>
  </si>
  <si>
    <t>WK192405</t>
  </si>
  <si>
    <t>2021BU19240501</t>
  </si>
  <si>
    <t>buurten.c84b9d12-8577-4c9b-b41f-c9b496e22a6c</t>
  </si>
  <si>
    <t>BU19240502</t>
  </si>
  <si>
    <t>Den Bommel buitengebied</t>
  </si>
  <si>
    <t>2021BU19240502</t>
  </si>
  <si>
    <t>buurten.42991b11-fdd8-44d6-a9e8-f3c2625d4b2b</t>
  </si>
  <si>
    <t>BU19240601</t>
  </si>
  <si>
    <t>Oude-Tonge centrum</t>
  </si>
  <si>
    <t>WK192406</t>
  </si>
  <si>
    <t>2021BU19240601</t>
  </si>
  <si>
    <t>buurten.0919eb91-b058-40bc-912b-794dd04e739b</t>
  </si>
  <si>
    <t>BU19240602</t>
  </si>
  <si>
    <t>Oude-Tonge prinsessenbuurt handelskade</t>
  </si>
  <si>
    <t>2021BU19240602</t>
  </si>
  <si>
    <t>buurten.1d7ee25c-c47e-47e5-9878-074a8a5b3a10</t>
  </si>
  <si>
    <t>BU19240603</t>
  </si>
  <si>
    <t>Oude-Tonge planetenbuurt</t>
  </si>
  <si>
    <t>2021BU19240603</t>
  </si>
  <si>
    <t>buurten.848af71e-b268-4dda-918a-da4034200214</t>
  </si>
  <si>
    <t>BU19240604</t>
  </si>
  <si>
    <t>Oude-Tonge haven</t>
  </si>
  <si>
    <t>2021BU19240604</t>
  </si>
  <si>
    <t>buurten.5ff85364-3734-4479-9b5a-ebb5520de827</t>
  </si>
  <si>
    <t>BU19240605</t>
  </si>
  <si>
    <t>Oude-Tonge industriegebied</t>
  </si>
  <si>
    <t>2021BU19240605</t>
  </si>
  <si>
    <t>buurten.ef975b86-1050-4ea1-bd31-61d74301ce99</t>
  </si>
  <si>
    <t>BU19240606</t>
  </si>
  <si>
    <t>Oude-Tonge buitengebied</t>
  </si>
  <si>
    <t>2021BU19240606</t>
  </si>
  <si>
    <t>buurten.3a949789-b65a-4ac2-b6f7-ba725a4e8920</t>
  </si>
  <si>
    <t>BU19240701</t>
  </si>
  <si>
    <t>Dirksland centrum</t>
  </si>
  <si>
    <t>WK192407</t>
  </si>
  <si>
    <t>2021BU19240701</t>
  </si>
  <si>
    <t>buurten.1008149f-6bec-4ce1-b740-ea311c189f5c</t>
  </si>
  <si>
    <t>BU19240702</t>
  </si>
  <si>
    <t>Dirksland noord</t>
  </si>
  <si>
    <t>2021BU19240702</t>
  </si>
  <si>
    <t>buurten.7ff50a9e-1bed-4a4e-8483-a526292a2322</t>
  </si>
  <si>
    <t>BU19240703</t>
  </si>
  <si>
    <t>Dirksland zuid</t>
  </si>
  <si>
    <t>2021BU19240703</t>
  </si>
  <si>
    <t>buurten.282e6f90-a2c2-4ad6-aa1b-15a4a3afaf79</t>
  </si>
  <si>
    <t>BU19240704</t>
  </si>
  <si>
    <t>Dirksland industriegebied</t>
  </si>
  <si>
    <t>2021BU19240704</t>
  </si>
  <si>
    <t>buurten.12f20f07-7667-487b-a941-ee1ea40f7b70</t>
  </si>
  <si>
    <t>BU19240705</t>
  </si>
  <si>
    <t>Dirksland buitengebied</t>
  </si>
  <si>
    <t>2021BU19240705</t>
  </si>
  <si>
    <t>buurten.c1a8d606-e632-4e0f-a66a-949c2c461185</t>
  </si>
  <si>
    <t>BU19240801</t>
  </si>
  <si>
    <t>Melissant woonkern</t>
  </si>
  <si>
    <t>WK192408</t>
  </si>
  <si>
    <t>2021BU19240801</t>
  </si>
  <si>
    <t>buurten.2d225279-39f4-4f28-a55a-469aa0b9cf95</t>
  </si>
  <si>
    <t>BU19240802</t>
  </si>
  <si>
    <t>Melissant buitengebied</t>
  </si>
  <si>
    <t>2021BU19240802</t>
  </si>
  <si>
    <t>buurten.a937a2a3-b371-469a-aa9d-20878baeb988</t>
  </si>
  <si>
    <t>BU19240901</t>
  </si>
  <si>
    <t>Herkingen woonkern</t>
  </si>
  <si>
    <t>WK192409</t>
  </si>
  <si>
    <t>2021BU19240901</t>
  </si>
  <si>
    <t>buurten.e10bf8c7-3de2-4ec1-a6f9-56aa1de8119c</t>
  </si>
  <si>
    <t>BU19240902</t>
  </si>
  <si>
    <t>Herkingen buitenplaats</t>
  </si>
  <si>
    <t>2021BU19240902</t>
  </si>
  <si>
    <t>buurten.8c152abe-4084-4e7f-a74e-dd4e145084a9</t>
  </si>
  <si>
    <t>BU19240903</t>
  </si>
  <si>
    <t>Herkingen buitengebied</t>
  </si>
  <si>
    <t>2021BU19240903</t>
  </si>
  <si>
    <t>buurten.080f2f43-9096-4d02-9ac0-c07e117c276e</t>
  </si>
  <si>
    <t>BU19241001</t>
  </si>
  <si>
    <t>Sommelsdijk centrum</t>
  </si>
  <si>
    <t>WK192410</t>
  </si>
  <si>
    <t>2021BU19241001</t>
  </si>
  <si>
    <t>buurten.201ee27c-6561-4391-b7a4-64d5db09d6a8</t>
  </si>
  <si>
    <t>BU19241002</t>
  </si>
  <si>
    <t>Sommelsdijk bloemenbuurt</t>
  </si>
  <si>
    <t>2021BU19241002</t>
  </si>
  <si>
    <t>buurten.7b79dd22-a223-4713-9bb3-6e7215c5a4cf</t>
  </si>
  <si>
    <t>BU19241003</t>
  </si>
  <si>
    <t>Sommelsdijk westplaat</t>
  </si>
  <si>
    <t>2021BU19241003</t>
  </si>
  <si>
    <t>buurten.fe84c347-367c-43d4-b9b7-0470e9af73ae</t>
  </si>
  <si>
    <t>BU19241004</t>
  </si>
  <si>
    <t>Sommelsdijk vogelbuurt oost</t>
  </si>
  <si>
    <t>2021BU19241004</t>
  </si>
  <si>
    <t>buurten.a4a871af-1546-4268-9a97-b5c50ce9c074</t>
  </si>
  <si>
    <t>BU19241005</t>
  </si>
  <si>
    <t>Sommelsdijk vogelbuurt west</t>
  </si>
  <si>
    <t>2021BU19241005</t>
  </si>
  <si>
    <t>buurten.a5e0543b-eca9-4fc6-ada1-1fe2af6e12f7</t>
  </si>
  <si>
    <t>BU19241006</t>
  </si>
  <si>
    <t>Sommelsdijk buitengebied</t>
  </si>
  <si>
    <t>2021BU19241006</t>
  </si>
  <si>
    <t>buurten.280b13f0-d547-472b-a375-869ddbcad5ba</t>
  </si>
  <si>
    <t>BU19241101</t>
  </si>
  <si>
    <t>Nieuwe-Tonge woonkern</t>
  </si>
  <si>
    <t>WK192411</t>
  </si>
  <si>
    <t>2021BU19241101</t>
  </si>
  <si>
    <t>buurten.1ab11d25-ab5d-479e-9cb2-ce0cf1cf40ac</t>
  </si>
  <si>
    <t>BU19241102</t>
  </si>
  <si>
    <t>Nieuwe-Tonge battenoord</t>
  </si>
  <si>
    <t>2021BU19241102</t>
  </si>
  <si>
    <t>buurten.10d4e95b-703e-4337-ab68-206cb42cd543</t>
  </si>
  <si>
    <t>BU19241103</t>
  </si>
  <si>
    <t>Nieuwe-Tonge buitengebied</t>
  </si>
  <si>
    <t>2021BU19241103</t>
  </si>
  <si>
    <t>buurten.625bd60f-24cc-4fcf-9f93-ac84dc086ab9</t>
  </si>
  <si>
    <t>BU19241201</t>
  </si>
  <si>
    <t>Stad aan 't Haringvliet woonkern</t>
  </si>
  <si>
    <t>WK192412</t>
  </si>
  <si>
    <t>2021BU19241201</t>
  </si>
  <si>
    <t>buurten.38b6ffb5-9165-49ba-a1c6-e2682de36558</t>
  </si>
  <si>
    <t>PL1924010001</t>
  </si>
  <si>
    <t>Aardgasvrij Stad aan t Haringvliet</t>
  </si>
  <si>
    <t>voor 2030 beter zicht krijgen op nieuwe technieken: Potentie, financiele haalbaarheid, CO2-reductie, maatschappelijk draagvlak, verbruik van duurzame energiesystemen</t>
  </si>
  <si>
    <t>BU19241202</t>
  </si>
  <si>
    <t>Stad aan 't Haringvliet buitengebied</t>
  </si>
  <si>
    <t>2021BU19241202</t>
  </si>
  <si>
    <t>buurten.025e1b83-72e3-4715-8a41-e2daa168b1bd</t>
  </si>
  <si>
    <t>BU19241301</t>
  </si>
  <si>
    <t>Achthuizen woonkern</t>
  </si>
  <si>
    <t>WK192413</t>
  </si>
  <si>
    <t>2021BU19241301</t>
  </si>
  <si>
    <t>buurten.81cdad77-e4cd-454c-b099-d1755f78e3ce</t>
  </si>
  <si>
    <t>BU19241302</t>
  </si>
  <si>
    <t>Achthuizen buitengebied</t>
  </si>
  <si>
    <t>2021BU19241302</t>
  </si>
  <si>
    <t>buurten.84e27c24-f38b-45bf-b510-62a8495bd6ad</t>
  </si>
  <si>
    <t>BU19260101</t>
  </si>
  <si>
    <t>Pijnacker-Centrum/Dorp</t>
  </si>
  <si>
    <t>WK192601</t>
  </si>
  <si>
    <t>2021BU19260101</t>
  </si>
  <si>
    <t>buurten.58bfd485-f3fe-475e-803b-49a0030490a4</t>
  </si>
  <si>
    <t>PL1926010003</t>
  </si>
  <si>
    <t>PL1926010014</t>
  </si>
  <si>
    <t>Ackerswoude</t>
  </si>
  <si>
    <t>BU19260102</t>
  </si>
  <si>
    <t>Pijnacker Noord</t>
  </si>
  <si>
    <t>2021BU19260102</t>
  </si>
  <si>
    <t>buurten.c322f8f5-0da4-4457-97f7-4362d6c676b4</t>
  </si>
  <si>
    <t>geothermie en/of restwarmte (GLTB)</t>
  </si>
  <si>
    <t>BU19260103</t>
  </si>
  <si>
    <t>Koningshof</t>
  </si>
  <si>
    <t>2021BU19260103</t>
  </si>
  <si>
    <t>buurten.2f11f7c3-f909-4eca-942b-58d48c99c9c0</t>
  </si>
  <si>
    <t>Keijzershof Erven, Tolhek, Tolhek Akkerland, Keijzershof Boszoom</t>
  </si>
  <si>
    <t>Pijnacker noord/centrum en koningshof</t>
  </si>
  <si>
    <t>BU19260104</t>
  </si>
  <si>
    <t>Klapwijk</t>
  </si>
  <si>
    <t>2021BU19260104</t>
  </si>
  <si>
    <t>buurten.73b3e7e6-452b-4d1d-9971-5ab441b06ccd</t>
  </si>
  <si>
    <t>PL1926010002</t>
  </si>
  <si>
    <t>BU19260105</t>
  </si>
  <si>
    <t>2021BU19260105</t>
  </si>
  <si>
    <t>buurten.8ff45954-aad1-4484-a585-fb0f90785a15</t>
  </si>
  <si>
    <t>Pijnacker Oost</t>
  </si>
  <si>
    <t>BU19260106</t>
  </si>
  <si>
    <t>Keijzershof Erven</t>
  </si>
  <si>
    <t>2021BU19260106</t>
  </si>
  <si>
    <t>buurten.7f7e323f-3f7d-48a0-956e-37edc9ea6abf</t>
  </si>
  <si>
    <t>BU19260107</t>
  </si>
  <si>
    <t>2021BU19260107</t>
  </si>
  <si>
    <t>buurten.ab25c87c-45ce-4b1a-bd05-2e289ea62f7f</t>
  </si>
  <si>
    <t>BU19260108</t>
  </si>
  <si>
    <t>Keijzershof Boszoom</t>
  </si>
  <si>
    <t>2021BU19260108</t>
  </si>
  <si>
    <t>buurten.83a294a0-b6a3-46e8-a36a-7babed29c308</t>
  </si>
  <si>
    <t>BU19260109</t>
  </si>
  <si>
    <t>Keijzershof Eilanden</t>
  </si>
  <si>
    <t>2021BU19260109</t>
  </si>
  <si>
    <t>buurten.b1ca8d3d-cbfd-4059-82d6-20e0d4be2401</t>
  </si>
  <si>
    <t>BU19260111</t>
  </si>
  <si>
    <t>Zuidpolder Oude Leede</t>
  </si>
  <si>
    <t>2021BU19260111</t>
  </si>
  <si>
    <t>buurten.c8f25772-df7e-414b-aed7-42020e30f042</t>
  </si>
  <si>
    <t>BU19260112</t>
  </si>
  <si>
    <t>2021BU19260112</t>
  </si>
  <si>
    <t>buurten.463fb12c-9a57-4f78-a83a-7414b6c468d8</t>
  </si>
  <si>
    <t>BU19260113</t>
  </si>
  <si>
    <t>Noordpolder Pijnacker</t>
  </si>
  <si>
    <t>2021BU19260113</t>
  </si>
  <si>
    <t>buurten.b4a4bfb5-e3a9-4b25-bfb1-a0537b0fe91c</t>
  </si>
  <si>
    <t>BU19260114</t>
  </si>
  <si>
    <t>De Boezem</t>
  </si>
  <si>
    <t>2021BU19260114</t>
  </si>
  <si>
    <t>buurten.2fa8d07b-7e5e-40e0-8a86-13089cfdac68</t>
  </si>
  <si>
    <t>PL1926010005</t>
  </si>
  <si>
    <t>BU19260221</t>
  </si>
  <si>
    <t>Nootdorp Centrum/West</t>
  </si>
  <si>
    <t>WK192602</t>
  </si>
  <si>
    <t>2021BU19260221</t>
  </si>
  <si>
    <t>buurten.9a2414aa-0ed7-4b12-96be-0125afbfe236</t>
  </si>
  <si>
    <t>PL1926010001</t>
  </si>
  <si>
    <t>BU19260222</t>
  </si>
  <si>
    <t>Vrouwtjeslant/Nieuweveen</t>
  </si>
  <si>
    <t>2021BU19260222</t>
  </si>
  <si>
    <t>buurten.99138fa3-33b5-4f28-ae0f-aa9290082506</t>
  </si>
  <si>
    <t>BU19260223</t>
  </si>
  <si>
    <t>Achter het Raadhuis</t>
  </si>
  <si>
    <t>2021BU19260223</t>
  </si>
  <si>
    <t>buurten.63aa3f45-f461-4f6b-9d27-ccef40e2ff22</t>
  </si>
  <si>
    <t>BU19260224</t>
  </si>
  <si>
    <t>'s-Gravenhout</t>
  </si>
  <si>
    <t>2021BU19260224</t>
  </si>
  <si>
    <t>buurten.9248fea4-d0e8-4dd0-a107-7d9e8399cf29</t>
  </si>
  <si>
    <t>BU19260225</t>
  </si>
  <si>
    <t>2021BU19260225</t>
  </si>
  <si>
    <t>buurten.6c79800c-f062-4076-95dd-3dc3d10ad2b6</t>
  </si>
  <si>
    <t>BU19260226</t>
  </si>
  <si>
    <t>De Venen/Craeyenburch</t>
  </si>
  <si>
    <t>2021BU19260226</t>
  </si>
  <si>
    <t>buurten.3f6772a5-6aac-4104-afb2-d97e6dad722e</t>
  </si>
  <si>
    <t>PL0518010017</t>
  </si>
  <si>
    <t>BU19260227</t>
  </si>
  <si>
    <t>De Venen Oost</t>
  </si>
  <si>
    <t>2021BU19260227</t>
  </si>
  <si>
    <t>buurten.a4637a57-1898-4374-8df4-ebcd07e9eb9a</t>
  </si>
  <si>
    <t>BU19260231</t>
  </si>
  <si>
    <t>Buitengebied Nootdorp</t>
  </si>
  <si>
    <t>2021BU19260231</t>
  </si>
  <si>
    <t>buurten.02a6683d-8b7f-4f49-b665-0d8e778d2e5d</t>
  </si>
  <si>
    <t>BU19260232</t>
  </si>
  <si>
    <t>Oostambacht/Heronpark</t>
  </si>
  <si>
    <t>2021BU19260232</t>
  </si>
  <si>
    <t>buurten.5a047aec-fc87-4892-825a-16255f8c86a9</t>
  </si>
  <si>
    <t>BU19260341</t>
  </si>
  <si>
    <t>Oud-Delfgauw</t>
  </si>
  <si>
    <t>WK192603</t>
  </si>
  <si>
    <t>2021BU19260341</t>
  </si>
  <si>
    <t>buurten.2c92d987-c129-4caa-ad02-ed061b6b5b60</t>
  </si>
  <si>
    <t>BU19260342</t>
  </si>
  <si>
    <t>Emerald Noord</t>
  </si>
  <si>
    <t>2021BU19260342</t>
  </si>
  <si>
    <t>buurten.b9c233ad-da09-4393-945c-d36f8ca6fa50</t>
  </si>
  <si>
    <t>BU19260343</t>
  </si>
  <si>
    <t>Emerald Centrum</t>
  </si>
  <si>
    <t>2021BU19260343</t>
  </si>
  <si>
    <t>buurten.8c44704c-c717-4c2e-a906-df8c6cbe2529</t>
  </si>
  <si>
    <t>Emerald Centrum &amp; Zuid</t>
  </si>
  <si>
    <t>BU19260344</t>
  </si>
  <si>
    <t>Emerald Zuid</t>
  </si>
  <si>
    <t>2021BU19260344</t>
  </si>
  <si>
    <t>buurten.2a7721a7-218d-4ea6-8989-609f5e185543</t>
  </si>
  <si>
    <t>BU19260351</t>
  </si>
  <si>
    <t>Ruijven</t>
  </si>
  <si>
    <t>2021BU19260351</t>
  </si>
  <si>
    <t>buurten.f3ea51a4-5545-420c-8ede-241ff57275cf</t>
  </si>
  <si>
    <t>BU19260352</t>
  </si>
  <si>
    <t>Zuidpolder Delfgauw</t>
  </si>
  <si>
    <t>2021BU19260352</t>
  </si>
  <si>
    <t>buurten.d47c047a-9af6-4a83-9af6-dd0859e77e3e</t>
  </si>
  <si>
    <t>BU19260353</t>
  </si>
  <si>
    <t>Noordpolder Delfgauw</t>
  </si>
  <si>
    <t>2021BU19260353</t>
  </si>
  <si>
    <t>buurten.379f4e91-5a96-495b-9193-7d4733c8552a</t>
  </si>
  <si>
    <t>BU19300101</t>
  </si>
  <si>
    <t>Kern</t>
  </si>
  <si>
    <t>WK193001</t>
  </si>
  <si>
    <t>2021BU19300101</t>
  </si>
  <si>
    <t>buurten.44866001-8c34-4a3d-8589-2384d88083e5</t>
  </si>
  <si>
    <t>BU19300102</t>
  </si>
  <si>
    <t>Molenwei</t>
  </si>
  <si>
    <t>2021BU19300102</t>
  </si>
  <si>
    <t>buurten.dae6ae33-8397-4417-be74-e281d3207849</t>
  </si>
  <si>
    <t>BU19300103</t>
  </si>
  <si>
    <t>2021BU19300103</t>
  </si>
  <si>
    <t>buurten.6388853a-8d4d-4528-b8d0-684c97d653aa</t>
  </si>
  <si>
    <t>PL0501010001</t>
  </si>
  <si>
    <t>De Hoek Nissewaard</t>
  </si>
  <si>
    <t>BU19300104</t>
  </si>
  <si>
    <t>2021BU19300104</t>
  </si>
  <si>
    <t>buurten.f39eaffc-e876-4c99-ab68-63aff7b895d4</t>
  </si>
  <si>
    <t>BU19300105</t>
  </si>
  <si>
    <t>2021BU19300105</t>
  </si>
  <si>
    <t>buurten.93f64f13-1486-42e2-82ab-3a1ba8117f65</t>
  </si>
  <si>
    <t>BU19300106</t>
  </si>
  <si>
    <t>2021BU19300106</t>
  </si>
  <si>
    <t>buurten.3f7a504d-8626-4a81-a63f-e6a4d637aa7d</t>
  </si>
  <si>
    <t>BU19300201</t>
  </si>
  <si>
    <t>Schiekamp-Noord</t>
  </si>
  <si>
    <t>WK193002</t>
  </si>
  <si>
    <t>2021BU19300201</t>
  </si>
  <si>
    <t>buurten.bfb98bd5-6e3e-4dca-a3f5-4172b54e3160</t>
  </si>
  <si>
    <t>BU19300202</t>
  </si>
  <si>
    <t>Schiekamp-Zuid</t>
  </si>
  <si>
    <t>2021BU19300202</t>
  </si>
  <si>
    <t>buurten.ac52520f-2c62-4553-af71-f7ab31d20526</t>
  </si>
  <si>
    <t>BU19300301</t>
  </si>
  <si>
    <t>Hoogwerf-Noord</t>
  </si>
  <si>
    <t>WK193003</t>
  </si>
  <si>
    <t>2021BU19300301</t>
  </si>
  <si>
    <t>buurten.e59c6bcf-3a11-4207-9dfd-a5e282fe2a07</t>
  </si>
  <si>
    <t>BU19300302</t>
  </si>
  <si>
    <t>Hoogwerf-Zuid</t>
  </si>
  <si>
    <t>2021BU19300302</t>
  </si>
  <si>
    <t>buurten.9126440a-71ac-4035-821a-e7eaaba24967</t>
  </si>
  <si>
    <t>BU19300401</t>
  </si>
  <si>
    <t>Vierambachten</t>
  </si>
  <si>
    <t>WK193004</t>
  </si>
  <si>
    <t>2021BU19300401</t>
  </si>
  <si>
    <t>buurten.5415c579-c267-4ea4-9198-12e392b1b7c0</t>
  </si>
  <si>
    <t>BU19300501</t>
  </si>
  <si>
    <t>De Hoek-1</t>
  </si>
  <si>
    <t>WK193005</t>
  </si>
  <si>
    <t>2021BU19300501</t>
  </si>
  <si>
    <t>buurten.7ba30751-2da3-4fa2-b89c-1c2313b89327</t>
  </si>
  <si>
    <t>BU19300502</t>
  </si>
  <si>
    <t>De Hoek-2</t>
  </si>
  <si>
    <t>2021BU19300502</t>
  </si>
  <si>
    <t>buurten.25da5f2f-0866-40e5-b1b4-1ea4a517ed68</t>
  </si>
  <si>
    <t>BU19300503</t>
  </si>
  <si>
    <t>De Hoek-3</t>
  </si>
  <si>
    <t>2021BU19300503</t>
  </si>
  <si>
    <t>buurten.bf18f594-1c24-471f-a0cd-514d18ccd6cb</t>
  </si>
  <si>
    <t>BU19300504</t>
  </si>
  <si>
    <t>De Hoek-4</t>
  </si>
  <si>
    <t>2021BU19300504</t>
  </si>
  <si>
    <t>buurten.7fd26a39-8277-42ca-a6d0-ae6f10d5b73b</t>
  </si>
  <si>
    <t>BU19300601</t>
  </si>
  <si>
    <t>Gildenwijk-Oost</t>
  </si>
  <si>
    <t>WK193006</t>
  </si>
  <si>
    <t>2021BU19300601</t>
  </si>
  <si>
    <t>buurten.9996b261-b851-4eb0-bb31-a0c55203aee1</t>
  </si>
  <si>
    <t>BU19300602</t>
  </si>
  <si>
    <t>Gildenwijk-West</t>
  </si>
  <si>
    <t>2021BU19300602</t>
  </si>
  <si>
    <t>buurten.92804fd1-b2af-44eb-8ccf-de74f4fd51af</t>
  </si>
  <si>
    <t>BU19300603</t>
  </si>
  <si>
    <t>2021BU19300603</t>
  </si>
  <si>
    <t>buurten.90f7b636-df8e-4ae4-970a-54d80cc7c2b0</t>
  </si>
  <si>
    <t>BU19300701</t>
  </si>
  <si>
    <t>Groenewoud-Hoog</t>
  </si>
  <si>
    <t>WK193007</t>
  </si>
  <si>
    <t>2021BU19300701</t>
  </si>
  <si>
    <t>buurten.f73c91f6-65d8-4532-8e18-431e4859f7d5</t>
  </si>
  <si>
    <t>BU19300702</t>
  </si>
  <si>
    <t>Groenewoud-Huur</t>
  </si>
  <si>
    <t>2021BU19300702</t>
  </si>
  <si>
    <t>buurten.8c792104-59fa-4296-bdf2-8804cb37f82b</t>
  </si>
  <si>
    <t>BU19300703</t>
  </si>
  <si>
    <t>Groenewoud-Koop</t>
  </si>
  <si>
    <t>2021BU19300703</t>
  </si>
  <si>
    <t>buurten.c58b3314-4189-4546-8fa4-ead25ce0e64f</t>
  </si>
  <si>
    <t>BU19300801</t>
  </si>
  <si>
    <t>Sterrenkwartier-Hoog</t>
  </si>
  <si>
    <t>WK193008</t>
  </si>
  <si>
    <t>2021BU19300801</t>
  </si>
  <si>
    <t>buurten.3bd8907a-1bd4-4846-9679-19b121f80eb7</t>
  </si>
  <si>
    <t>BU19300802</t>
  </si>
  <si>
    <t>Sterrenkwartier-Midden</t>
  </si>
  <si>
    <t>2021BU19300802</t>
  </si>
  <si>
    <t>buurten.d5db9efd-f3fd-4b10-ac6a-042dc799ea8a</t>
  </si>
  <si>
    <t>BU19300803</t>
  </si>
  <si>
    <t>Sterrenkwartier-Oost</t>
  </si>
  <si>
    <t>2021BU19300803</t>
  </si>
  <si>
    <t>buurten.192c60ea-e475-440d-a3fa-468d3aa76263</t>
  </si>
  <si>
    <t>BU19300804</t>
  </si>
  <si>
    <t>Sterrenkwartier-Zuid</t>
  </si>
  <si>
    <t>2021BU19300804</t>
  </si>
  <si>
    <t>buurten.d97622e9-7f0d-464f-8a58-427407d62f20</t>
  </si>
  <si>
    <t>PL0501010002</t>
  </si>
  <si>
    <t>Akkers-centrum en Vogelenzang-Zuid Nissewaard (2 buurten)</t>
  </si>
  <si>
    <t>BU19300805</t>
  </si>
  <si>
    <t>Sterrenkwartier-West</t>
  </si>
  <si>
    <t>2021BU19300805</t>
  </si>
  <si>
    <t>buurten.a850784a-b6c6-4219-bac4-2eb4b35769b2</t>
  </si>
  <si>
    <t>BU19300901</t>
  </si>
  <si>
    <t>Schenkel-Noordwest</t>
  </si>
  <si>
    <t>WK193009</t>
  </si>
  <si>
    <t>2021BU19300901</t>
  </si>
  <si>
    <t>buurten.4b925462-4d6d-452d-b14d-edbdb0003405</t>
  </si>
  <si>
    <t>BU19300902</t>
  </si>
  <si>
    <t>Schenkel-Industrieterrein</t>
  </si>
  <si>
    <t>2021BU19300902</t>
  </si>
  <si>
    <t>buurten.19632204-4d70-49e2-aa24-49fbd6605d8d</t>
  </si>
  <si>
    <t>BU19300903</t>
  </si>
  <si>
    <t>Schenkel-Zuidwest</t>
  </si>
  <si>
    <t>2021BU19300903</t>
  </si>
  <si>
    <t>buurten.898ba192-a23e-4c6a-bb06-f1aba204eba8</t>
  </si>
  <si>
    <t>BU19300904</t>
  </si>
  <si>
    <t>Schenkel-Zuidoost</t>
  </si>
  <si>
    <t>2021BU19300904</t>
  </si>
  <si>
    <t>buurten.28a2e5c5-1f05-445a-b079-992335f5435c</t>
  </si>
  <si>
    <t>BU19300905</t>
  </si>
  <si>
    <t>Schenkel-Noordoost</t>
  </si>
  <si>
    <t>2021BU19300905</t>
  </si>
  <si>
    <t>buurten.78f466cb-3a57-4712-a134-ddfc0c7a94e2</t>
  </si>
  <si>
    <t>BU19301001</t>
  </si>
  <si>
    <t>WK193010</t>
  </si>
  <si>
    <t>2021BU19301001</t>
  </si>
  <si>
    <t>buurten.74cf9e9e-6387-46bd-b7a9-0420b3b3d77b</t>
  </si>
  <si>
    <t>BU19301002</t>
  </si>
  <si>
    <t>Bedrijventerrein Haven-Noord</t>
  </si>
  <si>
    <t>2021BU19301002</t>
  </si>
  <si>
    <t>buurten.e15c8a41-d787-4cc8-9f22-ce967ffa88f1</t>
  </si>
  <si>
    <t>BU19301003</t>
  </si>
  <si>
    <t>2021BU19301003</t>
  </si>
  <si>
    <t>buurten.2e389200-03db-4a0a-9a10-fcb7bcbc84e0</t>
  </si>
  <si>
    <t>BU19301004</t>
  </si>
  <si>
    <t>Het Land</t>
  </si>
  <si>
    <t>2021BU19301004</t>
  </si>
  <si>
    <t>buurten.ec5b92a2-6dfd-4d4b-a75b-4e0509f0c95c</t>
  </si>
  <si>
    <t>BU19301101</t>
  </si>
  <si>
    <t>Vogelenzang-Zuid</t>
  </si>
  <si>
    <t>WK193011</t>
  </si>
  <si>
    <t>2021BU19301101</t>
  </si>
  <si>
    <t>buurten.b446894a-1665-4c1d-b094-b9bd1eb0a525</t>
  </si>
  <si>
    <t>BU19301102</t>
  </si>
  <si>
    <t>Vogelenzang-Noord</t>
  </si>
  <si>
    <t>2021BU19301102</t>
  </si>
  <si>
    <t>buurten.62825131-1ab9-4d73-8819-a33444278ad1</t>
  </si>
  <si>
    <t>BU19301201</t>
  </si>
  <si>
    <t>WK193012</t>
  </si>
  <si>
    <t>2021BU19301201</t>
  </si>
  <si>
    <t>buurten.8a7317a7-62ed-4a4b-ada9-d764398b892a</t>
  </si>
  <si>
    <t>BU19301202</t>
  </si>
  <si>
    <t>2021BU19301202</t>
  </si>
  <si>
    <t>buurten.ed3bc844-1730-44f9-8a65-1d8ab5f035cf</t>
  </si>
  <si>
    <t>BU19301203</t>
  </si>
  <si>
    <t>Voorden</t>
  </si>
  <si>
    <t>2021BU19301203</t>
  </si>
  <si>
    <t>buurten.fc31a94d-78d0-4068-9b44-6a94b65ad31c</t>
  </si>
  <si>
    <t>BU19301204</t>
  </si>
  <si>
    <t>Akkers-Centrum</t>
  </si>
  <si>
    <t>2021BU19301204</t>
  </si>
  <si>
    <t>buurten.7ae00c72-a62b-4995-a9b1-e8e93b6899b4</t>
  </si>
  <si>
    <t>BU19301205</t>
  </si>
  <si>
    <t>Donken</t>
  </si>
  <si>
    <t>2021BU19301205</t>
  </si>
  <si>
    <t>buurten.1bde94c8-4d94-4937-b2b9-31387357ff64</t>
  </si>
  <si>
    <t>BU19301206</t>
  </si>
  <si>
    <t>Kreken</t>
  </si>
  <si>
    <t>2021BU19301206</t>
  </si>
  <si>
    <t>buurten.2b164bbf-6bbe-48af-8f47-26f1f9a1f9a7</t>
  </si>
  <si>
    <t>BU19301301</t>
  </si>
  <si>
    <t>Vriesland</t>
  </si>
  <si>
    <t>WK193013</t>
  </si>
  <si>
    <t>2021BU19301301</t>
  </si>
  <si>
    <t>buurten.1eb9b4e5-14df-4491-8fdd-689bd74d8f16</t>
  </si>
  <si>
    <t>BU19301401</t>
  </si>
  <si>
    <t>Ottersveen</t>
  </si>
  <si>
    <t>WK193014</t>
  </si>
  <si>
    <t>2021BU19301401</t>
  </si>
  <si>
    <t>buurten.d2234cd1-aeb2-4a4d-867e-3ff1c8c45889</t>
  </si>
  <si>
    <t>BU19301402</t>
  </si>
  <si>
    <t>Kikkerveen</t>
  </si>
  <si>
    <t>2021BU19301402</t>
  </si>
  <si>
    <t>buurten.8a4e2f62-998c-4ab6-9a66-eb1cef13623d</t>
  </si>
  <si>
    <t>BU19301403</t>
  </si>
  <si>
    <t>Beverveen</t>
  </si>
  <si>
    <t>2021BU19301403</t>
  </si>
  <si>
    <t>buurten.8bac3552-2491-408a-9a54-72538e8a5354</t>
  </si>
  <si>
    <t>BU19301404</t>
  </si>
  <si>
    <t>Egel- en Salamanderveen</t>
  </si>
  <si>
    <t>2021BU19301404</t>
  </si>
  <si>
    <t>buurten.cbb298fe-03f8-4fb5-9275-fefa7a02a012</t>
  </si>
  <si>
    <t>BU19301405</t>
  </si>
  <si>
    <t>Krekelveen</t>
  </si>
  <si>
    <t>2021BU19301405</t>
  </si>
  <si>
    <t>buurten.09fc08af-124f-432d-a62e-720ea34c35d0</t>
  </si>
  <si>
    <t>BU19301406</t>
  </si>
  <si>
    <t>Slakkenveen</t>
  </si>
  <si>
    <t>2021BU19301406</t>
  </si>
  <si>
    <t>buurten.d3431cc0-5bc1-44ea-af23-5e63268c0bee</t>
  </si>
  <si>
    <t>BU19301407</t>
  </si>
  <si>
    <t>2021BU19301407</t>
  </si>
  <si>
    <t>buurten.26799271-b769-4375-b7ef-cf1aa9500db6</t>
  </si>
  <si>
    <t>BU19301408</t>
  </si>
  <si>
    <t>Karperveen</t>
  </si>
  <si>
    <t>2021BU19301408</t>
  </si>
  <si>
    <t>buurten.e5c6e08a-d8b2-41ee-9fb0-e29dca889a09</t>
  </si>
  <si>
    <t>BU19301409</t>
  </si>
  <si>
    <t>Snoekenveen</t>
  </si>
  <si>
    <t>2021BU19301409</t>
  </si>
  <si>
    <t>buurten.36342616-ce1e-4058-97ee-4bb2091761e2</t>
  </si>
  <si>
    <t>BU19301410</t>
  </si>
  <si>
    <t>Baarsveen</t>
  </si>
  <si>
    <t>2021BU19301410</t>
  </si>
  <si>
    <t>buurten.0413a369-fed7-454b-aaa9-d2cee4807435</t>
  </si>
  <si>
    <t>BU19301411</t>
  </si>
  <si>
    <t>Park Waterland</t>
  </si>
  <si>
    <t>2021BU19301411</t>
  </si>
  <si>
    <t>buurten.6eb96e88-bb9a-40d1-867b-16606baa4cd4</t>
  </si>
  <si>
    <t>BU19301501</t>
  </si>
  <si>
    <t>Maaswijk-Noordoost</t>
  </si>
  <si>
    <t>WK193015</t>
  </si>
  <si>
    <t>2021BU19301501</t>
  </si>
  <si>
    <t>buurten.b7e3d82c-05ac-42d0-87c8-563ab36cbfa0</t>
  </si>
  <si>
    <t>BU19301502</t>
  </si>
  <si>
    <t>Maaswijk-Noordwest</t>
  </si>
  <si>
    <t>2021BU19301502</t>
  </si>
  <si>
    <t>buurten.dc35cd94-7760-4bef-a17f-4c3d7961b88e</t>
  </si>
  <si>
    <t>BU19301503</t>
  </si>
  <si>
    <t>Maaswijk-Zuidwest</t>
  </si>
  <si>
    <t>2021BU19301503</t>
  </si>
  <si>
    <t>buurten.7723369c-ed2a-4d29-8f5c-64d8215441f6</t>
  </si>
  <si>
    <t>BU19301504</t>
  </si>
  <si>
    <t>Maaswijk-Zuidoost</t>
  </si>
  <si>
    <t>2021BU19301504</t>
  </si>
  <si>
    <t>buurten.873f0cd3-9b98-479e-b34b-735288b9faa3</t>
  </si>
  <si>
    <t>BU19301505</t>
  </si>
  <si>
    <t>Maaswijktuinen</t>
  </si>
  <si>
    <t>2021BU19301505</t>
  </si>
  <si>
    <t>buurten.f256de87-bbbe-4575-af75-e3c68d2114da</t>
  </si>
  <si>
    <t>BU19301506</t>
  </si>
  <si>
    <t>Park Welgelegen</t>
  </si>
  <si>
    <t>2021BU19301506</t>
  </si>
  <si>
    <t>buurten.e81416ad-c50e-4480-909b-e95cb30cef96</t>
  </si>
  <si>
    <t>BU19301601</t>
  </si>
  <si>
    <t>Industrieterrein Halfweg</t>
  </si>
  <si>
    <t>WK193016</t>
  </si>
  <si>
    <t>2021BU19301601</t>
  </si>
  <si>
    <t>buurten.e2166b36-4b98-489b-9504-ccdc837bb6b3</t>
  </si>
  <si>
    <t>BU19301701</t>
  </si>
  <si>
    <t>Oostbroek</t>
  </si>
  <si>
    <t>WK193017</t>
  </si>
  <si>
    <t>2021BU19301701</t>
  </si>
  <si>
    <t>buurten.8c8e44f3-d670-4d3e-b99d-d9fcddaf7caf</t>
  </si>
  <si>
    <t>BU19301702</t>
  </si>
  <si>
    <t>Landtong</t>
  </si>
  <si>
    <t>2021BU19301702</t>
  </si>
  <si>
    <t>buurten.8f45bdd7-7938-47c7-a61c-47cb436f0b52</t>
  </si>
  <si>
    <t>BU19301703</t>
  </si>
  <si>
    <t>Hartelpark-Oost</t>
  </si>
  <si>
    <t>2021BU19301703</t>
  </si>
  <si>
    <t>buurten.4777c232-b383-445e-9af3-1a8242f34c88</t>
  </si>
  <si>
    <t>BU19301704</t>
  </si>
  <si>
    <t>Hartelpark-West</t>
  </si>
  <si>
    <t>2021BU19301704</t>
  </si>
  <si>
    <t>buurten.9803544a-4be9-4b03-996a-982580411eb2</t>
  </si>
  <si>
    <t>BU19301705</t>
  </si>
  <si>
    <t>Markenburg</t>
  </si>
  <si>
    <t>2021BU19301705</t>
  </si>
  <si>
    <t>buurten.d091debe-4c62-460c-bd2d-b0c152b9fc06</t>
  </si>
  <si>
    <t>BU19301706</t>
  </si>
  <si>
    <t>2021BU19301706</t>
  </si>
  <si>
    <t>buurten.0f14b047-6dc9-47f2-9bbe-023e169eb451</t>
  </si>
  <si>
    <t>BU19301707</t>
  </si>
  <si>
    <t>2021BU19301707</t>
  </si>
  <si>
    <t>buurten.ec4ea91c-02f7-4547-bb86-27e48c23b7e8</t>
  </si>
  <si>
    <t>BU19301708</t>
  </si>
  <si>
    <t>Berenplaat</t>
  </si>
  <si>
    <t>2021BU19301708</t>
  </si>
  <si>
    <t>buurten.4b7cc088-dd56-4930-b6bd-2dbe1e9fa4dd</t>
  </si>
  <si>
    <t>Oud-Beijerland Centrum</t>
  </si>
  <si>
    <t>BU19302501</t>
  </si>
  <si>
    <t>Kern Heenvliet</t>
  </si>
  <si>
    <t>WK193025</t>
  </si>
  <si>
    <t>2021BU19302501</t>
  </si>
  <si>
    <t>buurten.b4aac6e9-6269-4c6e-bd3d-d8896832d95c</t>
  </si>
  <si>
    <t>BU19302502</t>
  </si>
  <si>
    <t>Bloemendaele</t>
  </si>
  <si>
    <t>2021BU19302502</t>
  </si>
  <si>
    <t>buurten.c4837e08-f985-4411-ba65-1d6b1502bb21</t>
  </si>
  <si>
    <t>BU19302503</t>
  </si>
  <si>
    <t>Ravensteijn-West</t>
  </si>
  <si>
    <t>2021BU19302503</t>
  </si>
  <si>
    <t>buurten.c9f4f9f8-60bb-44ba-a80f-c9294bc6f8ed</t>
  </si>
  <si>
    <t>BU19302504</t>
  </si>
  <si>
    <t>Poldergebied Heenvliet</t>
  </si>
  <si>
    <t>2021BU19302504</t>
  </si>
  <si>
    <t>buurten.3199bac2-f0b2-4940-a177-28f27cda28d7</t>
  </si>
  <si>
    <t>BU19302701</t>
  </si>
  <si>
    <t>Kern Geervliet</t>
  </si>
  <si>
    <t>WK193027</t>
  </si>
  <si>
    <t>2021BU19302701</t>
  </si>
  <si>
    <t>buurten.68fa3897-2868-4c5a-957f-b869220d955c</t>
  </si>
  <si>
    <t>BU19302702</t>
  </si>
  <si>
    <t>Geervliet-Noordoost</t>
  </si>
  <si>
    <t>2021BU19302702</t>
  </si>
  <si>
    <t>buurten.9583ba96-9657-4808-8573-08e9da2e9699</t>
  </si>
  <si>
    <t>BU19302703</t>
  </si>
  <si>
    <t>Poldergebied Geervliet</t>
  </si>
  <si>
    <t>2021BU19302703</t>
  </si>
  <si>
    <t>buurten.e379710d-660f-44bc-9664-29a7fa9beca4</t>
  </si>
  <si>
    <t>BU19302901</t>
  </si>
  <si>
    <t>Kern Abbenbroek</t>
  </si>
  <si>
    <t>WK193029</t>
  </si>
  <si>
    <t>2021BU19302901</t>
  </si>
  <si>
    <t>buurten.cd49825b-18f8-4664-b76c-d916b5949bef</t>
  </si>
  <si>
    <t>BU19302902</t>
  </si>
  <si>
    <t>Poldergebied Abbenbroek</t>
  </si>
  <si>
    <t>2021BU19302902</t>
  </si>
  <si>
    <t>buurten.ff9d8c96-9df4-41d2-8d12-33e8b42814c4</t>
  </si>
  <si>
    <t>BU19303101</t>
  </si>
  <si>
    <t>Kern Zuidland</t>
  </si>
  <si>
    <t>WK193031</t>
  </si>
  <si>
    <t>2021BU19303101</t>
  </si>
  <si>
    <t>buurten.afef1797-8332-4d29-9a55-1a3f01873ee2</t>
  </si>
  <si>
    <t>BU19303102</t>
  </si>
  <si>
    <t>Kerckhoek</t>
  </si>
  <si>
    <t>2021BU19303102</t>
  </si>
  <si>
    <t>buurten.30e64321-56cf-4c5e-900e-b3cb4f5c0259</t>
  </si>
  <si>
    <t>BU19303103</t>
  </si>
  <si>
    <t>Kreken van Nibbeland</t>
  </si>
  <si>
    <t>2021BU19303103</t>
  </si>
  <si>
    <t>buurten.e63492bd-76ad-491d-879c-002465c427cf</t>
  </si>
  <si>
    <t>BU19303104</t>
  </si>
  <si>
    <t>Harregat</t>
  </si>
  <si>
    <t>2021BU19303104</t>
  </si>
  <si>
    <t>buurten.3212b452-135b-4de0-9c5b-fb61bdc1d5ed</t>
  </si>
  <si>
    <t>BU19303105</t>
  </si>
  <si>
    <t>Poldergebied Zuidland</t>
  </si>
  <si>
    <t>2021BU19303105</t>
  </si>
  <si>
    <t>buurten.66726cfe-0261-4786-a674-4af235daa3ce</t>
  </si>
  <si>
    <t>BU19303301</t>
  </si>
  <si>
    <t>Kern Simonshaven</t>
  </si>
  <si>
    <t>WK193033</t>
  </si>
  <si>
    <t>2021BU19303301</t>
  </si>
  <si>
    <t>buurten.6b01bd81-db83-4dcb-966b-10bc2bb23755</t>
  </si>
  <si>
    <t>BU19303302</t>
  </si>
  <si>
    <t>Poldergebied Simonshaven</t>
  </si>
  <si>
    <t>2021BU19303302</t>
  </si>
  <si>
    <t>buurten.8565d70e-5c0e-401d-bee6-cffb65af573a</t>
  </si>
  <si>
    <t>BU19305001</t>
  </si>
  <si>
    <t>Hekelingen-Dorp</t>
  </si>
  <si>
    <t>WK193050</t>
  </si>
  <si>
    <t>2021BU19305001</t>
  </si>
  <si>
    <t>buurten.7ddde322-b489-4b9d-a63c-70caef2c6cb0</t>
  </si>
  <si>
    <t>BU19305002</t>
  </si>
  <si>
    <t>Uitslag van Putten-Zuid</t>
  </si>
  <si>
    <t>2021BU19305002</t>
  </si>
  <si>
    <t>buurten.98f4f99c-ef0e-42d1-95ac-7ffb69e1c652</t>
  </si>
  <si>
    <t>BU19305003</t>
  </si>
  <si>
    <t>Oud-Schuddebeurs</t>
  </si>
  <si>
    <t>2021BU19305003</t>
  </si>
  <si>
    <t>buurten.d68fa813-d493-4b26-b931-e1d1bab66651</t>
  </si>
  <si>
    <t>BU19310000</t>
  </si>
  <si>
    <t>Tiendhoek</t>
  </si>
  <si>
    <t>WK193100</t>
  </si>
  <si>
    <t>2021BU19310000</t>
  </si>
  <si>
    <t>buurten.062d85a6-4e52-43ab-ad43-65434c8911ca</t>
  </si>
  <si>
    <t>BU19310001</t>
  </si>
  <si>
    <t>Schuwacht</t>
  </si>
  <si>
    <t>2021BU19310001</t>
  </si>
  <si>
    <t>buurten.09fd9f65-497b-4b02-9ba6-344935d13f74</t>
  </si>
  <si>
    <t>BU19310002</t>
  </si>
  <si>
    <t>Opperduit</t>
  </si>
  <si>
    <t>2021BU19310002</t>
  </si>
  <si>
    <t>buurten.fcfb392f-955e-44f1-bf1e-c90c1abf0250</t>
  </si>
  <si>
    <t>BU19310003</t>
  </si>
  <si>
    <t>Tiendweg-West</t>
  </si>
  <si>
    <t>2021BU19310003</t>
  </si>
  <si>
    <t>buurten.0212b3d5-0eb3-4f75-a27f-6d1021e6d931</t>
  </si>
  <si>
    <t>BU19310004</t>
  </si>
  <si>
    <t>Lekkerkerk-Oost</t>
  </si>
  <si>
    <t>2021BU19310004</t>
  </si>
  <si>
    <t>buurten.d4f17f9a-5635-4c19-953f-33cee41dbdce</t>
  </si>
  <si>
    <t>BU19310005</t>
  </si>
  <si>
    <t>2021BU19310005</t>
  </si>
  <si>
    <t>buurten.bbaa0618-12f9-4365-8bb3-133cb8a91217</t>
  </si>
  <si>
    <t>BU19310006</t>
  </si>
  <si>
    <t>Koninginnenbuurt</t>
  </si>
  <si>
    <t>2021BU19310006</t>
  </si>
  <si>
    <t>buurten.f98a6a49-bb8f-4c79-90fd-329fcb509e6d</t>
  </si>
  <si>
    <t>BU19310007</t>
  </si>
  <si>
    <t>Wibautsraat en Lorentzweg</t>
  </si>
  <si>
    <t>2021BU19310007</t>
  </si>
  <si>
    <t>buurten.a1390350-111d-43a5-80e7-b4363eee3e7a</t>
  </si>
  <si>
    <t>BU19310008</t>
  </si>
  <si>
    <t>Molenwerf en omstreken</t>
  </si>
  <si>
    <t>2021BU19310008</t>
  </si>
  <si>
    <t>buurten.7ab4c8f1-1b02-4f5c-8d2e-c672c7a7343b</t>
  </si>
  <si>
    <t>BU19310009</t>
  </si>
  <si>
    <t>Voorstraat en Centrum</t>
  </si>
  <si>
    <t>2021BU19310009</t>
  </si>
  <si>
    <t>buurten.3c7dd399-4195-4936-8ece-6f75086ec3ce</t>
  </si>
  <si>
    <t>BU19310010</t>
  </si>
  <si>
    <t>2021BU19310010</t>
  </si>
  <si>
    <t>buurten.07fb8e37-0bbb-4d9b-9526-43017ad8aaeb</t>
  </si>
  <si>
    <t>BU19310011</t>
  </si>
  <si>
    <t>Verspr. huizen Lekkerkerk</t>
  </si>
  <si>
    <t>2021BU19310011</t>
  </si>
  <si>
    <t>buurten.135043a6-bd09-4374-b99a-6e2b4e84c203</t>
  </si>
  <si>
    <t>BU19310100</t>
  </si>
  <si>
    <t>WK193101</t>
  </si>
  <si>
    <t>2021BU19310100</t>
  </si>
  <si>
    <t>buurten.2cd2edcf-3de5-4edf-9de4-2627953944cd</t>
  </si>
  <si>
    <t>BU19310101</t>
  </si>
  <si>
    <t>Binnen Krimpen</t>
  </si>
  <si>
    <t>2021BU19310101</t>
  </si>
  <si>
    <t>buurten.24188922-4a13-4d70-9103-8ceb5e6a35f8</t>
  </si>
  <si>
    <t>BU19310102</t>
  </si>
  <si>
    <t>2021BU19310102</t>
  </si>
  <si>
    <t>buurten.cb345f3e-39cc-4660-b096-9293958fefaa</t>
  </si>
  <si>
    <t>BU19310103</t>
  </si>
  <si>
    <t>Krimpen-Oost</t>
  </si>
  <si>
    <t>2021BU19310103</t>
  </si>
  <si>
    <t>buurten.63ef3f4a-5b51-4a91-a44c-bc387de6c42e</t>
  </si>
  <si>
    <t>BU19310104</t>
  </si>
  <si>
    <t>Zaag</t>
  </si>
  <si>
    <t>2021BU19310104</t>
  </si>
  <si>
    <t>buurten.46c63d58-6e32-4984-ae5d-f87dd17f8f01</t>
  </si>
  <si>
    <t>BU19310105</t>
  </si>
  <si>
    <t>Tiendweg Noord</t>
  </si>
  <si>
    <t>2021BU19310105</t>
  </si>
  <si>
    <t>buurten.061e5fe2-6f0c-4270-b66c-e63de1ff8e3a</t>
  </si>
  <si>
    <t>BU19310106</t>
  </si>
  <si>
    <t>Krimpen Centrum</t>
  </si>
  <si>
    <t>2021BU19310106</t>
  </si>
  <si>
    <t>buurten.9c505f4a-8fd4-4c43-b8f8-420250693b87</t>
  </si>
  <si>
    <t>BU19310107</t>
  </si>
  <si>
    <t>Industrieterrein Krimpen</t>
  </si>
  <si>
    <t>2021BU19310107</t>
  </si>
  <si>
    <t>buurten.1a3ef092-c130-45c8-8ead-28e11656dbfa</t>
  </si>
  <si>
    <t>BU19310108</t>
  </si>
  <si>
    <t>Lekdijk</t>
  </si>
  <si>
    <t>2021BU19310108</t>
  </si>
  <si>
    <t>buurten.2934d5a3-5c00-4085-949e-3c6663897c8b</t>
  </si>
  <si>
    <t>BU19310109</t>
  </si>
  <si>
    <t>Verspr. huizen Krimpen aan de Lek</t>
  </si>
  <si>
    <t>2021BU19310109</t>
  </si>
  <si>
    <t>buurten.54597405-08f1-4c2c-bc40-fc97216bfc3d</t>
  </si>
  <si>
    <t>BU19310200</t>
  </si>
  <si>
    <t>Ouderkerk aan den IJssel</t>
  </si>
  <si>
    <t>WK193102</t>
  </si>
  <si>
    <t>2021BU19310200</t>
  </si>
  <si>
    <t>buurten.ff78e0f2-2c3b-4b26-953b-707df8967bb2</t>
  </si>
  <si>
    <t>BU19310208</t>
  </si>
  <si>
    <t>Verspr. huizen Ouderkerk Noord</t>
  </si>
  <si>
    <t>2021BU19310208</t>
  </si>
  <si>
    <t>buurten.da6e4080-a202-4757-8ba8-b86b427463b4</t>
  </si>
  <si>
    <t>BU19310209</t>
  </si>
  <si>
    <t>Verspr. huizen Ouderkerk Oost</t>
  </si>
  <si>
    <t>2021BU19310209</t>
  </si>
  <si>
    <t>buurten.17e0c593-29a9-4434-be50-19d4466c6774</t>
  </si>
  <si>
    <t>BU19310300</t>
  </si>
  <si>
    <t>Gouderak</t>
  </si>
  <si>
    <t>WK193103</t>
  </si>
  <si>
    <t>2021BU19310300</t>
  </si>
  <si>
    <t>buurten.a4ea47c7-fadc-4b18-8982-81b3e0daeeb7</t>
  </si>
  <si>
    <t>BU19310400</t>
  </si>
  <si>
    <t>Bergambacht-Dorp</t>
  </si>
  <si>
    <t>WK193104</t>
  </si>
  <si>
    <t>2021BU19310400</t>
  </si>
  <si>
    <t>buurten.30ff5861-2e1d-402d-92fa-c7f27652ea64</t>
  </si>
  <si>
    <t>BU19310401</t>
  </si>
  <si>
    <t>Kadijk en Kadijkselaan</t>
  </si>
  <si>
    <t>2021BU19310401</t>
  </si>
  <si>
    <t>buurten.054fe176-dead-407d-9cf4-8448b6a9ebbe</t>
  </si>
  <si>
    <t>BU19310402</t>
  </si>
  <si>
    <t>Uitbreiding Dorp</t>
  </si>
  <si>
    <t>2021BU19310402</t>
  </si>
  <si>
    <t>buurten.dc8e88df-b6cf-4874-ba30-f3e560b5a373</t>
  </si>
  <si>
    <t>BU19310403</t>
  </si>
  <si>
    <t>Benedenberg en Zuidbroek</t>
  </si>
  <si>
    <t>2021BU19310403</t>
  </si>
  <si>
    <t>buurten.ad649df2-7718-4e28-ae1f-eb234113122b</t>
  </si>
  <si>
    <t>BU19310404</t>
  </si>
  <si>
    <t>Tussenlanen</t>
  </si>
  <si>
    <t>2021BU19310404</t>
  </si>
  <si>
    <t>buurten.9dc55e91-0468-4949-8550-a89cebee16c4</t>
  </si>
  <si>
    <t>BU19310409</t>
  </si>
  <si>
    <t>Bovenberg westelijk van de Fransekade</t>
  </si>
  <si>
    <t>2021BU19310409</t>
  </si>
  <si>
    <t>buurten.bd921376-ad2a-4a05-9c7e-2394eec9e75b</t>
  </si>
  <si>
    <t>BU19310500</t>
  </si>
  <si>
    <t>Bergstoep</t>
  </si>
  <si>
    <t>WK193105</t>
  </si>
  <si>
    <t>2021BU19310500</t>
  </si>
  <si>
    <t>buurten.0f0e72cf-fb51-4272-ad11-72bfcd62a213</t>
  </si>
  <si>
    <t>BU19310501</t>
  </si>
  <si>
    <t>Lekdijk-West en Provinciale weg (ged.)</t>
  </si>
  <si>
    <t>2021BU19310501</t>
  </si>
  <si>
    <t>buurten.93f13c48-d160-467f-8ee8-2167e65e676b</t>
  </si>
  <si>
    <t>BU19310502</t>
  </si>
  <si>
    <t>Lekdijk-Oost en Provinciale weg (ged.)</t>
  </si>
  <si>
    <t>2021BU19310502</t>
  </si>
  <si>
    <t>buurten.b16407ef-4ac4-4f8c-b19f-f84a692daa17</t>
  </si>
  <si>
    <t>BU19310503</t>
  </si>
  <si>
    <t>2021BU19310503</t>
  </si>
  <si>
    <t>buurten.991cfdd0-cdbc-4b77-9180-8baf5dd23a8f</t>
  </si>
  <si>
    <t>BU19310504</t>
  </si>
  <si>
    <t>Provinciale weg (ged.) De Hem en Hogedijk (ged.)</t>
  </si>
  <si>
    <t>2021BU19310504</t>
  </si>
  <si>
    <t>buurten.e1ac3566-e175-4eb3-b5ce-9d8db314f799</t>
  </si>
  <si>
    <t>BU19310600</t>
  </si>
  <si>
    <t>Ammerstol</t>
  </si>
  <si>
    <t>WK193106</t>
  </si>
  <si>
    <t>2021BU19310600</t>
  </si>
  <si>
    <t>buurten.0e24faba-f3e7-4ebb-9f7e-5e8a13fe772f</t>
  </si>
  <si>
    <t>BU19310700</t>
  </si>
  <si>
    <t>Berkenwoude</t>
  </si>
  <si>
    <t>WK193107</t>
  </si>
  <si>
    <t>2021BU19310700</t>
  </si>
  <si>
    <t>buurten.42a0302b-0604-4719-bd85-67387da7f442</t>
  </si>
  <si>
    <t>BU19310701</t>
  </si>
  <si>
    <t>Achterbroek</t>
  </si>
  <si>
    <t>2021BU19310701</t>
  </si>
  <si>
    <t>buurten.4a47aa2a-a001-4ef0-999e-f2cbfa003e00</t>
  </si>
  <si>
    <t>BU19310800</t>
  </si>
  <si>
    <t>Haastrecht-Dorpskern</t>
  </si>
  <si>
    <t>WK193108</t>
  </si>
  <si>
    <t>2021BU19310800</t>
  </si>
  <si>
    <t>buurten.9074e18c-33e6-43c1-9069-f6613707f434</t>
  </si>
  <si>
    <t>BU19310801</t>
  </si>
  <si>
    <t>Boven-Haastrecht</t>
  </si>
  <si>
    <t>2021BU19310801</t>
  </si>
  <si>
    <t>buurten.a48d1334-2e3b-4c9c-ae90-5aad3cc761b8</t>
  </si>
  <si>
    <t>BU19310802</t>
  </si>
  <si>
    <t>Beneden-Haastrecht</t>
  </si>
  <si>
    <t>2021BU19310802</t>
  </si>
  <si>
    <t>buurten.bc70a806-caa3-4a6e-9e78-2083747792af</t>
  </si>
  <si>
    <t>BU19310803</t>
  </si>
  <si>
    <t>2021BU19310803</t>
  </si>
  <si>
    <t>buurten.698df5a4-fe45-496b-a995-d3b629358bea</t>
  </si>
  <si>
    <t>BU19310804</t>
  </si>
  <si>
    <t>Stolwijkersluis (ged.)</t>
  </si>
  <si>
    <t>2021BU19310804</t>
  </si>
  <si>
    <t>buurten.422021a6-2bd1-4a2f-a456-dc456c267041</t>
  </si>
  <si>
    <t>BU19310805</t>
  </si>
  <si>
    <t>Hofkamp</t>
  </si>
  <si>
    <t>2021BU19310805</t>
  </si>
  <si>
    <t>buurten.c0246f28-d225-4dd1-a108-4d39d7787bbc</t>
  </si>
  <si>
    <t>BU19310806</t>
  </si>
  <si>
    <t>Agterpoort</t>
  </si>
  <si>
    <t>2021BU19310806</t>
  </si>
  <si>
    <t>buurten.89228d6d-8307-42b1-b7be-e3e4b4267d9a</t>
  </si>
  <si>
    <t>BU19310807</t>
  </si>
  <si>
    <t>2021BU19310807</t>
  </si>
  <si>
    <t>buurten.221ff237-ad7f-4f6a-a1fa-7c3c21218522</t>
  </si>
  <si>
    <t>BU19310808</t>
  </si>
  <si>
    <t>Verspr. huizen Haastrecht Noord</t>
  </si>
  <si>
    <t>2021BU19310808</t>
  </si>
  <si>
    <t>buurten.7ceccfb0-2f32-4894-891a-c216fdab3068</t>
  </si>
  <si>
    <t>BU19310809</t>
  </si>
  <si>
    <t>Verspr. huizen Haastrecht Zuid</t>
  </si>
  <si>
    <t>2021BU19310809</t>
  </si>
  <si>
    <t>buurten.0ebbc98f-51d8-48d3-86ce-7d68009f09e3</t>
  </si>
  <si>
    <t>BU19310810</t>
  </si>
  <si>
    <t>Bergvliet</t>
  </si>
  <si>
    <t>2021BU19310810</t>
  </si>
  <si>
    <t>buurten.10b9cfb0-5efc-4fc6-9407-11e46aef19a5</t>
  </si>
  <si>
    <t>BU19311000</t>
  </si>
  <si>
    <t>Stolwijk</t>
  </si>
  <si>
    <t>WK193110</t>
  </si>
  <si>
    <t>2021BU19311000</t>
  </si>
  <si>
    <t>buurten.f920c8d4-6f67-4532-88df-e6a7ae076e89</t>
  </si>
  <si>
    <t>BU19311001</t>
  </si>
  <si>
    <t>2021BU19311001</t>
  </si>
  <si>
    <t>buurten.4e3213e6-dc64-4ccf-8d80-2a158e149bf8</t>
  </si>
  <si>
    <t>BU19311002</t>
  </si>
  <si>
    <t>Benedenkerk</t>
  </si>
  <si>
    <t>2021BU19311002</t>
  </si>
  <si>
    <t>buurten.ce87c06e-6ca4-4489-8449-45954e667a97</t>
  </si>
  <si>
    <t>BU19311003</t>
  </si>
  <si>
    <t>Benedenheul</t>
  </si>
  <si>
    <t>2021BU19311003</t>
  </si>
  <si>
    <t>buurten.d5468ae6-c5c4-48ae-baf5-b72055274413</t>
  </si>
  <si>
    <t>BU19311004</t>
  </si>
  <si>
    <t>Goudseweg</t>
  </si>
  <si>
    <t>2021BU19311004</t>
  </si>
  <si>
    <t>buurten.98490b8e-b5a9-427c-96b8-b6fc232b0742</t>
  </si>
  <si>
    <t>BU19311005</t>
  </si>
  <si>
    <t>Het Beijersche</t>
  </si>
  <si>
    <t>2021BU19311005</t>
  </si>
  <si>
    <t>buurten.75a937d2-6c11-4c7a-b657-dad58ab147f4</t>
  </si>
  <si>
    <t>BU19311006</t>
  </si>
  <si>
    <t>Koolwijk</t>
  </si>
  <si>
    <t>2021BU19311006</t>
  </si>
  <si>
    <t>buurten.b7a58ba2-24af-4c0e-a6c6-8f228e95ca94</t>
  </si>
  <si>
    <t>BU19311007</t>
  </si>
  <si>
    <t>Schoonouwen</t>
  </si>
  <si>
    <t>2021BU19311007</t>
  </si>
  <si>
    <t>buurten.e9c5cb8a-9f52-44f9-8091-ddaf96422b22</t>
  </si>
  <si>
    <t>BU19311008</t>
  </si>
  <si>
    <t>Bilwijk</t>
  </si>
  <si>
    <t>2021BU19311008</t>
  </si>
  <si>
    <t>buurten.9180c1f8-30f0-43ac-bb1a-e400b7908dfc</t>
  </si>
  <si>
    <t>BU19311100</t>
  </si>
  <si>
    <t>Vlist</t>
  </si>
  <si>
    <t>WK193111</t>
  </si>
  <si>
    <t>2021BU19311100</t>
  </si>
  <si>
    <t>buurten.db09531e-75c3-40ad-86dd-1d51262921ea</t>
  </si>
  <si>
    <t>BU19311101</t>
  </si>
  <si>
    <t>Bonrepas</t>
  </si>
  <si>
    <t>2021BU19311101</t>
  </si>
  <si>
    <t>buurten.14cb9560-faaa-4b79-bdf1-868d1492bc33</t>
  </si>
  <si>
    <t>BU19311200</t>
  </si>
  <si>
    <t>Schoonhoven-Oude Stad</t>
  </si>
  <si>
    <t>WK193112</t>
  </si>
  <si>
    <t>2021BU19311200</t>
  </si>
  <si>
    <t>buurten.2bba25eb-2b4d-4d8b-b3f9-613c0d50ddd3</t>
  </si>
  <si>
    <t>BU19311201</t>
  </si>
  <si>
    <t>Schoonhoven-Noord</t>
  </si>
  <si>
    <t>2021BU19311201</t>
  </si>
  <si>
    <t>buurten.01d7ee3a-6e2c-4700-909c-9f988c27d861</t>
  </si>
  <si>
    <t>BU19311202</t>
  </si>
  <si>
    <t>Schoonhoven-West</t>
  </si>
  <si>
    <t>2021BU19311202</t>
  </si>
  <si>
    <t>buurten.c3f8076d-390c-4c1a-9625-c465e90d15e5</t>
  </si>
  <si>
    <t>BU19311203</t>
  </si>
  <si>
    <t>2021BU19311203</t>
  </si>
  <si>
    <t>buurten.d9c01615-e8ca-4dc5-ad80-732d152fe3b7</t>
  </si>
  <si>
    <t>BU19311204</t>
  </si>
  <si>
    <t>Willige-Langerak</t>
  </si>
  <si>
    <t>2021BU19311204</t>
  </si>
  <si>
    <t>buurten.c42cb1f1-e4d0-4d4a-9114-8bb883d88aa3</t>
  </si>
  <si>
    <t>BU19311205</t>
  </si>
  <si>
    <t>Vlist, Bovenberg en Lekdijk</t>
  </si>
  <si>
    <t>2021BU19311205</t>
  </si>
  <si>
    <t>buurten.833e778d-12c9-4d14-a613-2657679871a4</t>
  </si>
  <si>
    <t>BU19400101</t>
  </si>
  <si>
    <t>Akmarijp</t>
  </si>
  <si>
    <t>WK194001</t>
  </si>
  <si>
    <t>2021BU19400101</t>
  </si>
  <si>
    <t>buurten.1c35a34d-3075-46df-a148-8d741b2d0f08</t>
  </si>
  <si>
    <t>BU19400201</t>
  </si>
  <si>
    <t>Bakhuizen</t>
  </si>
  <si>
    <t>WK194002</t>
  </si>
  <si>
    <t>2021BU19400201</t>
  </si>
  <si>
    <t>buurten.702651e0-4d28-403b-980d-83b057fbf959</t>
  </si>
  <si>
    <t>BU19400301</t>
  </si>
  <si>
    <t>WK194003</t>
  </si>
  <si>
    <t>2021BU19400301</t>
  </si>
  <si>
    <t>buurten.7d220d95-4291-4a7c-859e-699ca8181d1c</t>
  </si>
  <si>
    <t>BU19400401</t>
  </si>
  <si>
    <t>Bantega</t>
  </si>
  <si>
    <t>WK194004</t>
  </si>
  <si>
    <t>2021BU19400401</t>
  </si>
  <si>
    <t>buurten.cea20423-8e0e-404e-a340-dde7ab32a954</t>
  </si>
  <si>
    <t>BU19400501</t>
  </si>
  <si>
    <t>WK194005</t>
  </si>
  <si>
    <t>2021BU19400501</t>
  </si>
  <si>
    <t>buurten.dcf81c36-6197-42d7-bea7-7478b32a7264</t>
  </si>
  <si>
    <t>Sint Nicolaasga</t>
  </si>
  <si>
    <t>restwarmte, Hernieuwbaar gas</t>
  </si>
  <si>
    <t>BU19400601</t>
  </si>
  <si>
    <t>WK194006</t>
  </si>
  <si>
    <t>2021BU19400601</t>
  </si>
  <si>
    <t>buurten.e79b433a-bfeb-43f5-819d-3c602d74170e</t>
  </si>
  <si>
    <t>BU19400701</t>
  </si>
  <si>
    <t>Delfstrahuizen-Buitengebied</t>
  </si>
  <si>
    <t>WK194007</t>
  </si>
  <si>
    <t>2021BU19400701</t>
  </si>
  <si>
    <t>buurten.ef3e885e-f527-470f-8c4e-74dffa159ba3</t>
  </si>
  <si>
    <t>PL1940010008</t>
  </si>
  <si>
    <t>Echternerbrug</t>
  </si>
  <si>
    <t>BU19400702</t>
  </si>
  <si>
    <t>Delfstrahuizen-Kom</t>
  </si>
  <si>
    <t>2021BU19400702</t>
  </si>
  <si>
    <t>buurten.9e91d9e7-d0cf-4d5f-b468-b7fd4586ee8b</t>
  </si>
  <si>
    <t>BU19400801</t>
  </si>
  <si>
    <t>Dijken</t>
  </si>
  <si>
    <t>WK194008</t>
  </si>
  <si>
    <t>2021BU19400801</t>
  </si>
  <si>
    <t>buurten.ec62da3c-ecf6-40e5-bd31-20f0745780f5</t>
  </si>
  <si>
    <t>BU19400901</t>
  </si>
  <si>
    <t>Doniaga</t>
  </si>
  <si>
    <t>WK194009</t>
  </si>
  <si>
    <t>2021BU19400901</t>
  </si>
  <si>
    <t>buurten.7db70f9e-3153-4278-83e0-0eebecd5ae74</t>
  </si>
  <si>
    <t>PL1940010007</t>
  </si>
  <si>
    <t>BU19401001</t>
  </si>
  <si>
    <t>WK194010</t>
  </si>
  <si>
    <t>2021BU19401001</t>
  </si>
  <si>
    <t>buurten.9c313b58-b966-4095-be91-6b3699f7707f</t>
  </si>
  <si>
    <t>BU19401101</t>
  </si>
  <si>
    <t>Echtenerbrug-Buitengebied</t>
  </si>
  <si>
    <t>WK194011</t>
  </si>
  <si>
    <t>2021BU19401101</t>
  </si>
  <si>
    <t>buurten.b9847f72-0379-4cc8-a46c-3bc938503bc6</t>
  </si>
  <si>
    <t>BU19401102</t>
  </si>
  <si>
    <t>Echtenerbrug-Kom</t>
  </si>
  <si>
    <t>2021BU19401102</t>
  </si>
  <si>
    <t>buurten.1b17a2f3-0ee3-41cb-8630-6eecb181ddb1</t>
  </si>
  <si>
    <t>BU19401201</t>
  </si>
  <si>
    <t>Eesterga</t>
  </si>
  <si>
    <t>WK194012</t>
  </si>
  <si>
    <t>2021BU19401201</t>
  </si>
  <si>
    <t>buurten.44fdf9e8-8bc4-4ecc-9fc7-981aff29d8bf</t>
  </si>
  <si>
    <t>BU19401301</t>
  </si>
  <si>
    <t>WK194013</t>
  </si>
  <si>
    <t>2021BU19401301</t>
  </si>
  <si>
    <t>buurten.4f02725a-3831-4cc2-983a-7c9ef112d65f</t>
  </si>
  <si>
    <t>BU19401401</t>
  </si>
  <si>
    <t>Follega</t>
  </si>
  <si>
    <t>WK194014</t>
  </si>
  <si>
    <t>2021BU19401401</t>
  </si>
  <si>
    <t>buurten.5021f303-23de-4842-ad36-c54625505483</t>
  </si>
  <si>
    <t>BU19401501</t>
  </si>
  <si>
    <t>Goingarijp</t>
  </si>
  <si>
    <t>WK194015</t>
  </si>
  <si>
    <t>2021BU19401501</t>
  </si>
  <si>
    <t>buurten.ee6da3db-b137-43ab-abfa-f3c06971f90e</t>
  </si>
  <si>
    <t>BU19401601</t>
  </si>
  <si>
    <t>Harich</t>
  </si>
  <si>
    <t>WK194016</t>
  </si>
  <si>
    <t>2021BU19401601</t>
  </si>
  <si>
    <t>buurten.5b7b26a7-27e3-42ac-9d88-a39661884559</t>
  </si>
  <si>
    <t>BU19401701</t>
  </si>
  <si>
    <t>Haskerhorne</t>
  </si>
  <si>
    <t>WK194017</t>
  </si>
  <si>
    <t>2021BU19401701</t>
  </si>
  <si>
    <t>buurten.e7135c67-ecb2-4f18-8760-e46ce6a9212c</t>
  </si>
  <si>
    <t>PL1940010002</t>
  </si>
  <si>
    <t>Joure</t>
  </si>
  <si>
    <t>TEA (afvalwater) en/of TEO (oppervlakte water) en restwarmte, Hernieuwbaar gas</t>
  </si>
  <si>
    <t>aquathermie (TEO) en/of aquathermie (TEA) en/of restwarmte en/of hernieuwbaar gas</t>
  </si>
  <si>
    <t>BU19401801</t>
  </si>
  <si>
    <t>Idskenhuizen</t>
  </si>
  <si>
    <t>WK194018</t>
  </si>
  <si>
    <t>2021BU19401801</t>
  </si>
  <si>
    <t>buurten.ad99f8b2-1491-41f9-b6b3-d803abdf3bc0</t>
  </si>
  <si>
    <t>BU19401901</t>
  </si>
  <si>
    <t>Joure, Blaauwhof</t>
  </si>
  <si>
    <t>WK194019</t>
  </si>
  <si>
    <t>2021BU19401901</t>
  </si>
  <si>
    <t>buurten.2968f18d-850a-4fa1-9baa-d6e174c93961</t>
  </si>
  <si>
    <t>BU19401902</t>
  </si>
  <si>
    <t>Joure, Buitengebied</t>
  </si>
  <si>
    <t>2021BU19401902</t>
  </si>
  <si>
    <t>buurten.991c5609-a05f-4cf0-8f0d-5af00f26c179</t>
  </si>
  <si>
    <t>BU19401903</t>
  </si>
  <si>
    <t>Joure, Centrum</t>
  </si>
  <si>
    <t>2021BU19401903</t>
  </si>
  <si>
    <t>buurten.a390dd1a-358d-4f59-ab6b-f6128a7b9f41</t>
  </si>
  <si>
    <t>BU19401904</t>
  </si>
  <si>
    <t>Joure, Jonkersland</t>
  </si>
  <si>
    <t>2021BU19401904</t>
  </si>
  <si>
    <t>buurten.bebc185f-d80e-4d3f-b4b8-b671b6ca3644</t>
  </si>
  <si>
    <t>BU19401905</t>
  </si>
  <si>
    <t>Joure, Sewei/De Ekers</t>
  </si>
  <si>
    <t>2021BU19401905</t>
  </si>
  <si>
    <t>buurten.077ff7ba-120d-41f1-873e-4bc0bd094e7a</t>
  </si>
  <si>
    <t>BU19401906</t>
  </si>
  <si>
    <t>Joure, Skipsleat</t>
  </si>
  <si>
    <t>2021BU19401906</t>
  </si>
  <si>
    <t>buurten.1d3e9cf0-6234-446c-b765-d8a14a9f6d4d</t>
  </si>
  <si>
    <t>BU19401907</t>
  </si>
  <si>
    <t>Joure, Westermeer</t>
  </si>
  <si>
    <t>2021BU19401907</t>
  </si>
  <si>
    <t>buurten.836e1ee7-5484-44c2-ab79-4e46d73bf9bf</t>
  </si>
  <si>
    <t>BU19401908</t>
  </si>
  <si>
    <t>Joure, Woudfennen</t>
  </si>
  <si>
    <t>2021BU19401908</t>
  </si>
  <si>
    <t>buurten.78885c7d-00eb-466d-b902-880cd5857e30</t>
  </si>
  <si>
    <t>Scharsterbrug</t>
  </si>
  <si>
    <t>BU19401909</t>
  </si>
  <si>
    <t>Joure, Wyldehoarne</t>
  </si>
  <si>
    <t>2021BU19401909</t>
  </si>
  <si>
    <t>buurten.6554b74e-dd84-4a12-98ab-d78c63b0e487</t>
  </si>
  <si>
    <t>BU19401910</t>
  </si>
  <si>
    <t>Joure, Zuiderveld</t>
  </si>
  <si>
    <t>2021BU19401910</t>
  </si>
  <si>
    <t>buurten.01ad24fc-4b1c-4e12-8dd6-cf9ba8ef991c</t>
  </si>
  <si>
    <t>BU19402001</t>
  </si>
  <si>
    <t>Kolderwolde</t>
  </si>
  <si>
    <t>WK194020</t>
  </si>
  <si>
    <t>2021BU19402001</t>
  </si>
  <si>
    <t>buurten.f69a59a9-12fd-4e5e-b99a-efce4bc02e8e</t>
  </si>
  <si>
    <t>BU19402101</t>
  </si>
  <si>
    <t>Langweer</t>
  </si>
  <si>
    <t>WK194021</t>
  </si>
  <si>
    <t>2021BU19402101</t>
  </si>
  <si>
    <t>buurten.87f6ecc1-62ad-4399-95cc-c78d7118d5ac</t>
  </si>
  <si>
    <t>BU19402201</t>
  </si>
  <si>
    <t>Legemeer</t>
  </si>
  <si>
    <t>WK194022</t>
  </si>
  <si>
    <t>2021BU19402201</t>
  </si>
  <si>
    <t>buurten.3f2708cf-57cd-4fd6-a1fe-f935d021cf8f</t>
  </si>
  <si>
    <t>BU19402301</t>
  </si>
  <si>
    <t>Lemmer-Buitengebied</t>
  </si>
  <si>
    <t>WK194023</t>
  </si>
  <si>
    <t>2021BU19402301</t>
  </si>
  <si>
    <t>buurten.a70ca74a-c194-4120-a357-2b2c32951429</t>
  </si>
  <si>
    <t>BU19402302</t>
  </si>
  <si>
    <t>Lemmer-Frieslandpark</t>
  </si>
  <si>
    <t>2021BU19402302</t>
  </si>
  <si>
    <t>buurten.64402379-82a8-44a4-932b-df933b3e1cc9</t>
  </si>
  <si>
    <t>BU19402303</t>
  </si>
  <si>
    <t>Lemmer-Kom</t>
  </si>
  <si>
    <t>2021BU19402303</t>
  </si>
  <si>
    <t>buurten.8aad955a-ad20-4970-b8ee-cc00aba31272</t>
  </si>
  <si>
    <t>BU19402304</t>
  </si>
  <si>
    <t>Lemmer-Lemstervaart</t>
  </si>
  <si>
    <t>2021BU19402304</t>
  </si>
  <si>
    <t>buurten.7f5ea385-24f2-4532-a592-0dd32614d861</t>
  </si>
  <si>
    <t>BU19402305</t>
  </si>
  <si>
    <t>Lemmer-Noord</t>
  </si>
  <si>
    <t>2021BU19402305</t>
  </si>
  <si>
    <t>buurten.f2a5e3f8-a9dd-47e1-b393-3f53f01d3d82</t>
  </si>
  <si>
    <t>BU19402306</t>
  </si>
  <si>
    <t>Lemmer-Rienplan</t>
  </si>
  <si>
    <t>2021BU19402306</t>
  </si>
  <si>
    <t>buurten.2362c09c-8e2e-4374-8ffd-7ae454ac0973</t>
  </si>
  <si>
    <t>BU19402307</t>
  </si>
  <si>
    <t>Lemmer-West</t>
  </si>
  <si>
    <t>2021BU19402307</t>
  </si>
  <si>
    <t>buurten.8dac9e1b-665c-4617-a1f8-cb34a8db1154</t>
  </si>
  <si>
    <t>BU19402308</t>
  </si>
  <si>
    <t>Lemmer-Zijlroede</t>
  </si>
  <si>
    <t>2021BU19402308</t>
  </si>
  <si>
    <t>buurten.507665f0-f11b-4e78-ae71-7bbcee75988a</t>
  </si>
  <si>
    <t>BU19402401</t>
  </si>
  <si>
    <t>Mirns</t>
  </si>
  <si>
    <t>WK194024</t>
  </si>
  <si>
    <t>2021BU19402401</t>
  </si>
  <si>
    <t>buurten.24366308-d7c8-40cf-8364-c4c006a1b9a2</t>
  </si>
  <si>
    <t>BU19402501</t>
  </si>
  <si>
    <t>WK194025</t>
  </si>
  <si>
    <t>2021BU19402501</t>
  </si>
  <si>
    <t>buurten.ea865521-675d-4be9-bf2b-a08900b0f79b</t>
  </si>
  <si>
    <t>BU19402601</t>
  </si>
  <si>
    <t>Nijemirdum</t>
  </si>
  <si>
    <t>WK194026</t>
  </si>
  <si>
    <t>2021BU19402601</t>
  </si>
  <si>
    <t>buurten.a87feb4e-cafc-425d-afa2-722ee254fcca</t>
  </si>
  <si>
    <t>BU19402701</t>
  </si>
  <si>
    <t>Oldeouwer</t>
  </si>
  <si>
    <t>WK194027</t>
  </si>
  <si>
    <t>2021BU19402701</t>
  </si>
  <si>
    <t>buurten.31fe8504-721c-443a-81fe-bdf83c10b56f</t>
  </si>
  <si>
    <t>PL1940010006</t>
  </si>
  <si>
    <t>BU19402801</t>
  </si>
  <si>
    <t>Oosterzee-Buitengebied</t>
  </si>
  <si>
    <t>WK194028</t>
  </si>
  <si>
    <t>2021BU19402801</t>
  </si>
  <si>
    <t>buurten.0b52b565-99df-49ba-9fad-825eefdfc136</t>
  </si>
  <si>
    <t>BU19402802</t>
  </si>
  <si>
    <t>Oosterzee-Kom</t>
  </si>
  <si>
    <t>2021BU19402802</t>
  </si>
  <si>
    <t>buurten.1852ae9e-8d6f-4ed2-822a-1d5cabafd231</t>
  </si>
  <si>
    <t>BU19402901</t>
  </si>
  <si>
    <t>WK194029</t>
  </si>
  <si>
    <t>2021BU19402901</t>
  </si>
  <si>
    <t>buurten.c50427fe-921b-49f6-95bd-50d37ac8d9ec</t>
  </si>
  <si>
    <t>BU19403001</t>
  </si>
  <si>
    <t>Oudehaske</t>
  </si>
  <si>
    <t>WK194030</t>
  </si>
  <si>
    <t>2021BU19403001</t>
  </si>
  <si>
    <t>buurten.59daa801-95d7-4310-b632-8977e6830365</t>
  </si>
  <si>
    <t>BU19403101</t>
  </si>
  <si>
    <t>Oudemirdum</t>
  </si>
  <si>
    <t>WK194031</t>
  </si>
  <si>
    <t>2021BU19403101</t>
  </si>
  <si>
    <t>buurten.d57e1deb-64cd-4f7d-a7e6-7ec730c0e670</t>
  </si>
  <si>
    <t>BU19403201</t>
  </si>
  <si>
    <t>Ouwsterhaule</t>
  </si>
  <si>
    <t>WK194032</t>
  </si>
  <si>
    <t>2021BU19403201</t>
  </si>
  <si>
    <t>buurten.aa9d3c7f-f0cb-4987-a4f4-af0d710b7d5c</t>
  </si>
  <si>
    <t>BU19403301</t>
  </si>
  <si>
    <t>Ouwster-Nijega</t>
  </si>
  <si>
    <t>WK194033</t>
  </si>
  <si>
    <t>2021BU19403301</t>
  </si>
  <si>
    <t>buurten.3d86e1ab-be88-424e-aeb8-fc601fbe0a0a</t>
  </si>
  <si>
    <t>BU19403401</t>
  </si>
  <si>
    <t>Rijs</t>
  </si>
  <si>
    <t>WK194034</t>
  </si>
  <si>
    <t>2021BU19403401</t>
  </si>
  <si>
    <t>buurten.286b4bdd-2e55-4b21-a04a-9b0664c19dbf</t>
  </si>
  <si>
    <t>BU19403501</t>
  </si>
  <si>
    <t>Rohel</t>
  </si>
  <si>
    <t>WK194035</t>
  </si>
  <si>
    <t>2021BU19403501</t>
  </si>
  <si>
    <t>buurten.61410123-b552-4a0b-a3d4-b13892dc5f94</t>
  </si>
  <si>
    <t>BU19403601</t>
  </si>
  <si>
    <t>Rotstergaast</t>
  </si>
  <si>
    <t>WK194036</t>
  </si>
  <si>
    <t>2021BU19403601</t>
  </si>
  <si>
    <t>buurten.b0eabdac-e19c-460b-9c3e-0cf3263a5549</t>
  </si>
  <si>
    <t>BU19403701</t>
  </si>
  <si>
    <t>Rotsterhaule</t>
  </si>
  <si>
    <t>WK194037</t>
  </si>
  <si>
    <t>2021BU19403701</t>
  </si>
  <si>
    <t>buurten.e1fe4457-0e43-4ee4-9340-636d7e349b02</t>
  </si>
  <si>
    <t>BU19403801</t>
  </si>
  <si>
    <t>Rottum</t>
  </si>
  <si>
    <t>WK194038</t>
  </si>
  <si>
    <t>2021BU19403801</t>
  </si>
  <si>
    <t>buurten.a059b6ec-0d24-4daf-acf0-e3b0211c56e9</t>
  </si>
  <si>
    <t>BU19403901</t>
  </si>
  <si>
    <t>Ruigahuizen</t>
  </si>
  <si>
    <t>WK194039</t>
  </si>
  <si>
    <t>2021BU19403901</t>
  </si>
  <si>
    <t>buurten.10c78579-a96d-46e7-8077-ce017b3772e9</t>
  </si>
  <si>
    <t>PL1940010001</t>
  </si>
  <si>
    <t>BU19404001</t>
  </si>
  <si>
    <t>WK194040</t>
  </si>
  <si>
    <t>2021BU19404001</t>
  </si>
  <si>
    <t>buurten.5fe1b2ac-b5e0-4782-a3c1-04535e31132e</t>
  </si>
  <si>
    <t>BU19404101</t>
  </si>
  <si>
    <t>WK194041</t>
  </si>
  <si>
    <t>2021BU19404101</t>
  </si>
  <si>
    <t>buurten.036df3d9-30a2-44f6-9b27-f63c9b9234a6</t>
  </si>
  <si>
    <t>BU19404201</t>
  </si>
  <si>
    <t>Sintjohannesga</t>
  </si>
  <si>
    <t>WK194042</t>
  </si>
  <si>
    <t>2021BU19404201</t>
  </si>
  <si>
    <t>buurten.da6f0c82-1c7c-45df-a01b-6fb158de12ea</t>
  </si>
  <si>
    <t>BU19404301</t>
  </si>
  <si>
    <t>WK194043</t>
  </si>
  <si>
    <t>2021BU19404301</t>
  </si>
  <si>
    <t>buurten.12f5c7a4-1ff3-4741-bc7e-13b1c76fa299</t>
  </si>
  <si>
    <t>BU19404401</t>
  </si>
  <si>
    <t>Snikzwaag</t>
  </si>
  <si>
    <t>WK194044</t>
  </si>
  <si>
    <t>2021BU19404401</t>
  </si>
  <si>
    <t>buurten.b5b2b6f2-5d72-4412-bc86-2564fb4f4d70</t>
  </si>
  <si>
    <t>BU19404501</t>
  </si>
  <si>
    <t>Sondel</t>
  </si>
  <si>
    <t>WK194045</t>
  </si>
  <si>
    <t>2021BU19404501</t>
  </si>
  <si>
    <t>buurten.2c72c930-540c-4036-8851-4cb25df88c35</t>
  </si>
  <si>
    <t>BU19404601</t>
  </si>
  <si>
    <t>WK194046</t>
  </si>
  <si>
    <t>2021BU19404601</t>
  </si>
  <si>
    <t>buurten.7dbea617-e5f7-4dc3-b6ef-88e8ec5a13d5</t>
  </si>
  <si>
    <t>BU19404701</t>
  </si>
  <si>
    <t>Terkaple</t>
  </si>
  <si>
    <t>WK194047</t>
  </si>
  <si>
    <t>2021BU19404701</t>
  </si>
  <si>
    <t>buurten.a757564a-9ddd-4bfd-908b-16dacd6a0fa8</t>
  </si>
  <si>
    <t>BU19404801</t>
  </si>
  <si>
    <t>Teroele</t>
  </si>
  <si>
    <t>WK194048</t>
  </si>
  <si>
    <t>2021BU19404801</t>
  </si>
  <si>
    <t>buurten.bef10fa3-0dbe-4cd8-a30d-46a62a856672</t>
  </si>
  <si>
    <t>BU19404901</t>
  </si>
  <si>
    <t>Tjerkgaast</t>
  </si>
  <si>
    <t>WK194049</t>
  </si>
  <si>
    <t>2021BU19404901</t>
  </si>
  <si>
    <t>buurten.a096121e-6a51-4826-a34b-e36a04b5a13c</t>
  </si>
  <si>
    <t>BU19405001</t>
  </si>
  <si>
    <t>Vegelinsoord</t>
  </si>
  <si>
    <t>WK194050</t>
  </si>
  <si>
    <t>2021BU19405001</t>
  </si>
  <si>
    <t>buurten.7e50d759-6118-4e02-bca5-5d3266c41528</t>
  </si>
  <si>
    <t>BU19405101</t>
  </si>
  <si>
    <t>Wijckel</t>
  </si>
  <si>
    <t>WK194051</t>
  </si>
  <si>
    <t>2021BU19405101</t>
  </si>
  <si>
    <t>buurten.bfda39a2-5f12-457a-bad9-68d48ec2090a</t>
  </si>
  <si>
    <t>BU19420000</t>
  </si>
  <si>
    <t>Brinklaan</t>
  </si>
  <si>
    <t>WK194200</t>
  </si>
  <si>
    <t>2021BU19420000</t>
  </si>
  <si>
    <t>buurten.2388159b-19ef-4997-9b01-463a8dc92748</t>
  </si>
  <si>
    <t>PL1942010017</t>
  </si>
  <si>
    <t>PL1942010041</t>
  </si>
  <si>
    <t>Verbindingslaan</t>
  </si>
  <si>
    <t>BU19420001</t>
  </si>
  <si>
    <t>Raadhuisplein</t>
  </si>
  <si>
    <t>2021BU19420001</t>
  </si>
  <si>
    <t>buurten.e9dcee86-2a55-41ef-997e-3d7604ef2359</t>
  </si>
  <si>
    <t>PL1942010037</t>
  </si>
  <si>
    <t>BU19420002</t>
  </si>
  <si>
    <t>2021BU19420002</t>
  </si>
  <si>
    <t>buurten.e0089523-4a1f-4a4e-a414-90250e2ee26f</t>
  </si>
  <si>
    <t>PL1942010021</t>
  </si>
  <si>
    <t>Batterijlaan</t>
  </si>
  <si>
    <t>BU19420003</t>
  </si>
  <si>
    <t>2021BU19420003</t>
  </si>
  <si>
    <t>buurten.3411155b-c357-4e57-8815-9537bac46c3f</t>
  </si>
  <si>
    <t>PL1942010020</t>
  </si>
  <si>
    <t>PL1942010032</t>
  </si>
  <si>
    <t>Sportpark-Zuid</t>
  </si>
  <si>
    <t>BU19420004</t>
  </si>
  <si>
    <t>Cereslaan</t>
  </si>
  <si>
    <t>2021BU19420004</t>
  </si>
  <si>
    <t>buurten.072b947d-2ee6-4ed4-bdef-520716e94710</t>
  </si>
  <si>
    <t>PL1942010024</t>
  </si>
  <si>
    <t>Bijlstraat</t>
  </si>
  <si>
    <t>Laarderwegkwartier</t>
  </si>
  <si>
    <t>BU19420005</t>
  </si>
  <si>
    <t>2021BU19420005</t>
  </si>
  <si>
    <t>buurten.c2f52cfc-f188-4344-b23a-fa10f9f73867</t>
  </si>
  <si>
    <t>PL1942010022</t>
  </si>
  <si>
    <t>Nijverheidswerf</t>
  </si>
  <si>
    <t>BU19420006</t>
  </si>
  <si>
    <t>2021BU19420006</t>
  </si>
  <si>
    <t>buurten.26d1ae41-f285-4471-b5c0-e0c68fc4d621</t>
  </si>
  <si>
    <t>PL1942010004</t>
  </si>
  <si>
    <t>Wester Eng</t>
  </si>
  <si>
    <t>BU19420007</t>
  </si>
  <si>
    <t>2021BU19420007</t>
  </si>
  <si>
    <t>buurten.95cc02f6-cea5-41a4-b898-7e283ceb4a53</t>
  </si>
  <si>
    <t>PL1942010006</t>
  </si>
  <si>
    <t>BU19420008</t>
  </si>
  <si>
    <t>Spiegelzicht</t>
  </si>
  <si>
    <t>2021BU19420008</t>
  </si>
  <si>
    <t>buurten.f04f7a9b-4c22-4674-afab-79955757967e</t>
  </si>
  <si>
    <t>PL1942010025</t>
  </si>
  <si>
    <t>BU19420100</t>
  </si>
  <si>
    <t>Prins Hendrikkwartier</t>
  </si>
  <si>
    <t>WK194201</t>
  </si>
  <si>
    <t>2021BU19420100</t>
  </si>
  <si>
    <t>buurten.cee3c3ee-5d6d-4890-a968-50ed2888badf</t>
  </si>
  <si>
    <t>PL1942010018</t>
  </si>
  <si>
    <t>PL1942010036</t>
  </si>
  <si>
    <t>Lomanplein</t>
  </si>
  <si>
    <t>BU19420101</t>
  </si>
  <si>
    <t>Hooftlaan</t>
  </si>
  <si>
    <t>2021BU19420101</t>
  </si>
  <si>
    <t>buurten.69e128ff-ab50-4e07-819a-a26e6eeec470</t>
  </si>
  <si>
    <t>PL1942010050</t>
  </si>
  <si>
    <t>BU19420102</t>
  </si>
  <si>
    <t>2021BU19420102</t>
  </si>
  <si>
    <t>buurten.f4d19fae-24ae-4e90-9ba7-b973f097ed14</t>
  </si>
  <si>
    <t>PL1942010028</t>
  </si>
  <si>
    <t>BU19420103</t>
  </si>
  <si>
    <t>Bredius-West</t>
  </si>
  <si>
    <t>2021BU19420103</t>
  </si>
  <si>
    <t>buurten.4e5dc720-b323-4fbc-8104-3fa5150a8609</t>
  </si>
  <si>
    <t>PL1942010027</t>
  </si>
  <si>
    <t>PL1942010030</t>
  </si>
  <si>
    <t>Bredius-Oost</t>
  </si>
  <si>
    <t>BU19420104</t>
  </si>
  <si>
    <t>2021BU19420104</t>
  </si>
  <si>
    <t>buurten.b5501a5e-2c51-4e23-b9fe-57963e45f11f</t>
  </si>
  <si>
    <t>PL1942010019</t>
  </si>
  <si>
    <t>BU19420200</t>
  </si>
  <si>
    <t>WK194202</t>
  </si>
  <si>
    <t>2021BU19420200</t>
  </si>
  <si>
    <t>buurten.c71c39f7-25af-4f7c-8e0c-0bbcaa247030</t>
  </si>
  <si>
    <t>PL1942010031</t>
  </si>
  <si>
    <t>BU19420201</t>
  </si>
  <si>
    <t>Donderstraat</t>
  </si>
  <si>
    <t>2021BU19420201</t>
  </si>
  <si>
    <t>buurten.388620b6-96c2-493e-8bc0-a857a0abce15</t>
  </si>
  <si>
    <t>PL1942010035</t>
  </si>
  <si>
    <t>BU19420202</t>
  </si>
  <si>
    <t>Godelindebuurt</t>
  </si>
  <si>
    <t>2021BU19420202</t>
  </si>
  <si>
    <t>buurten.8a80c22c-4cda-4969-9ff1-02418ae03cfb</t>
  </si>
  <si>
    <t>BU19420203</t>
  </si>
  <si>
    <t>2021BU19420203</t>
  </si>
  <si>
    <t>buurten.410af5ec-14a9-429a-9e91-92efb55460a2</t>
  </si>
  <si>
    <t>BU19420204</t>
  </si>
  <si>
    <t>2021BU19420204</t>
  </si>
  <si>
    <t>buurten.5247997b-7e8d-4a9f-89b6-7efe750d8c98</t>
  </si>
  <si>
    <t>BU19420205</t>
  </si>
  <si>
    <t>Ooster Eng-Noord</t>
  </si>
  <si>
    <t>2021BU19420205</t>
  </si>
  <si>
    <t>buurten.398d2fd6-20f9-42bf-a98a-4904c7ee22f2</t>
  </si>
  <si>
    <t>Ooster Eng-Zuid</t>
  </si>
  <si>
    <t>BU19420206</t>
  </si>
  <si>
    <t>2021BU19420206</t>
  </si>
  <si>
    <t>buurten.e5f33838-627d-4c38-b474-60634a487cb4</t>
  </si>
  <si>
    <t>BU19420207</t>
  </si>
  <si>
    <t>Midden Eng-Oost</t>
  </si>
  <si>
    <t>2021BU19420207</t>
  </si>
  <si>
    <t>buurten.52feed92-d2b4-4492-b4c0-1dcc850a4003</t>
  </si>
  <si>
    <t>PL1942010023</t>
  </si>
  <si>
    <t>BU19420208</t>
  </si>
  <si>
    <t>Midden Eng-West</t>
  </si>
  <si>
    <t>2021BU19420208</t>
  </si>
  <si>
    <t>buurten.e0042a34-0c3f-470e-b125-4a48d6234bef</t>
  </si>
  <si>
    <t>BU19420209</t>
  </si>
  <si>
    <t>2021BU19420209</t>
  </si>
  <si>
    <t>buurten.32cef049-6f87-47fa-be3f-fe5d659dedd0</t>
  </si>
  <si>
    <t>Fransekamp</t>
  </si>
  <si>
    <t>BU19420300</t>
  </si>
  <si>
    <t>WK194203</t>
  </si>
  <si>
    <t>2021BU19420300</t>
  </si>
  <si>
    <t>buurten.16910cf0-5d0a-4d63-a374-540415506cbe</t>
  </si>
  <si>
    <t>PL1942010038</t>
  </si>
  <si>
    <t>Schimmellaan</t>
  </si>
  <si>
    <t>BU19420301</t>
  </si>
  <si>
    <t>2021BU19420301</t>
  </si>
  <si>
    <t>buurten.e83b986c-7731-4fb7-a77d-7dd318efedbc</t>
  </si>
  <si>
    <t>BU19420302</t>
  </si>
  <si>
    <t>2021BU19420302</t>
  </si>
  <si>
    <t>buurten.0822bb66-9ff7-4588-a741-795a7cf86391</t>
  </si>
  <si>
    <t>PL1942010049</t>
  </si>
  <si>
    <t>BU19420303</t>
  </si>
  <si>
    <t>2021BU19420303</t>
  </si>
  <si>
    <t>buurten.dc96423b-d2cc-4aaf-8fa2-3e572cdeb593</t>
  </si>
  <si>
    <t>BU19420304</t>
  </si>
  <si>
    <t>Kom van Bieghel</t>
  </si>
  <si>
    <t>2021BU19420304</t>
  </si>
  <si>
    <t>buurten.5ec30842-5cd1-4e4a-9d31-d36ebf023f4b</t>
  </si>
  <si>
    <t>PL1942010040</t>
  </si>
  <si>
    <t>Meijerkamp</t>
  </si>
  <si>
    <t>BU19420305</t>
  </si>
  <si>
    <t>2021BU19420305</t>
  </si>
  <si>
    <t>buurten.5f01114b-1f8e-4d3a-abdf-3c30f1558ac4</t>
  </si>
  <si>
    <t>BU19420306</t>
  </si>
  <si>
    <t>2021BU19420306</t>
  </si>
  <si>
    <t>buurten.8b67edab-7a7b-4323-a971-532ba8aaaec7</t>
  </si>
  <si>
    <t>BU19420400</t>
  </si>
  <si>
    <t>WK194204</t>
  </si>
  <si>
    <t>2021BU19420400</t>
  </si>
  <si>
    <t>buurten.1928706a-1487-4e32-bd32-c95c47d9114c</t>
  </si>
  <si>
    <t>PL1942010007</t>
  </si>
  <si>
    <t>PL1942010046</t>
  </si>
  <si>
    <t>Krijgsman</t>
  </si>
  <si>
    <t>BU19420401</t>
  </si>
  <si>
    <t>2021BU19420401</t>
  </si>
  <si>
    <t>buurten.482375f8-c389-4d91-bd32-e83d1b929628</t>
  </si>
  <si>
    <t>BU19420402</t>
  </si>
  <si>
    <t>Muiderberg</t>
  </si>
  <si>
    <t>2021BU19420402</t>
  </si>
  <si>
    <t>buurten.528faa99-ae9a-4e7a-8d4c-fee4d49dd6e4</t>
  </si>
  <si>
    <t>Muiderberg (inclusief de Muiderberg Buitendijke)</t>
  </si>
  <si>
    <t>Afleverset en/of Warmtepomp en/of Gasketel</t>
  </si>
  <si>
    <t>BU19420403</t>
  </si>
  <si>
    <t>Mariahoeve Muiden</t>
  </si>
  <si>
    <t>2021BU19420403</t>
  </si>
  <si>
    <t>buurten.cc8354b9-407b-4625-9943-8110705453ea</t>
  </si>
  <si>
    <t>PL1942010008</t>
  </si>
  <si>
    <t>BU19420404</t>
  </si>
  <si>
    <t>Buitendijken Muiderberg</t>
  </si>
  <si>
    <t>2021BU19420404</t>
  </si>
  <si>
    <t>buurten.fafb1f8a-139d-483d-81a2-035630338eed</t>
  </si>
  <si>
    <t>BU19420408</t>
  </si>
  <si>
    <t>Pampusweg</t>
  </si>
  <si>
    <t>2021BU19420408</t>
  </si>
  <si>
    <t>buurten.f680e3e0-28c4-43f0-84ec-f10fe4073f38</t>
  </si>
  <si>
    <t>BU19420409</t>
  </si>
  <si>
    <t>2021BU19420409</t>
  </si>
  <si>
    <t>buurten.10c7a767-13b4-4e5a-ba97-c32e42fa3d2e</t>
  </si>
  <si>
    <t>PL1942010045</t>
  </si>
  <si>
    <t>BU19420410</t>
  </si>
  <si>
    <t>2021BU19420410</t>
  </si>
  <si>
    <t>buurten.e17685ce-281d-4db3-8bce-7223e7028daa</t>
  </si>
  <si>
    <t>BU19420501</t>
  </si>
  <si>
    <t>Naarden Vesting</t>
  </si>
  <si>
    <t>WK194205</t>
  </si>
  <si>
    <t>2021BU19420501</t>
  </si>
  <si>
    <t>buurten.b1b1bd45-c2cd-4288-8581-9982549b1da2</t>
  </si>
  <si>
    <t>PL1942010009</t>
  </si>
  <si>
    <t>BU19420502</t>
  </si>
  <si>
    <t>Tuindorp Keverdijk</t>
  </si>
  <si>
    <t>2021BU19420502</t>
  </si>
  <si>
    <t>buurten.1b72059a-499f-4784-ab38-27f668c8340f</t>
  </si>
  <si>
    <t>Vierhoven</t>
  </si>
  <si>
    <t>BU19420503</t>
  </si>
  <si>
    <t>Naarderwoonbos</t>
  </si>
  <si>
    <t>2021BU19420503</t>
  </si>
  <si>
    <t>buurten.db60a920-771e-4afb-aa37-7859d255dcba</t>
  </si>
  <si>
    <t>PL1942010011</t>
  </si>
  <si>
    <t>PL1942010055</t>
  </si>
  <si>
    <t>Bedrijvenpark Gooimeer-Noord</t>
  </si>
  <si>
    <t>BU19420504</t>
  </si>
  <si>
    <t>Bedrijvenpark Gooimeer-Zuid</t>
  </si>
  <si>
    <t>2021BU19420504</t>
  </si>
  <si>
    <t>buurten.7c9ac8fe-2b7b-4368-87d2-2a1d1a0c2873</t>
  </si>
  <si>
    <t>PL1942010012</t>
  </si>
  <si>
    <t>BU19420506</t>
  </si>
  <si>
    <t>Oranje Nassaupark-Noord</t>
  </si>
  <si>
    <t>2021BU19420506</t>
  </si>
  <si>
    <t>buurten.2c10df05-6529-4854-b809-69d7625970de</t>
  </si>
  <si>
    <t>PL1942010013</t>
  </si>
  <si>
    <t>BU19420507</t>
  </si>
  <si>
    <t>Oranje Nassaupark-Zuid</t>
  </si>
  <si>
    <t>2021BU19420507</t>
  </si>
  <si>
    <t>buurten.342c9f22-eba3-4824-a1dd-1145d8a16dde</t>
  </si>
  <si>
    <t>PL1942010016</t>
  </si>
  <si>
    <t>De Fortlanden</t>
  </si>
  <si>
    <t>BU19420508</t>
  </si>
  <si>
    <t>Ministerpark</t>
  </si>
  <si>
    <t>2021BU19420508</t>
  </si>
  <si>
    <t>buurten.860682cc-4a4f-4e22-8186-5231a1d5b97c</t>
  </si>
  <si>
    <t>BU19420509</t>
  </si>
  <si>
    <t>2021BU19420509</t>
  </si>
  <si>
    <t>buurten.a23b5779-872e-4834-949c-2717099d7da2</t>
  </si>
  <si>
    <t>BU19420510</t>
  </si>
  <si>
    <t>Rembrandtpark</t>
  </si>
  <si>
    <t>2021BU19420510</t>
  </si>
  <si>
    <t>buurten.d9b09b3f-e050-4d29-b8d5-ced62d4b7641</t>
  </si>
  <si>
    <t>PL1942010026</t>
  </si>
  <si>
    <t>BU19420511</t>
  </si>
  <si>
    <t>2021BU19420511</t>
  </si>
  <si>
    <t>buurten.fe8e95f9-eae4-417d-8c67-8bb494f2e01c</t>
  </si>
  <si>
    <t>BU19420512</t>
  </si>
  <si>
    <t>2021BU19420512</t>
  </si>
  <si>
    <t>buurten.243784c6-f0ab-48f5-b230-17a108b6a830</t>
  </si>
  <si>
    <t>BU19420513</t>
  </si>
  <si>
    <t>2021BU19420513</t>
  </si>
  <si>
    <t>buurten.83207f96-36dd-4456-adc4-26080c765d77</t>
  </si>
  <si>
    <t>BU19420515</t>
  </si>
  <si>
    <t>Bos van Bredius-Zuid</t>
  </si>
  <si>
    <t>2021BU19420515</t>
  </si>
  <si>
    <t>buurten.2505bd09-5d5c-479c-903d-4569da8df90d</t>
  </si>
  <si>
    <t>BU19420555</t>
  </si>
  <si>
    <t>2021BU19420555</t>
  </si>
  <si>
    <t>buurten.f125fe5c-d9a7-4843-9d06-bc4ccf4a7a7d</t>
  </si>
  <si>
    <t>PL1942010010</t>
  </si>
  <si>
    <t>BU19420565</t>
  </si>
  <si>
    <t>2021BU19420565</t>
  </si>
  <si>
    <t>buurten.e705230a-b74e-4631-b0e0-5c84efbff1ec</t>
  </si>
  <si>
    <t>PL1942010014</t>
  </si>
  <si>
    <t>PL1942010048</t>
  </si>
  <si>
    <t>Naardermeerkwartier</t>
  </si>
  <si>
    <t>BU19420575</t>
  </si>
  <si>
    <t>2021BU19420575</t>
  </si>
  <si>
    <t>buurten.6028b76a-c6c7-42ee-929a-30be8d84602e</t>
  </si>
  <si>
    <t>PL1942010015</t>
  </si>
  <si>
    <t>BU19420585</t>
  </si>
  <si>
    <t>2021BU19420585</t>
  </si>
  <si>
    <t>buurten.47a4a28b-6604-45e9-9a45-b55738d015d7</t>
  </si>
  <si>
    <t>BU19450000</t>
  </si>
  <si>
    <t>Beek-Midden</t>
  </si>
  <si>
    <t>WK194500</t>
  </si>
  <si>
    <t>2021BU19450000</t>
  </si>
  <si>
    <t>buurten.f3dacf5f-8e26-4323-9cad-558d0f77d777</t>
  </si>
  <si>
    <t>BU19450001</t>
  </si>
  <si>
    <t>Beek-Oost</t>
  </si>
  <si>
    <t>2021BU19450001</t>
  </si>
  <si>
    <t>buurten.e1bcd18f-a369-4a08-9091-94bcd20ce313</t>
  </si>
  <si>
    <t>BU19450002</t>
  </si>
  <si>
    <t>Beek-West</t>
  </si>
  <si>
    <t>2021BU19450002</t>
  </si>
  <si>
    <t>buurten.02b5932b-abfa-42fc-b3e6-fbbd625a438c</t>
  </si>
  <si>
    <t>BU19450003</t>
  </si>
  <si>
    <t>Buitengebied Beek</t>
  </si>
  <si>
    <t>2021BU19450003</t>
  </si>
  <si>
    <t>buurten.cf1edeae-adb6-405e-888b-5091aeb44a7f</t>
  </si>
  <si>
    <t>BU19450100</t>
  </si>
  <si>
    <t>Laag Berg en Dal</t>
  </si>
  <si>
    <t>WK194501</t>
  </si>
  <si>
    <t>2021BU19450100</t>
  </si>
  <si>
    <t>buurten.d940a98d-e097-4724-8ead-c69c67ef50d9</t>
  </si>
  <si>
    <t>BU19450101</t>
  </si>
  <si>
    <t>Hoog Berg en Dal</t>
  </si>
  <si>
    <t>2021BU19450101</t>
  </si>
  <si>
    <t>buurten.c77d5cc3-a2bd-4d43-8e97-d0d117fab381</t>
  </si>
  <si>
    <t>BU19450102</t>
  </si>
  <si>
    <t>Buitengebied Berg en Dal</t>
  </si>
  <si>
    <t>2021BU19450102</t>
  </si>
  <si>
    <t>buurten.464a17e0-b3f0-4cfd-bfa5-eeaf969285e1</t>
  </si>
  <si>
    <t>BU19450200</t>
  </si>
  <si>
    <t>Breedeweg</t>
  </si>
  <si>
    <t>WK194502</t>
  </si>
  <si>
    <t>2021BU19450200</t>
  </si>
  <si>
    <t>buurten.9c433058-e7fa-493f-84b6-07412e2328ec</t>
  </si>
  <si>
    <t>PL1945010003</t>
  </si>
  <si>
    <t>Voorwaarden Breedeweg:- Relatief veel corporatiebezit in de wijk/buurt- Aanwezigheid kansrijke warmtebron en haalbaarheid van collectieve oplossingen</t>
  </si>
  <si>
    <t>Aquathermie (TEA uit de RWZI)</t>
  </si>
  <si>
    <t>BU19450201</t>
  </si>
  <si>
    <t>Buitengebied Breedeweg</t>
  </si>
  <si>
    <t>2021BU19450201</t>
  </si>
  <si>
    <t>buurten.0e4a122b-47b7-4d3b-a1cd-90d87063f82b</t>
  </si>
  <si>
    <t>BU19450300</t>
  </si>
  <si>
    <t>WK194503</t>
  </si>
  <si>
    <t>2021BU19450300</t>
  </si>
  <si>
    <t>buurten.42665465-6ca2-4692-bf37-c2eb6faaa865</t>
  </si>
  <si>
    <t>BU19450301</t>
  </si>
  <si>
    <t>Buitengebied De Horst</t>
  </si>
  <si>
    <t>2021BU19450301</t>
  </si>
  <si>
    <t>buurten.801c7e57-653f-41e1-b1d4-8e58dd9f5229</t>
  </si>
  <si>
    <t>BU19450400</t>
  </si>
  <si>
    <t>Erlecom</t>
  </si>
  <si>
    <t>WK194504</t>
  </si>
  <si>
    <t>2021BU19450400</t>
  </si>
  <si>
    <t>buurten.81c24d6b-2fe0-44f1-9611-33db4d82f735</t>
  </si>
  <si>
    <t>PL1945010002</t>
  </si>
  <si>
    <t>Ooij</t>
  </si>
  <si>
    <t>Voorwaarden Ooij:- Het veelal nieuwbouw betreft, relatief eenvoudig en goedkoop aardgasvrij te maken- Relatief veel corporatiebezit in de wijk/buurt- Aanwezigheid kansrijke warmtebron en haalbaarheid van collectieve oplossingen</t>
  </si>
  <si>
    <t>BU19450500</t>
  </si>
  <si>
    <t>Groesbeek Centrum-Zuid</t>
  </si>
  <si>
    <t>WK194505</t>
  </si>
  <si>
    <t>2021BU19450500</t>
  </si>
  <si>
    <t>buurten.bf8685e9-2f02-4ed3-ba4d-289434c6a27d</t>
  </si>
  <si>
    <t>BU19450501</t>
  </si>
  <si>
    <t>Groesbeek Centrum-Noord</t>
  </si>
  <si>
    <t>2021BU19450501</t>
  </si>
  <si>
    <t>buurten.91472ce6-e693-4fd7-bb2c-a3089c3bf51f</t>
  </si>
  <si>
    <t>BU19450502</t>
  </si>
  <si>
    <t>Groesbeek Nijerf</t>
  </si>
  <si>
    <t>2021BU19450502</t>
  </si>
  <si>
    <t>buurten.a16edc3d-c20c-4f29-a46c-f08d9d307adc</t>
  </si>
  <si>
    <t>BU19450503</t>
  </si>
  <si>
    <t>Groesbeek De Drul-Oost</t>
  </si>
  <si>
    <t>2021BU19450503</t>
  </si>
  <si>
    <t>buurten.dbb75724-9c20-43b1-9490-37b3f911c927</t>
  </si>
  <si>
    <t>BU19450504</t>
  </si>
  <si>
    <t>Groesbeek De Drul-West</t>
  </si>
  <si>
    <t>2021BU19450504</t>
  </si>
  <si>
    <t>buurten.60babbb8-6d10-43c2-a044-c2650f102175</t>
  </si>
  <si>
    <t>BU19450505</t>
  </si>
  <si>
    <t>Groesbeek Stekkenberg</t>
  </si>
  <si>
    <t>2021BU19450505</t>
  </si>
  <si>
    <t>buurten.e60b463a-aa93-48be-ac4f-0f55c35235a7</t>
  </si>
  <si>
    <t>BU19450506</t>
  </si>
  <si>
    <t>Bedrijventerrein Hulsbeek</t>
  </si>
  <si>
    <t>2021BU19450506</t>
  </si>
  <si>
    <t>buurten.e69d9a29-5b22-4af7-a8c0-2eb11d79f94c</t>
  </si>
  <si>
    <t>BU19450507</t>
  </si>
  <si>
    <t>Bedrijventerrein Mies</t>
  </si>
  <si>
    <t>2021BU19450507</t>
  </si>
  <si>
    <t>buurten.e7196ed5-58b5-4810-8169-9f7fc077c9d1</t>
  </si>
  <si>
    <t>BU19450508</t>
  </si>
  <si>
    <t>Buitengebied Groesbeek-Noord-West</t>
  </si>
  <si>
    <t>2021BU19450508</t>
  </si>
  <si>
    <t>buurten.81741f89-d11e-4367-b915-87ef63ecb32a</t>
  </si>
  <si>
    <t>BU19450509</t>
  </si>
  <si>
    <t>Buitengebied Groesbeek-Zuid-West</t>
  </si>
  <si>
    <t>2021BU19450509</t>
  </si>
  <si>
    <t>buurten.dc163c60-9174-42ae-913a-c9be7f47dd8d</t>
  </si>
  <si>
    <t>BU19450510</t>
  </si>
  <si>
    <t>Buitengebied Groesbeek-Noord</t>
  </si>
  <si>
    <t>2021BU19450510</t>
  </si>
  <si>
    <t>buurten.58ba3812-3122-4259-bf1a-4cdbb6fd953e</t>
  </si>
  <si>
    <t>BU19450511</t>
  </si>
  <si>
    <t>Buitengebied Groesbeek-Midden-West</t>
  </si>
  <si>
    <t>2021BU19450511</t>
  </si>
  <si>
    <t>buurten.1076c0ef-7eef-4675-ac42-37dd9e79afa7</t>
  </si>
  <si>
    <t>BU19450600</t>
  </si>
  <si>
    <t>Heilig Landstichting</t>
  </si>
  <si>
    <t>WK194506</t>
  </si>
  <si>
    <t>2021BU19450600</t>
  </si>
  <si>
    <t>buurten.a51a9b7c-abee-4c0c-84f7-74c1ffd18557</t>
  </si>
  <si>
    <t>BU19450601</t>
  </si>
  <si>
    <t>Buitengebied Heilig Landstichting</t>
  </si>
  <si>
    <t>2021BU19450601</t>
  </si>
  <si>
    <t>buurten.952b1e88-6264-45d9-9e71-9927962078e1</t>
  </si>
  <si>
    <t>BU19450700</t>
  </si>
  <si>
    <t>Kekerdom</t>
  </si>
  <si>
    <t>WK194507</t>
  </si>
  <si>
    <t>2021BU19450700</t>
  </si>
  <si>
    <t>buurten.5c8d18d1-e431-4f8f-bd3d-bc6d9cd8a57d</t>
  </si>
  <si>
    <t>BU19450701</t>
  </si>
  <si>
    <t>Buitengebied Kekerdom</t>
  </si>
  <si>
    <t>2021BU19450701</t>
  </si>
  <si>
    <t>buurten.a715783f-eb8c-4e8b-8522-63965ee361f6</t>
  </si>
  <si>
    <t>BU19450800</t>
  </si>
  <si>
    <t>Leuth</t>
  </si>
  <si>
    <t>WK194508</t>
  </si>
  <si>
    <t>2021BU19450800</t>
  </si>
  <si>
    <t>buurten.06f7a01b-09ff-486b-86d0-14e1d6953e02</t>
  </si>
  <si>
    <t>BU19450801</t>
  </si>
  <si>
    <t>Bedrijventerrein Lieskes Wengs</t>
  </si>
  <si>
    <t>2021BU19450801</t>
  </si>
  <si>
    <t>buurten.594a1aa3-578f-46a1-a4a3-67d91db7de1b</t>
  </si>
  <si>
    <t>BU19450802</t>
  </si>
  <si>
    <t>Buitengebied Leuth</t>
  </si>
  <si>
    <t>2021BU19450802</t>
  </si>
  <si>
    <t>buurten.64deca06-0cfb-4302-8409-d7f45c74d7b4</t>
  </si>
  <si>
    <t>BU19450900</t>
  </si>
  <si>
    <t>Millingen aan de Rijn-Oost</t>
  </si>
  <si>
    <t>WK194509</t>
  </si>
  <si>
    <t>2021BU19450900</t>
  </si>
  <si>
    <t>buurten.2ce79689-2cf6-4861-9a3c-f82d8df8fc82</t>
  </si>
  <si>
    <t>BU19450901</t>
  </si>
  <si>
    <t>Millingen aan de Rijn-West</t>
  </si>
  <si>
    <t>2021BU19450901</t>
  </si>
  <si>
    <t>buurten.bb5ca077-9135-48d0-bcc7-2cff767b33e7</t>
  </si>
  <si>
    <t>Millingen aan de Rijn</t>
  </si>
  <si>
    <t>BU19450902</t>
  </si>
  <si>
    <t>Bedrijventerrein Molenveld</t>
  </si>
  <si>
    <t>2021BU19450902</t>
  </si>
  <si>
    <t>buurten.db189652-2f74-4b59-88f7-afe11584b7e6</t>
  </si>
  <si>
    <t>BU19450903</t>
  </si>
  <si>
    <t>2021BU19450903</t>
  </si>
  <si>
    <t>buurten.5214cc71-4fd9-4121-98fd-9f75c608c273</t>
  </si>
  <si>
    <t>BU19450904</t>
  </si>
  <si>
    <t>Buitengebied Millingerwaard</t>
  </si>
  <si>
    <t>2021BU19450904</t>
  </si>
  <si>
    <t>buurten.98c9e236-3785-49a0-84bc-93f01928f331</t>
  </si>
  <si>
    <t>BU19451000</t>
  </si>
  <si>
    <t>WK194510</t>
  </si>
  <si>
    <t>2021BU19451000</t>
  </si>
  <si>
    <t>buurten.ec69b64f-2678-4416-887a-5d29b84d87b6</t>
  </si>
  <si>
    <t>BU19451001</t>
  </si>
  <si>
    <t>Bedrijventerrein De Bouwkamp</t>
  </si>
  <si>
    <t>2021BU19451001</t>
  </si>
  <si>
    <t>buurten.b480bf22-9e9d-40d9-8e32-da8520fd08d6</t>
  </si>
  <si>
    <t>BU19451002</t>
  </si>
  <si>
    <t>Buitengebied Ooij</t>
  </si>
  <si>
    <t>2021BU19451002</t>
  </si>
  <si>
    <t>buurten.19c7c95e-3fdf-4ed9-8518-c738f698e96c</t>
  </si>
  <si>
    <t>BU19451100</t>
  </si>
  <si>
    <t>Persingen</t>
  </si>
  <si>
    <t>WK194511</t>
  </si>
  <si>
    <t>2021BU19451100</t>
  </si>
  <si>
    <t>buurten.f227bda5-f158-4f12-bd1c-05fc2bdfb11e</t>
  </si>
  <si>
    <t>BU19451200</t>
  </si>
  <si>
    <t>Ubbergen</t>
  </si>
  <si>
    <t>WK194512</t>
  </si>
  <si>
    <t>2021BU19451200</t>
  </si>
  <si>
    <t>buurten.1c766cad-438c-45c7-8342-88f25089f847</t>
  </si>
  <si>
    <t>BU19480101</t>
  </si>
  <si>
    <t>Boerdonk</t>
  </si>
  <si>
    <t>WK194801</t>
  </si>
  <si>
    <t>GM1948</t>
  </si>
  <si>
    <t>Meierijstad</t>
  </si>
  <si>
    <t>2021BU19480101</t>
  </si>
  <si>
    <t>buurten.6479b325-0517-4324-91f7-0e4170551bf3</t>
  </si>
  <si>
    <t>BU19480102</t>
  </si>
  <si>
    <t>Bolst</t>
  </si>
  <si>
    <t>2021BU19480102</t>
  </si>
  <si>
    <t>buurten.624844a9-711f-4d35-a751-82c2b8893b97</t>
  </si>
  <si>
    <t>BU19480103</t>
  </si>
  <si>
    <t>Buitengebied Boerdonk</t>
  </si>
  <si>
    <t>2021BU19480103</t>
  </si>
  <si>
    <t>buurten.18ea04de-669d-4839-aa2a-32b4b45b72ce</t>
  </si>
  <si>
    <t>BU19480104</t>
  </si>
  <si>
    <t>Buitengebied Erp</t>
  </si>
  <si>
    <t>2021BU19480104</t>
  </si>
  <si>
    <t>buurten.d9041f36-4d0e-4860-ab5d-250636db28e9</t>
  </si>
  <si>
    <t>BU19480105</t>
  </si>
  <si>
    <t>Buitengebied Geregt</t>
  </si>
  <si>
    <t>2021BU19480105</t>
  </si>
  <si>
    <t>buurten.f1c3279f-e6d9-4924-ba27-3ace8b84e1e7</t>
  </si>
  <si>
    <t>BU19480106</t>
  </si>
  <si>
    <t>Buitengebied Hurkske en Hoek</t>
  </si>
  <si>
    <t>2021BU19480106</t>
  </si>
  <si>
    <t>buurten.f0d4f890-2376-4eed-a1e7-5c4ebe18854a</t>
  </si>
  <si>
    <t>BU19480107</t>
  </si>
  <si>
    <t>Buitengebied Keldonk</t>
  </si>
  <si>
    <t>2021BU19480107</t>
  </si>
  <si>
    <t>buurten.27f317c5-0243-4c92-89af-4368d00d6bbe</t>
  </si>
  <si>
    <t>BU19480108</t>
  </si>
  <si>
    <t>Buitengebied Kraanmeer en Veluwe</t>
  </si>
  <si>
    <t>2021BU19480108</t>
  </si>
  <si>
    <t>buurten.967253a7-f42e-4cde-b854-3f9f7cb454d4</t>
  </si>
  <si>
    <t>BU19480109</t>
  </si>
  <si>
    <t>Empeldonk</t>
  </si>
  <si>
    <t>2021BU19480109</t>
  </si>
  <si>
    <t>buurten.d9dc2f7e-7d72-473b-8b4b-3495d9d7cb6f</t>
  </si>
  <si>
    <t>BU19480110</t>
  </si>
  <si>
    <t>Erp Centrum</t>
  </si>
  <si>
    <t>2021BU19480110</t>
  </si>
  <si>
    <t>buurten.351d1fec-38d9-464e-b803-abbae2e0a83c</t>
  </si>
  <si>
    <t>BU19480111</t>
  </si>
  <si>
    <t>Erp Zuid</t>
  </si>
  <si>
    <t>2021BU19480111</t>
  </si>
  <si>
    <t>buurten.a8a42fe9-3461-45cf-8498-64d3bc1be440</t>
  </si>
  <si>
    <t>BU19480112</t>
  </si>
  <si>
    <t>Keldonk</t>
  </si>
  <si>
    <t>2021BU19480112</t>
  </si>
  <si>
    <t>buurten.2ff7cc33-bb2f-4d8d-989f-dcceefa84ee3</t>
  </si>
  <si>
    <t>BU19480113</t>
  </si>
  <si>
    <t>Vlaskamp</t>
  </si>
  <si>
    <t>2021BU19480113</t>
  </si>
  <si>
    <t>buurten.8a8c6c64-da5c-495c-8065-75aeee0a46ec</t>
  </si>
  <si>
    <t>BU19480201</t>
  </si>
  <si>
    <t>Boschweg Noordoost</t>
  </si>
  <si>
    <t>WK194802</t>
  </si>
  <si>
    <t>2021BU19480201</t>
  </si>
  <si>
    <t>buurten.c20ad3de-641e-4c66-b8e6-3148cd1c36ea</t>
  </si>
  <si>
    <t>BU19480202</t>
  </si>
  <si>
    <t>Boschweg Zuidwest</t>
  </si>
  <si>
    <t>2021BU19480202</t>
  </si>
  <si>
    <t>buurten.d71905f0-8a48-4f89-8ed7-2978611cbbc6</t>
  </si>
  <si>
    <t>BU19480203</t>
  </si>
  <si>
    <t>Buitengebied Elderbroek</t>
  </si>
  <si>
    <t>2021BU19480203</t>
  </si>
  <si>
    <t>buurten.47afe945-1b05-4631-94ae-dcff4664fa5e</t>
  </si>
  <si>
    <t>BU19480204</t>
  </si>
  <si>
    <t>Buitengebied Broekkant</t>
  </si>
  <si>
    <t>2021BU19480204</t>
  </si>
  <si>
    <t>buurten.cee06352-2c76-44cb-90b0-bb21caad595e</t>
  </si>
  <si>
    <t>BU19480205</t>
  </si>
  <si>
    <t>Buitengebied Molendijk</t>
  </si>
  <si>
    <t>2021BU19480205</t>
  </si>
  <si>
    <t>buurten.b1644a74-e65d-440a-82bb-e5ab494abd55</t>
  </si>
  <si>
    <t>BU19480206</t>
  </si>
  <si>
    <t>Buitengebied Oetelaar</t>
  </si>
  <si>
    <t>2021BU19480206</t>
  </si>
  <si>
    <t>buurten.03212fe5-a5d9-46d9-ad2c-355500011a51</t>
  </si>
  <si>
    <t>BU19480207</t>
  </si>
  <si>
    <t>Buitengebied Rooiseheide</t>
  </si>
  <si>
    <t>2021BU19480207</t>
  </si>
  <si>
    <t>buurten.a352ab7b-6609-46a6-840e-6938f539f527</t>
  </si>
  <si>
    <t>BU19480208</t>
  </si>
  <si>
    <t>Buitengebied Steeg</t>
  </si>
  <si>
    <t>2021BU19480208</t>
  </si>
  <si>
    <t>buurten.dc0dcfb4-bd92-4482-a2a9-d55e58f68838</t>
  </si>
  <si>
    <t>BU19480209</t>
  </si>
  <si>
    <t>Buitengebied Vlagheide</t>
  </si>
  <si>
    <t>2021BU19480209</t>
  </si>
  <si>
    <t>buurten.ac56f6ac-64c2-4ba8-9616-eb7808175575</t>
  </si>
  <si>
    <t>BU19480210</t>
  </si>
  <si>
    <t>De Beemd 1</t>
  </si>
  <si>
    <t>2021BU19480210</t>
  </si>
  <si>
    <t>buurten.08a7a78c-2c38-4db2-871a-799985373544</t>
  </si>
  <si>
    <t>BU19480211</t>
  </si>
  <si>
    <t>De Beemd 3</t>
  </si>
  <si>
    <t>2021BU19480211</t>
  </si>
  <si>
    <t>buurten.4ad413ea-1f35-46fe-9450-86aeba4e6760</t>
  </si>
  <si>
    <t>BU19480212</t>
  </si>
  <si>
    <t>De Borne 1</t>
  </si>
  <si>
    <t>2021BU19480212</t>
  </si>
  <si>
    <t>buurten.6fe90c1f-b1c2-4ed6-a49e-d054fc52285b</t>
  </si>
  <si>
    <t>BU19480213</t>
  </si>
  <si>
    <t>De Borne 2</t>
  </si>
  <si>
    <t>2021BU19480213</t>
  </si>
  <si>
    <t>buurten.25e7b00a-7e08-4663-9749-fc309bfedb13</t>
  </si>
  <si>
    <t>BU19480214</t>
  </si>
  <si>
    <t>Duin 1</t>
  </si>
  <si>
    <t>2021BU19480214</t>
  </si>
  <si>
    <t>buurten.9df3c733-b5a4-431b-a0db-0b7c10466e81</t>
  </si>
  <si>
    <t>BU19480215</t>
  </si>
  <si>
    <t>Duin 2</t>
  </si>
  <si>
    <t>2021BU19480215</t>
  </si>
  <si>
    <t>buurten.29e6d906-a03e-42e3-917d-d34e06692700</t>
  </si>
  <si>
    <t>BU19480216</t>
  </si>
  <si>
    <t>Grevekeur</t>
  </si>
  <si>
    <t>2021BU19480216</t>
  </si>
  <si>
    <t>buurten.bc3c77ea-69a6-45fb-bd7a-3d67605eeb68</t>
  </si>
  <si>
    <t>BU19480217</t>
  </si>
  <si>
    <t>Hoevenbraak</t>
  </si>
  <si>
    <t>2021BU19480217</t>
  </si>
  <si>
    <t>buurten.f887a44e-305d-4208-b264-ae20d5bf8c17</t>
  </si>
  <si>
    <t>BU19480218</t>
  </si>
  <si>
    <t>Hopstraat</t>
  </si>
  <si>
    <t>2021BU19480218</t>
  </si>
  <si>
    <t>buurten.2b2178f5-2510-41b8-9b00-43b7d04c7925</t>
  </si>
  <si>
    <t>BU19480219</t>
  </si>
  <si>
    <t>Hulzebraak</t>
  </si>
  <si>
    <t>2021BU19480219</t>
  </si>
  <si>
    <t>buurten.e0e721c5-9dbe-4fe4-b22d-963344964b1b</t>
  </si>
  <si>
    <t>BU19480220</t>
  </si>
  <si>
    <t>2021BU19480220</t>
  </si>
  <si>
    <t>buurten.95476789-a75d-4230-ae82-209c4cad44ed</t>
  </si>
  <si>
    <t>BU19480221</t>
  </si>
  <si>
    <t>Plein 1</t>
  </si>
  <si>
    <t>2021BU19480221</t>
  </si>
  <si>
    <t>buurten.54d82c11-c21a-4e8c-aa9c-816d09b3a956</t>
  </si>
  <si>
    <t>BU19480222</t>
  </si>
  <si>
    <t>Plein 2</t>
  </si>
  <si>
    <t>2021BU19480222</t>
  </si>
  <si>
    <t>buurten.78403580-76ed-46cb-bcb2-ab13ca87c82b</t>
  </si>
  <si>
    <t>BU19480223</t>
  </si>
  <si>
    <t>Plein 3</t>
  </si>
  <si>
    <t>2021BU19480223</t>
  </si>
  <si>
    <t>buurten.68803750-322e-4e3f-9a5d-038763bd7dd9</t>
  </si>
  <si>
    <t>BU19480224</t>
  </si>
  <si>
    <t>Rooiseheide</t>
  </si>
  <si>
    <t>2021BU19480224</t>
  </si>
  <si>
    <t>buurten.002e455c-4383-46ce-9f69-946c1762df47</t>
  </si>
  <si>
    <t>BU19480225</t>
  </si>
  <si>
    <t>Schijndel Centrum 1</t>
  </si>
  <si>
    <t>2021BU19480225</t>
  </si>
  <si>
    <t>buurten.03c33476-a0b9-432c-8786-8271e6e3ac10</t>
  </si>
  <si>
    <t>BU19480226</t>
  </si>
  <si>
    <t>Schijndel Centrum 2</t>
  </si>
  <si>
    <t>2021BU19480226</t>
  </si>
  <si>
    <t>buurten.8b39f7d1-ca50-4982-ade9-978c854e8f01</t>
  </si>
  <si>
    <t>BU19480227</t>
  </si>
  <si>
    <t>Schijndel Centrum 3</t>
  </si>
  <si>
    <t>2021BU19480227</t>
  </si>
  <si>
    <t>buurten.293158a4-c20c-4210-8abf-cce07002400b</t>
  </si>
  <si>
    <t>BU19480228</t>
  </si>
  <si>
    <t>Schijndel Centrum 4</t>
  </si>
  <si>
    <t>2021BU19480228</t>
  </si>
  <si>
    <t>buurten.815d3ab1-d030-4368-b8bc-dd1ed6fa02d4</t>
  </si>
  <si>
    <t>BU19480229</t>
  </si>
  <si>
    <t>Wijbosch</t>
  </si>
  <si>
    <t>2021BU19480229</t>
  </si>
  <si>
    <t>buurten.615691a4-b1b9-4fc9-b1e1-6ce5b8e93497</t>
  </si>
  <si>
    <t>BU19480301</t>
  </si>
  <si>
    <t>Armenhoef</t>
  </si>
  <si>
    <t>WK194803</t>
  </si>
  <si>
    <t>2021BU19480301</t>
  </si>
  <si>
    <t>buurten.d59e76d1-5de1-4662-beb6-58298b1fdc58</t>
  </si>
  <si>
    <t>BU19480302</t>
  </si>
  <si>
    <t>Boskant</t>
  </si>
  <si>
    <t>2021BU19480302</t>
  </si>
  <si>
    <t>buurten.1fc3d1e1-aba1-4387-89d6-9eea4580801b</t>
  </si>
  <si>
    <t>BU19480303</t>
  </si>
  <si>
    <t>Buitengebied Boskant</t>
  </si>
  <si>
    <t>2021BU19480303</t>
  </si>
  <si>
    <t>buurten.eff3f122-3175-4561-aec2-6cdbdb8afca2</t>
  </si>
  <si>
    <t>BU19480304</t>
  </si>
  <si>
    <t>Buitengebied Jekschotse Heide en Everse</t>
  </si>
  <si>
    <t>2021BU19480304</t>
  </si>
  <si>
    <t>buurten.b5157b84-0ea7-4304-a1fe-8d2c9206946b</t>
  </si>
  <si>
    <t>BU19480305</t>
  </si>
  <si>
    <t>Buitengebied Nijnsel</t>
  </si>
  <si>
    <t>2021BU19480305</t>
  </si>
  <si>
    <t>buurten.a7f76d5a-b379-4aa1-bddb-061efb8e9580</t>
  </si>
  <si>
    <t>BU19480306</t>
  </si>
  <si>
    <t>Buitengebied Olland</t>
  </si>
  <si>
    <t>2021BU19480306</t>
  </si>
  <si>
    <t>buurten.2bc6c39f-87e1-4239-83de-63aef1880761</t>
  </si>
  <si>
    <t>BU19480307</t>
  </si>
  <si>
    <t>Buitengebied Rijsingen en Schijndelse Heide</t>
  </si>
  <si>
    <t>2021BU19480307</t>
  </si>
  <si>
    <t>buurten.c668c695-52d1-44fd-9108-7ca6f1eb9017</t>
  </si>
  <si>
    <t>BU19480308</t>
  </si>
  <si>
    <t>Buitengebied Veerse Heide en Koevering</t>
  </si>
  <si>
    <t>2021BU19480308</t>
  </si>
  <si>
    <t>buurten.ee3c94a1-b5c0-4ef9-a476-0763e50f8c05</t>
  </si>
  <si>
    <t>BU19480309</t>
  </si>
  <si>
    <t>Buitengebied Vressel en Zwijnsbergen</t>
  </si>
  <si>
    <t>2021BU19480309</t>
  </si>
  <si>
    <t>buurten.00afc1d7-9b9f-4408-be3e-8e7fb101441a</t>
  </si>
  <si>
    <t>BU19480310</t>
  </si>
  <si>
    <t>Cathalijne en Kinderbos</t>
  </si>
  <si>
    <t>2021BU19480310</t>
  </si>
  <si>
    <t>buurten.d6b8557f-a196-455f-9b97-90f176437089</t>
  </si>
  <si>
    <t>BU19480311</t>
  </si>
  <si>
    <t>Eerschot</t>
  </si>
  <si>
    <t>2021BU19480311</t>
  </si>
  <si>
    <t>buurten.b3e7b0b7-be08-40df-be8c-733bd0951c24</t>
  </si>
  <si>
    <t>BU19480312</t>
  </si>
  <si>
    <t>Heikant en Sluitappel</t>
  </si>
  <si>
    <t>2021BU19480312</t>
  </si>
  <si>
    <t>buurten.cbb8cc60-6107-448a-a1fc-9ca212012956</t>
  </si>
  <si>
    <t>BU19480313</t>
  </si>
  <si>
    <t>Kienehoef Noord</t>
  </si>
  <si>
    <t>2021BU19480313</t>
  </si>
  <si>
    <t>buurten.ac9196f7-3111-4955-9c92-046140a47cd0</t>
  </si>
  <si>
    <t>BU19480314</t>
  </si>
  <si>
    <t>Kienehoef Zuid</t>
  </si>
  <si>
    <t>2021BU19480314</t>
  </si>
  <si>
    <t>buurten.a26dde5f-7ceb-4fe1-9e24-d585fc9b79ee</t>
  </si>
  <si>
    <t>BU19480315</t>
  </si>
  <si>
    <t>Nijnsel</t>
  </si>
  <si>
    <t>2021BU19480315</t>
  </si>
  <si>
    <t>buurten.c14de1c6-0a9d-4066-ac6c-b1391ca2c8c2</t>
  </si>
  <si>
    <t>BU19480316</t>
  </si>
  <si>
    <t>Olland</t>
  </si>
  <si>
    <t>2021BU19480316</t>
  </si>
  <si>
    <t>buurten.625724ad-1f16-4990-b74a-242c81afcfa1</t>
  </si>
  <si>
    <t>BU19480317</t>
  </si>
  <si>
    <t>Sint-Oedenrode Centrum Noord</t>
  </si>
  <si>
    <t>2021BU19480317</t>
  </si>
  <si>
    <t>buurten.29025ea6-a60e-49f0-b82c-ac6f1fce00a1</t>
  </si>
  <si>
    <t>BU19480318</t>
  </si>
  <si>
    <t>Sint-Oedenrode Centrum Zuid</t>
  </si>
  <si>
    <t>2021BU19480318</t>
  </si>
  <si>
    <t>buurten.aed3fc47-5866-45c7-b2b8-84b89e0b04b9</t>
  </si>
  <si>
    <t>BU19480401</t>
  </si>
  <si>
    <t>'t Ven Oost</t>
  </si>
  <si>
    <t>WK194804</t>
  </si>
  <si>
    <t>2021BU19480401</t>
  </si>
  <si>
    <t>buurten.8504c385-293e-4295-9a27-9a4f6d1373e6</t>
  </si>
  <si>
    <t>BU19480402</t>
  </si>
  <si>
    <t>'t Ven West</t>
  </si>
  <si>
    <t>2021BU19480402</t>
  </si>
  <si>
    <t>buurten.bb8e4060-eda1-4045-8b67-23976595839e</t>
  </si>
  <si>
    <t>BU19480403</t>
  </si>
  <si>
    <t>Amert en Binnenveld</t>
  </si>
  <si>
    <t>2021BU19480403</t>
  </si>
  <si>
    <t>buurten.3149397e-4ea1-43a2-93e0-359e64c6b7ba</t>
  </si>
  <si>
    <t>BU19480404</t>
  </si>
  <si>
    <t>2021BU19480404</t>
  </si>
  <si>
    <t>buurten.26d38eed-7511-4a6a-8758-038610529dfa</t>
  </si>
  <si>
    <t>BU19480405</t>
  </si>
  <si>
    <t>Buitengebied Driehuizen en Hazelberg</t>
  </si>
  <si>
    <t>2021BU19480405</t>
  </si>
  <si>
    <t>buurten.0a406b70-0abc-40ef-8549-d33734714565</t>
  </si>
  <si>
    <t>BU19480406</t>
  </si>
  <si>
    <t>Buitengebied Eerde</t>
  </si>
  <si>
    <t>2021BU19480406</t>
  </si>
  <si>
    <t>buurten.9b491fba-ed30-4555-b0af-3186a6b01773</t>
  </si>
  <si>
    <t>BU19480407</t>
  </si>
  <si>
    <t>Buitengebied Heuvel en Havelt</t>
  </si>
  <si>
    <t>2021BU19480407</t>
  </si>
  <si>
    <t>buurten.a8facb52-8384-41f6-9655-f5f8c599955c</t>
  </si>
  <si>
    <t>BU19480408</t>
  </si>
  <si>
    <t>Buitengebied Jekschot</t>
  </si>
  <si>
    <t>2021BU19480408</t>
  </si>
  <si>
    <t>buurten.72c493e3-71bb-46b8-8ad3-4b42e82d7398</t>
  </si>
  <si>
    <t>BU19480409</t>
  </si>
  <si>
    <t>Buitengebied Mariaheide</t>
  </si>
  <si>
    <t>2021BU19480409</t>
  </si>
  <si>
    <t>buurten.16836d68-05fa-4c85-af53-ed5e533bc1ca</t>
  </si>
  <si>
    <t>BU19480410</t>
  </si>
  <si>
    <t>Buitengebied Sportpark en Dorshout</t>
  </si>
  <si>
    <t>2021BU19480410</t>
  </si>
  <si>
    <t>buurten.1dad0611-ebb0-48aa-a25a-48210669c91a</t>
  </si>
  <si>
    <t>BU19480411</t>
  </si>
  <si>
    <t>Buitengebied Zijtaart</t>
  </si>
  <si>
    <t>2021BU19480411</t>
  </si>
  <si>
    <t>buurten.2508eb25-564c-4060-8cea-2a31ac805b76</t>
  </si>
  <si>
    <t>BU19480412</t>
  </si>
  <si>
    <t>Bunderse Hoek Noord</t>
  </si>
  <si>
    <t>2021BU19480412</t>
  </si>
  <si>
    <t>buurten.7afcba50-48d9-4914-bbcb-738ed52a62cf</t>
  </si>
  <si>
    <t>BU19480413</t>
  </si>
  <si>
    <t>Bunderse Hoek Zuid</t>
  </si>
  <si>
    <t>2021BU19480413</t>
  </si>
  <si>
    <t>buurten.64f0a218-5e73-4c93-aeec-d1079d5b03ee</t>
  </si>
  <si>
    <t>BU19480414</t>
  </si>
  <si>
    <t>Busselbunders</t>
  </si>
  <si>
    <t>2021BU19480414</t>
  </si>
  <si>
    <t>buurten.d7459f2a-957b-4dbd-82c0-0e7efa5f35de</t>
  </si>
  <si>
    <t>BU19480415</t>
  </si>
  <si>
    <t>De Scheifelaar</t>
  </si>
  <si>
    <t>2021BU19480415</t>
  </si>
  <si>
    <t>buurten.247377d8-ca42-4a52-81b6-f3d4b2641931</t>
  </si>
  <si>
    <t>BU19480416</t>
  </si>
  <si>
    <t>Doornhoek en Kempkens</t>
  </si>
  <si>
    <t>2021BU19480416</t>
  </si>
  <si>
    <t>buurten.241a7835-dfab-49de-8232-052b46effae7</t>
  </si>
  <si>
    <t>BU19480417</t>
  </si>
  <si>
    <t>Dubbelen</t>
  </si>
  <si>
    <t>2021BU19480417</t>
  </si>
  <si>
    <t>buurten.4bc4ef03-b064-4c5d-ba9f-6eae7168fa39</t>
  </si>
  <si>
    <t>BU19480418</t>
  </si>
  <si>
    <t>Eerde</t>
  </si>
  <si>
    <t>2021BU19480418</t>
  </si>
  <si>
    <t>buurten.43ff036e-430a-4333-8b5b-fa60d0c2b362</t>
  </si>
  <si>
    <t>BU19480419</t>
  </si>
  <si>
    <t>Erpseweg Zuid</t>
  </si>
  <si>
    <t>2021BU19480419</t>
  </si>
  <si>
    <t>buurten.b901c548-740f-45c8-ac38-e6324a0d0917</t>
  </si>
  <si>
    <t>BU19480420</t>
  </si>
  <si>
    <t>Heibunders</t>
  </si>
  <si>
    <t>2021BU19480420</t>
  </si>
  <si>
    <t>buurten.3812d90f-84cb-4c2f-ab4b-53573a16c17d</t>
  </si>
  <si>
    <t>BU19480421</t>
  </si>
  <si>
    <t>Hoogeinde</t>
  </si>
  <si>
    <t>2021BU19480421</t>
  </si>
  <si>
    <t>buurten.f8f66417-af96-419c-beef-1b2a6777657b</t>
  </si>
  <si>
    <t>BU19480422</t>
  </si>
  <si>
    <t>Koolenkampen en Iepenlaan</t>
  </si>
  <si>
    <t>2021BU19480422</t>
  </si>
  <si>
    <t>buurten.8a0364d4-5fb8-4c1b-b4fd-4f3ed8e4ba2c</t>
  </si>
  <si>
    <t>BU19480423</t>
  </si>
  <si>
    <t>Laarbunders</t>
  </si>
  <si>
    <t>2021BU19480423</t>
  </si>
  <si>
    <t>buurten.67a25148-7562-4356-9d56-2830642f4584</t>
  </si>
  <si>
    <t>BU19480424</t>
  </si>
  <si>
    <t>Leest</t>
  </si>
  <si>
    <t>2021BU19480424</t>
  </si>
  <si>
    <t>buurten.15be6322-b4fb-429c-b359-d48d819864b4</t>
  </si>
  <si>
    <t>BU19480425</t>
  </si>
  <si>
    <t>Leest Noord</t>
  </si>
  <si>
    <t>2021BU19480425</t>
  </si>
  <si>
    <t>buurten.9378ad46-e51b-443c-9aa1-bc66dda2d732</t>
  </si>
  <si>
    <t>BU19480426</t>
  </si>
  <si>
    <t>Mariaheide</t>
  </si>
  <si>
    <t>2021BU19480426</t>
  </si>
  <si>
    <t>buurten.629f8add-833d-46cd-8706-e6a9b5cd08cf</t>
  </si>
  <si>
    <t>BU19480427</t>
  </si>
  <si>
    <t>Oranjewijk en Dorsveld</t>
  </si>
  <si>
    <t>2021BU19480427</t>
  </si>
  <si>
    <t>buurten.d298d851-822a-4314-96bf-4e35e1b274b6</t>
  </si>
  <si>
    <t>BU19480428</t>
  </si>
  <si>
    <t>Oude ontginning</t>
  </si>
  <si>
    <t>2021BU19480428</t>
  </si>
  <si>
    <t>buurten.8373bdd8-319c-4e6b-a3a3-5ec1d783f464</t>
  </si>
  <si>
    <t>BU19480429</t>
  </si>
  <si>
    <t>Veghel Centrum</t>
  </si>
  <si>
    <t>2021BU19480429</t>
  </si>
  <si>
    <t>buurten.a373b53a-6fca-4ada-ae19-56ccabd442e3</t>
  </si>
  <si>
    <t>BU19480430</t>
  </si>
  <si>
    <t>Veghel Zuid 1</t>
  </si>
  <si>
    <t>2021BU19480430</t>
  </si>
  <si>
    <t>buurten.1c53c47b-3237-40ac-9757-6ed791e19969</t>
  </si>
  <si>
    <t>BU19480431</t>
  </si>
  <si>
    <t>Veghel Zuid 2</t>
  </si>
  <si>
    <t>2021BU19480431</t>
  </si>
  <si>
    <t>buurten.bebd16fb-96d9-41f0-8604-f7f56ca24f7d</t>
  </si>
  <si>
    <t>BU19480432</t>
  </si>
  <si>
    <t>2021BU19480432</t>
  </si>
  <si>
    <t>buurten.44e79183-3a0b-4cd1-aafa-6f5ed927356b</t>
  </si>
  <si>
    <t>BU19480433</t>
  </si>
  <si>
    <t>Zijtaart</t>
  </si>
  <si>
    <t>2021BU19480433</t>
  </si>
  <si>
    <t>buurten.f00346e6-e85c-4157-97f9-7b44599db2f9</t>
  </si>
  <si>
    <t>BU19491500</t>
  </si>
  <si>
    <t>Buitengebied Achlum</t>
  </si>
  <si>
    <t>WK194915</t>
  </si>
  <si>
    <t>2021BU19491500</t>
  </si>
  <si>
    <t>buurten.b0ad3412-f265-4e46-a8a1-15e805a621fe</t>
  </si>
  <si>
    <t>BU19491501</t>
  </si>
  <si>
    <t>Achlum</t>
  </si>
  <si>
    <t>2021BU19491501</t>
  </si>
  <si>
    <t>buurten.e6924a35-2001-4e4b-9f3e-9527ff48a095</t>
  </si>
  <si>
    <t>BU19491600</t>
  </si>
  <si>
    <t>Buitengebied St.-Annaparochie</t>
  </si>
  <si>
    <t>WK194916</t>
  </si>
  <si>
    <t>2021BU19491600</t>
  </si>
  <si>
    <t>buurten.7b8afd37-6cb1-4a56-a506-6edd5be9e5ef</t>
  </si>
  <si>
    <t>PL1949010002</t>
  </si>
  <si>
    <t>Franeker (Sexbierumerplan, Professorenbuurt, Keningspark), Sint Annaparochie (Zuidoost), Minnertsga (Boskdykje), Klooster Lidlum</t>
  </si>
  <si>
    <t>Aquathermie, restwarmte.</t>
  </si>
  <si>
    <t>BU19491601</t>
  </si>
  <si>
    <t>St.-Annaparochie Bedr. Nij Toerenburg</t>
  </si>
  <si>
    <t>2021BU19491601</t>
  </si>
  <si>
    <t>buurten.3a006f6b-073b-461d-9e3d-00f068b573e7</t>
  </si>
  <si>
    <t>BU19491602</t>
  </si>
  <si>
    <t>St.-Annaparochie Zuidoost</t>
  </si>
  <si>
    <t>2021BU19491602</t>
  </si>
  <si>
    <t>buurten.cd199315-4a34-4586-9ce2-fb0ac014a78a</t>
  </si>
  <si>
    <t>Voor alle gebieden die kansrijk lijken voor een warmtenet geldt dat er meer onderzoek moet worden gedaan om te bepalen of een warmtenet echt kansrijk is en welke gebouwen het beste aangesloten kunnen worden op het warmtenet.</t>
  </si>
  <si>
    <t>BU19491603</t>
  </si>
  <si>
    <t>St.-Annaparochie Noordwest</t>
  </si>
  <si>
    <t>2021BU19491603</t>
  </si>
  <si>
    <t>buurten.13749971-b9b1-4d8a-b984-48c4a00e089e</t>
  </si>
  <si>
    <t>BU19491604</t>
  </si>
  <si>
    <t>St.-Annaparochie Noordoost</t>
  </si>
  <si>
    <t>2021BU19491604</t>
  </si>
  <si>
    <t>buurten.450839cc-a55d-4fb6-9485-fe51fde986c0</t>
  </si>
  <si>
    <t>BU19491605</t>
  </si>
  <si>
    <t>St.-Annaparochie Zuidwest</t>
  </si>
  <si>
    <t>2021BU19491605</t>
  </si>
  <si>
    <t>buurten.b2a9805a-a4f0-42bb-9b58-7368148b8deb</t>
  </si>
  <si>
    <t>BU19491606</t>
  </si>
  <si>
    <t>St.-Annaparochie Bedrijventer. de Wissel</t>
  </si>
  <si>
    <t>2021BU19491606</t>
  </si>
  <si>
    <t>buurten.100402d3-9dc0-4727-9133-a1e3a4a2d86b</t>
  </si>
  <si>
    <t>BU19491700</t>
  </si>
  <si>
    <t>Baaium</t>
  </si>
  <si>
    <t>WK194917</t>
  </si>
  <si>
    <t>2021BU19491700</t>
  </si>
  <si>
    <t>buurten.d08526be-ff20-41a8-8359-d5ab60c1733f</t>
  </si>
  <si>
    <t>BU19491800</t>
  </si>
  <si>
    <t>Buitengebied Berltsum</t>
  </si>
  <si>
    <t>WK194918</t>
  </si>
  <si>
    <t>2021BU19491800</t>
  </si>
  <si>
    <t>buurten.f71b2a9d-cad1-4f9c-bb13-871cb4c2c677</t>
  </si>
  <si>
    <t>BU19491801</t>
  </si>
  <si>
    <t>Berltsum Noord</t>
  </si>
  <si>
    <t>2021BU19491801</t>
  </si>
  <si>
    <t>buurten.ea24ee1a-6c03-4d80-8e65-57a9184a9e61</t>
  </si>
  <si>
    <t>BU19491802</t>
  </si>
  <si>
    <t>Berltsum Zuid</t>
  </si>
  <si>
    <t>2021BU19491802</t>
  </si>
  <si>
    <t>buurten.2dba93e7-ebd4-4436-8603-d8c3db166e1c</t>
  </si>
  <si>
    <t>BU19491803</t>
  </si>
  <si>
    <t>Berltsum Bedrijventerrein West</t>
  </si>
  <si>
    <t>2021BU19491803</t>
  </si>
  <si>
    <t>buurten.def40489-ecb4-4499-a8d3-aa88d82113a4</t>
  </si>
  <si>
    <t>BU19491804</t>
  </si>
  <si>
    <t>Berltsum Kassen</t>
  </si>
  <si>
    <t>2021BU19491804</t>
  </si>
  <si>
    <t>buurten.00a0a380-7f44-4648-a818-b1b2b4f41abb</t>
  </si>
  <si>
    <t>BU19491900</t>
  </si>
  <si>
    <t>Buitengebied Bitgum</t>
  </si>
  <si>
    <t>WK194919</t>
  </si>
  <si>
    <t>2021BU19491900</t>
  </si>
  <si>
    <t>buurten.f32ec1a7-7b52-4348-9faf-216f034e98ab</t>
  </si>
  <si>
    <t>BU19491901</t>
  </si>
  <si>
    <t>Bitgum</t>
  </si>
  <si>
    <t>2021BU19491901</t>
  </si>
  <si>
    <t>buurten.a4a33002-af15-4d35-9182-f9cd50b47534</t>
  </si>
  <si>
    <t>BU19492000</t>
  </si>
  <si>
    <t>Buitengebied Bitgummole</t>
  </si>
  <si>
    <t>WK194920</t>
  </si>
  <si>
    <t>2021BU19492000</t>
  </si>
  <si>
    <t>buurten.b51f3120-47ef-4261-860e-e937fc9c8bb3</t>
  </si>
  <si>
    <t>BU19492001</t>
  </si>
  <si>
    <t>Bitgummole</t>
  </si>
  <si>
    <t>2021BU19492001</t>
  </si>
  <si>
    <t>buurten.e5a82c6c-c2e8-4231-8c01-fa8b7fa56f3a</t>
  </si>
  <si>
    <t>BU19492100</t>
  </si>
  <si>
    <t>Blessum</t>
  </si>
  <si>
    <t>WK194921</t>
  </si>
  <si>
    <t>2021BU19492100</t>
  </si>
  <si>
    <t>buurten.b57791f8-a523-47b4-9479-a0909bdea1e2</t>
  </si>
  <si>
    <t>BU19492200</t>
  </si>
  <si>
    <t>Boer</t>
  </si>
  <si>
    <t>WK194922</t>
  </si>
  <si>
    <t>2021BU19492200</t>
  </si>
  <si>
    <t>buurten.a196fc1a-35b0-4756-8cff-7e32a083c526</t>
  </si>
  <si>
    <t>BU19492300</t>
  </si>
  <si>
    <t>Buitengebied Boksum</t>
  </si>
  <si>
    <t>WK194923</t>
  </si>
  <si>
    <t>2021BU19492300</t>
  </si>
  <si>
    <t>buurten.a44b364f-8cf9-4221-a6d0-b6842f9ed4a4</t>
  </si>
  <si>
    <t>BU19492301</t>
  </si>
  <si>
    <t>Boksum</t>
  </si>
  <si>
    <t>2021BU19492301</t>
  </si>
  <si>
    <t>buurten.7fcd4207-eeb4-4708-943d-f67ac28eb7a6</t>
  </si>
  <si>
    <t>BU19492400</t>
  </si>
  <si>
    <t>Buitengebied Deinum</t>
  </si>
  <si>
    <t>WK194924</t>
  </si>
  <si>
    <t>2021BU19492400</t>
  </si>
  <si>
    <t>buurten.07874b74-9d9f-429b-8f12-90b57e91265a</t>
  </si>
  <si>
    <t>BU19492401</t>
  </si>
  <si>
    <t>Deinum</t>
  </si>
  <si>
    <t>2021BU19492401</t>
  </si>
  <si>
    <t>buurten.3401c085-0909-47fb-b15e-a49b546b0ca5</t>
  </si>
  <si>
    <t>BU19492500</t>
  </si>
  <si>
    <t>Buitengebied Dongjum</t>
  </si>
  <si>
    <t>WK194925</t>
  </si>
  <si>
    <t>2021BU19492500</t>
  </si>
  <si>
    <t>buurten.17bdd1ee-9dd2-4ad3-8166-3e7e5cdc3f34</t>
  </si>
  <si>
    <t>BU19492501</t>
  </si>
  <si>
    <t>Dongjum</t>
  </si>
  <si>
    <t>2021BU19492501</t>
  </si>
  <si>
    <t>buurten.514204c6-8694-4067-92c8-28342d3edd7c</t>
  </si>
  <si>
    <t>BU19492600</t>
  </si>
  <si>
    <t>Buitengebied Dronryp</t>
  </si>
  <si>
    <t>WK194926</t>
  </si>
  <si>
    <t>2021BU19492600</t>
  </si>
  <si>
    <t>buurten.67515774-9bbe-448e-b4e3-f3436b5a02bd</t>
  </si>
  <si>
    <t>BU19492601</t>
  </si>
  <si>
    <t>Dronryp Bedrijventerrein de Alde Mar</t>
  </si>
  <si>
    <t>2021BU19492601</t>
  </si>
  <si>
    <t>buurten.7b9c1efa-26a8-4a62-b8a5-5a5316dfd63f</t>
  </si>
  <si>
    <t>BU19492602</t>
  </si>
  <si>
    <t>Dronryp Midden</t>
  </si>
  <si>
    <t>2021BU19492602</t>
  </si>
  <si>
    <t>buurten.86048615-165b-451f-8baa-1de9b5f509a5</t>
  </si>
  <si>
    <t>BU19492603</t>
  </si>
  <si>
    <t>Dronryp Oost</t>
  </si>
  <si>
    <t>2021BU19492603</t>
  </si>
  <si>
    <t>buurten.04a6d888-6f94-4436-bb8b-8453da5a35e0</t>
  </si>
  <si>
    <t>BU19492604</t>
  </si>
  <si>
    <t>Dronryp West</t>
  </si>
  <si>
    <t>2021BU19492604</t>
  </si>
  <si>
    <t>buurten.72bc99e4-f382-4072-8e93-d2dcfd5a1518</t>
  </si>
  <si>
    <t>BU19492700</t>
  </si>
  <si>
    <t>Firdgum</t>
  </si>
  <si>
    <t>WK194927</t>
  </si>
  <si>
    <t>2021BU19492700</t>
  </si>
  <si>
    <t>buurten.da329ce7-d5ce-4953-83db-9cc4f4f8626c</t>
  </si>
  <si>
    <t>BU19492800</t>
  </si>
  <si>
    <t>Buitengebied Franeker</t>
  </si>
  <si>
    <t>WK194928</t>
  </si>
  <si>
    <t>2021BU19492800</t>
  </si>
  <si>
    <t>buurten.753c0069-6f44-4e81-884e-af25aed1e7b9</t>
  </si>
  <si>
    <t>BU19492801</t>
  </si>
  <si>
    <t>Franeker Alvestudewyk</t>
  </si>
  <si>
    <t>2021BU19492801</t>
  </si>
  <si>
    <t>buurten.ee6abff0-cea7-4dd9-9b9f-e087b69f4164</t>
  </si>
  <si>
    <t>PL1949010003</t>
  </si>
  <si>
    <t>Franeker (Witsens, Kaatsersbuurt, Alvestedewyk)</t>
  </si>
  <si>
    <t>BU19492802</t>
  </si>
  <si>
    <t>Franeker Binnenstad</t>
  </si>
  <si>
    <t>2021BU19492802</t>
  </si>
  <si>
    <t>buurten.097cfc6f-e072-41ee-8e1d-4d44a01226c0</t>
  </si>
  <si>
    <t>PL1949010001</t>
  </si>
  <si>
    <t>Franeker (Binnenstad)</t>
  </si>
  <si>
    <t>Onbekend. Mogelijk restwarmte.</t>
  </si>
  <si>
    <t>BU19492803</t>
  </si>
  <si>
    <t>Franeker Bloemketerp en Watertorenbuurt</t>
  </si>
  <si>
    <t>2021BU19492803</t>
  </si>
  <si>
    <t>buurten.f9824c3c-9de2-48e1-9b43-7f837df28239</t>
  </si>
  <si>
    <t>BU19492804</t>
  </si>
  <si>
    <t>Franeker Hamburgerrak en st Want</t>
  </si>
  <si>
    <t>2021BU19492804</t>
  </si>
  <si>
    <t>buurten.62da36c8-a2cc-4d78-bd66-21108e9d8bcf</t>
  </si>
  <si>
    <t>BU19492805</t>
  </si>
  <si>
    <t>Franeker Industrieter. West en Kie</t>
  </si>
  <si>
    <t>2021BU19492805</t>
  </si>
  <si>
    <t>buurten.8c286798-dffd-485a-a869-2dea7cf02ce9</t>
  </si>
  <si>
    <t>BU19492806</t>
  </si>
  <si>
    <t>Franeker Industrieterrein Oost</t>
  </si>
  <si>
    <t>2021BU19492806</t>
  </si>
  <si>
    <t>buurten.7d7ad924-cfc1-4d4e-aece-16a4b61a5aec</t>
  </si>
  <si>
    <t>BU19492807</t>
  </si>
  <si>
    <t>Franeker Industrieterrein Zuid</t>
  </si>
  <si>
    <t>2021BU19492807</t>
  </si>
  <si>
    <t>buurten.2d3e3f01-21fb-4525-94f3-59de7709c5d4</t>
  </si>
  <si>
    <t>BU19492808</t>
  </si>
  <si>
    <t>Franeker It Stiselplak</t>
  </si>
  <si>
    <t>2021BU19492808</t>
  </si>
  <si>
    <t>buurten.c8a7182b-7954-4bc6-bffe-8ca21ef6f1e1</t>
  </si>
  <si>
    <t>BU19492809</t>
  </si>
  <si>
    <t>Franeker Kaatsersbuurt</t>
  </si>
  <si>
    <t>2021BU19492809</t>
  </si>
  <si>
    <t>buurten.7658cd7c-838c-4ac9-b31e-92a0860a744a</t>
  </si>
  <si>
    <t>BU19492810</t>
  </si>
  <si>
    <t>Franeker Keningspark</t>
  </si>
  <si>
    <t>2021BU19492810</t>
  </si>
  <si>
    <t>buurten.96e495fe-4f59-481f-8b01-4f7a0dc82be8</t>
  </si>
  <si>
    <t>BU19492811</t>
  </si>
  <si>
    <t>Franeker Professorenbuurt</t>
  </si>
  <si>
    <t>2021BU19492811</t>
  </si>
  <si>
    <t>buurten.3bd88b1a-8e7d-4314-b339-a5ccca1b43e4</t>
  </si>
  <si>
    <t>BU19492812</t>
  </si>
  <si>
    <t>Franeker Schalsumerplan en Arkens</t>
  </si>
  <si>
    <t>2021BU19492812</t>
  </si>
  <si>
    <t>buurten.f90298d6-038f-4075-8e71-8fb07f68261c</t>
  </si>
  <si>
    <t>BU19492813</t>
  </si>
  <si>
    <t>Franeker Sexbierumerplan</t>
  </si>
  <si>
    <t>2021BU19492813</t>
  </si>
  <si>
    <t>buurten.a57dc7e2-f6ad-45ff-b509-f382de31c4c1</t>
  </si>
  <si>
    <t>BU19492814</t>
  </si>
  <si>
    <t>Franeker Stationsbuurt</t>
  </si>
  <si>
    <t>2021BU19492814</t>
  </si>
  <si>
    <t>buurten.cf096545-a2ea-4389-92bf-f5b82f94fe31</t>
  </si>
  <si>
    <t>BU19492815</t>
  </si>
  <si>
    <t>Franeker 't War</t>
  </si>
  <si>
    <t>2021BU19492815</t>
  </si>
  <si>
    <t>buurten.aa570bb8-2e45-4072-b2c7-54f3c77d35f6</t>
  </si>
  <si>
    <t>BU19492816</t>
  </si>
  <si>
    <t>Franeker Vliet Tuinen en Frisia</t>
  </si>
  <si>
    <t>2021BU19492816</t>
  </si>
  <si>
    <t>buurten.c693104f-2cd5-410d-b5b4-f74faab84bd7</t>
  </si>
  <si>
    <t>BU19492817</t>
  </si>
  <si>
    <t>Franeker Witzens</t>
  </si>
  <si>
    <t>2021BU19492817</t>
  </si>
  <si>
    <t>buurten.7dc85d3e-e27d-4591-be7a-4fa393aee49d</t>
  </si>
  <si>
    <t>BU19492900</t>
  </si>
  <si>
    <t>Herbaijum</t>
  </si>
  <si>
    <t>WK194929</t>
  </si>
  <si>
    <t>2021BU19492900</t>
  </si>
  <si>
    <t>buurten.3dd57fe9-d337-4e2b-920b-1d8d6f69a9c0</t>
  </si>
  <si>
    <t>BU19493000</t>
  </si>
  <si>
    <t>Hitzum</t>
  </si>
  <si>
    <t>WK194930</t>
  </si>
  <si>
    <t>2021BU19493000</t>
  </si>
  <si>
    <t>buurten.5bfb5fb7-6b48-4f64-9882-3d7872ad02e1</t>
  </si>
  <si>
    <t>BU19493100</t>
  </si>
  <si>
    <t>Buitengebied Ingelum</t>
  </si>
  <si>
    <t>WK194931</t>
  </si>
  <si>
    <t>2021BU19493100</t>
  </si>
  <si>
    <t>buurten.8c4712cb-cbc7-41fd-92c0-86883d2db161</t>
  </si>
  <si>
    <t>BU19493101</t>
  </si>
  <si>
    <t>Ingelum</t>
  </si>
  <si>
    <t>2021BU19493101</t>
  </si>
  <si>
    <t>buurten.862a645d-5d33-4dff-b26a-6938b9c18a86</t>
  </si>
  <si>
    <t>BU19493200</t>
  </si>
  <si>
    <t>Buitengebied St.-Jacobiparochie</t>
  </si>
  <si>
    <t>WK194932</t>
  </si>
  <si>
    <t>2021BU19493200</t>
  </si>
  <si>
    <t>buurten.75bd8ce1-a888-4544-9ea9-c7841dce5816</t>
  </si>
  <si>
    <t>BU19493201</t>
  </si>
  <si>
    <t>St.-Jacobiparochie Noord</t>
  </si>
  <si>
    <t>2021BU19493201</t>
  </si>
  <si>
    <t>buurten.54a8c86a-67b6-459e-8a65-d7665265586a</t>
  </si>
  <si>
    <t>BU19493202</t>
  </si>
  <si>
    <t>St.-Jacobiparochie Zuid</t>
  </si>
  <si>
    <t>2021BU19493202</t>
  </si>
  <si>
    <t>buurten.ce8e63bc-cf9f-4e28-a13e-15de5b2c7de8</t>
  </si>
  <si>
    <t>BU19493300</t>
  </si>
  <si>
    <t>Klooster Lidlum</t>
  </si>
  <si>
    <t>WK194933</t>
  </si>
  <si>
    <t>2021BU19493300</t>
  </si>
  <si>
    <t>buurten.aa613fb8-3b45-4941-88b7-b9e4fcda34e4</t>
  </si>
  <si>
    <t>BU19493400</t>
  </si>
  <si>
    <t>Buitengebied Marsum</t>
  </si>
  <si>
    <t>WK194934</t>
  </si>
  <si>
    <t>2021BU19493400</t>
  </si>
  <si>
    <t>buurten.0fed5d87-f7cf-4ad0-a264-39694b3df49d</t>
  </si>
  <si>
    <t>BU19493401</t>
  </si>
  <si>
    <t>Marsum</t>
  </si>
  <si>
    <t>2021BU19493401</t>
  </si>
  <si>
    <t>buurten.b00a738a-246f-480c-94ca-be3e2c7721ef</t>
  </si>
  <si>
    <t>BU19493500</t>
  </si>
  <si>
    <t>Buitengebied Menaam</t>
  </si>
  <si>
    <t>WK194935</t>
  </si>
  <si>
    <t>2021BU19493500</t>
  </si>
  <si>
    <t>buurten.d2c15fe7-6f93-4cb7-b138-22b2c91e5432</t>
  </si>
  <si>
    <t>BU19493501</t>
  </si>
  <si>
    <t>Menaam Bedrijventerrein Noord</t>
  </si>
  <si>
    <t>2021BU19493501</t>
  </si>
  <si>
    <t>buurten.72ef9338-3aed-4026-9d77-dede88a5dcc5</t>
  </si>
  <si>
    <t>BU19493502</t>
  </si>
  <si>
    <t>Menaam Oost</t>
  </si>
  <si>
    <t>2021BU19493502</t>
  </si>
  <si>
    <t>buurten.efa21e7d-0aa7-428a-bf02-cec2d66086c1</t>
  </si>
  <si>
    <t>BU19493503</t>
  </si>
  <si>
    <t>Menaam West</t>
  </si>
  <si>
    <t>2021BU19493503</t>
  </si>
  <si>
    <t>buurten.9bd80d50-3be4-4d1d-aa85-06c5a3f8cb2b</t>
  </si>
  <si>
    <t>BU19493600</t>
  </si>
  <si>
    <t>Buitengebied Minnertsga</t>
  </si>
  <si>
    <t>WK194936</t>
  </si>
  <si>
    <t>2021BU19493600</t>
  </si>
  <si>
    <t>buurten.d3912446-644c-4bf0-a750-d438ca5f37cb</t>
  </si>
  <si>
    <t>BU19493601</t>
  </si>
  <si>
    <t>Minnertsga Bedrijventerrein Boskdykje</t>
  </si>
  <si>
    <t>2021BU19493601</t>
  </si>
  <si>
    <t>buurten.3b82c8c5-126f-4dbd-a824-74235af102b5</t>
  </si>
  <si>
    <t>BU19493602</t>
  </si>
  <si>
    <t>Minnertsga Noord</t>
  </si>
  <si>
    <t>2021BU19493602</t>
  </si>
  <si>
    <t>buurten.7c34c26d-9fd8-4a31-998f-b1f1279cc357</t>
  </si>
  <si>
    <t>BU19493603</t>
  </si>
  <si>
    <t>Minnertsga Zuid</t>
  </si>
  <si>
    <t>2021BU19493603</t>
  </si>
  <si>
    <t>buurten.92e873fe-d5ac-4e10-bad3-193b8308d489</t>
  </si>
  <si>
    <t>BU19493700</t>
  </si>
  <si>
    <t>Nij Altoenae</t>
  </si>
  <si>
    <t>WK194937</t>
  </si>
  <si>
    <t>2021BU19493700</t>
  </si>
  <si>
    <t>buurten.79328d51-ec0e-434e-8eda-13e29bb93270</t>
  </si>
  <si>
    <t>BU19493800</t>
  </si>
  <si>
    <t>Buitengebied Oosterbierum</t>
  </si>
  <si>
    <t>WK194938</t>
  </si>
  <si>
    <t>2021BU19493800</t>
  </si>
  <si>
    <t>buurten.5c23f9cd-a523-4eb8-8157-01c85289dae0</t>
  </si>
  <si>
    <t>BU19493801</t>
  </si>
  <si>
    <t>Oosterbierum</t>
  </si>
  <si>
    <t>2021BU19493801</t>
  </si>
  <si>
    <t>buurten.9e411bdc-f5b6-4746-b189-533a76a07cf2</t>
  </si>
  <si>
    <t>BU19493900</t>
  </si>
  <si>
    <t>Buitengebied Oudebildtzijl</t>
  </si>
  <si>
    <t>WK194939</t>
  </si>
  <si>
    <t>2021BU19493900</t>
  </si>
  <si>
    <t>buurten.7b114400-d7b7-4d9a-9ed0-109e1202d216</t>
  </si>
  <si>
    <t>BU19493901</t>
  </si>
  <si>
    <t>Oudebildtzijl</t>
  </si>
  <si>
    <t>2021BU19493901</t>
  </si>
  <si>
    <t>buurten.42141d7c-2266-44e6-acec-3a13163a0a62</t>
  </si>
  <si>
    <t>BU19494000</t>
  </si>
  <si>
    <t>Peins</t>
  </si>
  <si>
    <t>WK194940</t>
  </si>
  <si>
    <t>2021BU19494000</t>
  </si>
  <si>
    <t>buurten.4661a248-2af3-446a-96a2-2891b8486462</t>
  </si>
  <si>
    <t>BU19494100</t>
  </si>
  <si>
    <t>Pietersbierum</t>
  </si>
  <si>
    <t>WK194941</t>
  </si>
  <si>
    <t>2021BU19494100</t>
  </si>
  <si>
    <t>buurten.68c18fd0-4656-47a1-ac81-aa05a6cff30d</t>
  </si>
  <si>
    <t>BU19494200</t>
  </si>
  <si>
    <t>Buitengebied Ried</t>
  </si>
  <si>
    <t>WK194942</t>
  </si>
  <si>
    <t>2021BU19494200</t>
  </si>
  <si>
    <t>buurten.353217ad-2fc4-4d3e-88ce-d640bf634ef2</t>
  </si>
  <si>
    <t>BU19494201</t>
  </si>
  <si>
    <t>Ried</t>
  </si>
  <si>
    <t>2021BU19494201</t>
  </si>
  <si>
    <t>buurten.8ff773fc-5b25-4614-93f8-857e708ac16a</t>
  </si>
  <si>
    <t>BU19494300</t>
  </si>
  <si>
    <t>Schalsum</t>
  </si>
  <si>
    <t>WK194943</t>
  </si>
  <si>
    <t>2021BU19494300</t>
  </si>
  <si>
    <t>buurten.4a8da933-dfe9-492d-b5b2-a28e8e231a0a</t>
  </si>
  <si>
    <t>BU19494400</t>
  </si>
  <si>
    <t>Buitengebied Sexbierum</t>
  </si>
  <si>
    <t>WK194944</t>
  </si>
  <si>
    <t>2021BU19494400</t>
  </si>
  <si>
    <t>buurten.7148f4c2-7ddc-469a-b56a-dcb1881b7141</t>
  </si>
  <si>
    <t>BU19494401</t>
  </si>
  <si>
    <t>Sexbierum</t>
  </si>
  <si>
    <t>2021BU19494401</t>
  </si>
  <si>
    <t>buurten.e67c43f5-9590-40a5-be8e-09f7c6130958</t>
  </si>
  <si>
    <t>BU19494402</t>
  </si>
  <si>
    <t>Sexbierum Kassen</t>
  </si>
  <si>
    <t>2021BU19494402</t>
  </si>
  <si>
    <t>buurten.1b016961-b501-421e-9174-eb8f43d81050</t>
  </si>
  <si>
    <t>BU19494403</t>
  </si>
  <si>
    <t>Sexbierum Waddenglas</t>
  </si>
  <si>
    <t>2021BU19494403</t>
  </si>
  <si>
    <t>buurten.65e0e4f0-4754-4888-9a48-1e5f7a119f02</t>
  </si>
  <si>
    <t>BU19494500</t>
  </si>
  <si>
    <t>Skingen</t>
  </si>
  <si>
    <t>WK194945</t>
  </si>
  <si>
    <t>2021BU19494500</t>
  </si>
  <si>
    <t>buurten.b7c21c07-b97a-4bbe-a9a7-5968584678fc</t>
  </si>
  <si>
    <t>BU19494600</t>
  </si>
  <si>
    <t>Slappeterp</t>
  </si>
  <si>
    <t>WK194946</t>
  </si>
  <si>
    <t>2021BU19494600</t>
  </si>
  <si>
    <t>buurten.2501e973-9523-46af-83eb-1dc71d8aa3bc</t>
  </si>
  <si>
    <t>BU19494700</t>
  </si>
  <si>
    <t>Buitengebied Spannum</t>
  </si>
  <si>
    <t>WK194947</t>
  </si>
  <si>
    <t>2021BU19494700</t>
  </si>
  <si>
    <t>buurten.ee7ea970-43b6-4824-972e-3c94d3777647</t>
  </si>
  <si>
    <t>BU19494701</t>
  </si>
  <si>
    <t>Spannum</t>
  </si>
  <si>
    <t>2021BU19494701</t>
  </si>
  <si>
    <t>buurten.df4dba5b-a498-4f2c-a54d-231d5d803b0c</t>
  </si>
  <si>
    <t>BU19494800</t>
  </si>
  <si>
    <t>Buitengebied Tzum</t>
  </si>
  <si>
    <t>WK194948</t>
  </si>
  <si>
    <t>2021BU19494800</t>
  </si>
  <si>
    <t>buurten.e3a126aa-5f69-4f0e-8698-321cc9728435</t>
  </si>
  <si>
    <t>BU19494801</t>
  </si>
  <si>
    <t>Tzum</t>
  </si>
  <si>
    <t>2021BU19494801</t>
  </si>
  <si>
    <t>buurten.5b050255-4f33-46a0-977c-d1e402a6a663</t>
  </si>
  <si>
    <t>BU19494900</t>
  </si>
  <si>
    <t>Buitengebied Tzummarum</t>
  </si>
  <si>
    <t>WK194949</t>
  </si>
  <si>
    <t>2021BU19494900</t>
  </si>
  <si>
    <t>buurten.4009b83a-44e8-43ab-aed0-356a79765b99</t>
  </si>
  <si>
    <t>BU19494901</t>
  </si>
  <si>
    <t>Tzummarum Noord</t>
  </si>
  <si>
    <t>2021BU19494901</t>
  </si>
  <si>
    <t>buurten.d10a10e8-49e0-4312-952b-075309237c35</t>
  </si>
  <si>
    <t>BU19494902</t>
  </si>
  <si>
    <t>Tzummarum Zuid</t>
  </si>
  <si>
    <t>2021BU19494902</t>
  </si>
  <si>
    <t>buurten.e01ce195-ca1a-449d-a540-ad5a2a75eef4</t>
  </si>
  <si>
    <t>BU19495000</t>
  </si>
  <si>
    <t>Buitengebied Vrouwenparochie</t>
  </si>
  <si>
    <t>WK194950</t>
  </si>
  <si>
    <t>2021BU19495000</t>
  </si>
  <si>
    <t>buurten.f76ef351-016e-48f3-8c05-607aa68d9ed0</t>
  </si>
  <si>
    <t>BU19495001</t>
  </si>
  <si>
    <t>Vrouwenparochie</t>
  </si>
  <si>
    <t>2021BU19495001</t>
  </si>
  <si>
    <t>buurten.64ff4080-f1c5-4fc8-a75a-640392fb47a0</t>
  </si>
  <si>
    <t>BU19495100</t>
  </si>
  <si>
    <t>Westhoek</t>
  </si>
  <si>
    <t>WK194951</t>
  </si>
  <si>
    <t>2021BU19495100</t>
  </si>
  <si>
    <t>buurten.a8f68a9f-4f5c-45f0-b102-db82c4086e11</t>
  </si>
  <si>
    <t>BU19495200</t>
  </si>
  <si>
    <t>Wier</t>
  </si>
  <si>
    <t>WK194952</t>
  </si>
  <si>
    <t>2021BU19495200</t>
  </si>
  <si>
    <t>buurten.927925c9-d6a9-4ce8-8aa4-ca0db907540a</t>
  </si>
  <si>
    <t>BU19495300</t>
  </si>
  <si>
    <t>Buitengebied Winsum</t>
  </si>
  <si>
    <t>WK194953</t>
  </si>
  <si>
    <t>2021BU19495300</t>
  </si>
  <si>
    <t>buurten.7ea61ec2-4623-4420-a489-06087d0b5440</t>
  </si>
  <si>
    <t>BU19495301</t>
  </si>
  <si>
    <t>Winsum</t>
  </si>
  <si>
    <t>2021BU19495301</t>
  </si>
  <si>
    <t>buurten.461495ac-cef0-427f-b82e-2d3f08b351c4</t>
  </si>
  <si>
    <t>BU19495302</t>
  </si>
  <si>
    <t>Winsum Bedrijventerrein</t>
  </si>
  <si>
    <t>2021BU19495302</t>
  </si>
  <si>
    <t>buurten.e224ae7b-1ad7-4059-9559-9b193f725929</t>
  </si>
  <si>
    <t>BU19495400</t>
  </si>
  <si>
    <t>Buitengebied Wjelsryp</t>
  </si>
  <si>
    <t>WK194954</t>
  </si>
  <si>
    <t>2021BU19495400</t>
  </si>
  <si>
    <t>buurten.aec6bd79-efc0-4b6d-bfd2-abfc51981818</t>
  </si>
  <si>
    <t>BU19495401</t>
  </si>
  <si>
    <t>Wjelsryp</t>
  </si>
  <si>
    <t>2021BU19495401</t>
  </si>
  <si>
    <t>buurten.17dd114d-6ae0-4180-97c9-40d057bcc2b8</t>
  </si>
  <si>
    <t>BU19495500</t>
  </si>
  <si>
    <t>Zweins</t>
  </si>
  <si>
    <t>WK194955</t>
  </si>
  <si>
    <t>2021BU19495500</t>
  </si>
  <si>
    <t>buurten.c8562506-f8b3-4629-8233-a26a51b8d90f</t>
  </si>
  <si>
    <t>BU19500000</t>
  </si>
  <si>
    <t>Bellingwolde</t>
  </si>
  <si>
    <t>WK195000</t>
  </si>
  <si>
    <t>2021BU19500000</t>
  </si>
  <si>
    <t>buurten.8c06f786-c8ba-40e1-b880-158e8cc25073</t>
  </si>
  <si>
    <t>BU19500001</t>
  </si>
  <si>
    <t>Vriescheloo</t>
  </si>
  <si>
    <t>2021BU19500001</t>
  </si>
  <si>
    <t>buurten.86ee9ff6-f963-4aee-9a28-8f1666c87010</t>
  </si>
  <si>
    <t>BU19500002</t>
  </si>
  <si>
    <t>Rhederweg-West</t>
  </si>
  <si>
    <t>2021BU19500002</t>
  </si>
  <si>
    <t>buurten.bcd7a81e-377c-4109-8f6e-e5c77c3f5bc9</t>
  </si>
  <si>
    <t>BU19500004</t>
  </si>
  <si>
    <t>Vriescheloo-Zuid</t>
  </si>
  <si>
    <t>2021BU19500004</t>
  </si>
  <si>
    <t>buurten.90d3ccae-e15d-4f03-ade0-29f74c3a25f8</t>
  </si>
  <si>
    <t>BU19500005</t>
  </si>
  <si>
    <t>Oudeschans</t>
  </si>
  <si>
    <t>2021BU19500005</t>
  </si>
  <si>
    <t>buurten.2f4ea466-3f85-47f2-bb6d-1d404b225447</t>
  </si>
  <si>
    <t>BU19500006</t>
  </si>
  <si>
    <t>Klein-Ulsda</t>
  </si>
  <si>
    <t>2021BU19500006</t>
  </si>
  <si>
    <t>buurten.abd245e6-028e-4885-8765-7b4427a86a64</t>
  </si>
  <si>
    <t>BU19500007</t>
  </si>
  <si>
    <t>Verspreide huizen ten zuidoosten van Bellingwolde</t>
  </si>
  <si>
    <t>2021BU19500007</t>
  </si>
  <si>
    <t>buurten.92691152-d47c-48d6-8406-63b3a80929cc</t>
  </si>
  <si>
    <t>BU19500008</t>
  </si>
  <si>
    <t>Verspreide huizen ten zuidoosten van Vriescheloo</t>
  </si>
  <si>
    <t>2021BU19500008</t>
  </si>
  <si>
    <t>buurten.cb797dbe-790a-47aa-829a-aee0c3659068</t>
  </si>
  <si>
    <t>BU19500009</t>
  </si>
  <si>
    <t>Verspreide huizen Westerwoldse A</t>
  </si>
  <si>
    <t>2021BU19500009</t>
  </si>
  <si>
    <t>buurten.e8d6145e-2b89-4a54-8a4c-af2564e163ef</t>
  </si>
  <si>
    <t>BU19500100</t>
  </si>
  <si>
    <t>Veelerveen</t>
  </si>
  <si>
    <t>WK195001</t>
  </si>
  <si>
    <t>2021BU19500100</t>
  </si>
  <si>
    <t>buurten.7d254d30-d7d3-409a-b368-fcc3705053a8</t>
  </si>
  <si>
    <t>BU19500101</t>
  </si>
  <si>
    <t>Rhederbrug-Oost</t>
  </si>
  <si>
    <t>2021BU19500101</t>
  </si>
  <si>
    <t>buurten.951ddcb2-b0f0-42ff-84a3-5255ef6ebf2a</t>
  </si>
  <si>
    <t>BU19500108</t>
  </si>
  <si>
    <t>Verspreide huizen ten noordoosten van Rhederbrug</t>
  </si>
  <si>
    <t>2021BU19500108</t>
  </si>
  <si>
    <t>buurten.054d1d9d-6d88-4ce7-91cd-168698901e97</t>
  </si>
  <si>
    <t>BU19500109</t>
  </si>
  <si>
    <t>Verspreide huizen Veelerveen</t>
  </si>
  <si>
    <t>2021BU19500109</t>
  </si>
  <si>
    <t>buurten.b1f0b507-82cc-48b1-b9df-dd08a98d3224</t>
  </si>
  <si>
    <t>BU19500200</t>
  </si>
  <si>
    <t>Blijham</t>
  </si>
  <si>
    <t>WK195002</t>
  </si>
  <si>
    <t>2021BU19500200</t>
  </si>
  <si>
    <t>buurten.fc63acf5-b790-4612-8e80-ee23a2cacfee</t>
  </si>
  <si>
    <t>BU19500201</t>
  </si>
  <si>
    <t>Morige</t>
  </si>
  <si>
    <t>2021BU19500201</t>
  </si>
  <si>
    <t>buurten.4bb824e5-1a7b-4f1d-aaec-9daed2825806</t>
  </si>
  <si>
    <t>BU19500202</t>
  </si>
  <si>
    <t>Wedde</t>
  </si>
  <si>
    <t>2021BU19500202</t>
  </si>
  <si>
    <t>buurten.90e60fd4-123e-42c4-91b1-e4e5dd4a66c9</t>
  </si>
  <si>
    <t>BU19500203</t>
  </si>
  <si>
    <t>Wedderheide</t>
  </si>
  <si>
    <t>2021BU19500203</t>
  </si>
  <si>
    <t>buurten.448f554a-c4c4-443a-a42a-1cf973602ce0</t>
  </si>
  <si>
    <t>BU19500204</t>
  </si>
  <si>
    <t>Wedderveer</t>
  </si>
  <si>
    <t>2021BU19500204</t>
  </si>
  <si>
    <t>buurten.42a487e5-10d0-454a-9e94-b66d4e00295f</t>
  </si>
  <si>
    <t>BU19500206</t>
  </si>
  <si>
    <t>Verspreide huizen in de polder Blijham</t>
  </si>
  <si>
    <t>2021BU19500206</t>
  </si>
  <si>
    <t>buurten.d9d46bb1-473f-479e-ad1d-8b757e30276a</t>
  </si>
  <si>
    <t>BU19500207</t>
  </si>
  <si>
    <t>Verspreide huizen ten westen van Blijham</t>
  </si>
  <si>
    <t>2021BU19500207</t>
  </si>
  <si>
    <t>buurten.efa567ea-12e5-4c8e-8bf9-4fa71d01e5b7</t>
  </si>
  <si>
    <t>BU19500208</t>
  </si>
  <si>
    <t>Verspreide huizen Hoorn</t>
  </si>
  <si>
    <t>2021BU19500208</t>
  </si>
  <si>
    <t>buurten.3e521c99-a5dd-48ad-8b2d-5de6b7557671</t>
  </si>
  <si>
    <t>BU19500209</t>
  </si>
  <si>
    <t>Verspreide huizen in de Weddermarke</t>
  </si>
  <si>
    <t>2021BU19500209</t>
  </si>
  <si>
    <t>buurten.0d687f4d-9f9c-4485-acba-47f5bc06c2e5</t>
  </si>
  <si>
    <t>BU19500300</t>
  </si>
  <si>
    <t>Sellingen</t>
  </si>
  <si>
    <t>WK195003</t>
  </si>
  <si>
    <t>2021BU19500300</t>
  </si>
  <si>
    <t>buurten.3d450278-a778-4453-9492-723e3ead8d83</t>
  </si>
  <si>
    <t>BU19500301</t>
  </si>
  <si>
    <t>Laude</t>
  </si>
  <si>
    <t>2021BU19500301</t>
  </si>
  <si>
    <t>buurten.1940ffa5-40b0-4ae8-b548-35c08949ed1d</t>
  </si>
  <si>
    <t>BU19500304</t>
  </si>
  <si>
    <t>Jipsinghuizen en Plaggenborg</t>
  </si>
  <si>
    <t>2021BU19500304</t>
  </si>
  <si>
    <t>buurten.32548c38-a039-47c4-ace1-4ceee5432d29</t>
  </si>
  <si>
    <t>BU19500306</t>
  </si>
  <si>
    <t>Leemdobben en Lammerweg</t>
  </si>
  <si>
    <t>2021BU19500306</t>
  </si>
  <si>
    <t>buurten.ab5c421e-e4f9-492c-87b1-b95f2cff24e4</t>
  </si>
  <si>
    <t>BU19500308</t>
  </si>
  <si>
    <t>Verspreide huizen ten oosten van Ruiten A-kanaal</t>
  </si>
  <si>
    <t>2021BU19500308</t>
  </si>
  <si>
    <t>buurten.3e03538b-24cf-4aa2-9556-184b93f63e13</t>
  </si>
  <si>
    <t>BU19500309</t>
  </si>
  <si>
    <t>Verspreide huizen Sellingen</t>
  </si>
  <si>
    <t>2021BU19500309</t>
  </si>
  <si>
    <t>buurten.d0af1f8a-56c3-4436-993f-3b5693856073</t>
  </si>
  <si>
    <t>BU19500400</t>
  </si>
  <si>
    <t>Vlagtwedde</t>
  </si>
  <si>
    <t>WK195004</t>
  </si>
  <si>
    <t>2021BU19500400</t>
  </si>
  <si>
    <t>buurten.eced142b-1391-4a89-87e2-d5f923b1742e</t>
  </si>
  <si>
    <t>BU19500401</t>
  </si>
  <si>
    <t>Wollinghuizen</t>
  </si>
  <si>
    <t>2021BU19500401</t>
  </si>
  <si>
    <t>buurten.e9d46fe6-5607-4d56-957b-3ff1e93b651c</t>
  </si>
  <si>
    <t>BU19500402</t>
  </si>
  <si>
    <t>Vlagtwedder-Veldhuis</t>
  </si>
  <si>
    <t>2021BU19500402</t>
  </si>
  <si>
    <t>buurten.0832dfe3-579f-476c-a25d-1c9bc25690ba</t>
  </si>
  <si>
    <t>BU19500403</t>
  </si>
  <si>
    <t>Veele</t>
  </si>
  <si>
    <t>2021BU19500403</t>
  </si>
  <si>
    <t>buurten.bc8bf0aa-1f6c-47d2-9e4c-3c599b524d63</t>
  </si>
  <si>
    <t>BU19500404</t>
  </si>
  <si>
    <t>Ellersinghuizen</t>
  </si>
  <si>
    <t>2021BU19500404</t>
  </si>
  <si>
    <t>buurten.9c3619bc-c076-42bf-8217-0516c4d720bc</t>
  </si>
  <si>
    <t>BU19500409</t>
  </si>
  <si>
    <t>Verspreide huizen Vlagtwedde</t>
  </si>
  <si>
    <t>2021BU19500409</t>
  </si>
  <si>
    <t>buurten.e3f704e7-40ac-416a-bce6-691b12afc375</t>
  </si>
  <si>
    <t>BU19500500</t>
  </si>
  <si>
    <t>Bourtange</t>
  </si>
  <si>
    <t>WK195005</t>
  </si>
  <si>
    <t>2021BU19500500</t>
  </si>
  <si>
    <t>buurten.c08f8581-90e2-4223-8e42-ffd5bc46f0e8</t>
  </si>
  <si>
    <t>BU19500501</t>
  </si>
  <si>
    <t>Pallert</t>
  </si>
  <si>
    <t>2021BU19500501</t>
  </si>
  <si>
    <t>buurten.6db43e9d-cb24-4da4-a724-cbdf07015206</t>
  </si>
  <si>
    <t>BU19500502</t>
  </si>
  <si>
    <t>Weite</t>
  </si>
  <si>
    <t>2021BU19500502</t>
  </si>
  <si>
    <t>buurten.19228ef0-0b51-4b58-879b-5a08d8b5bb78</t>
  </si>
  <si>
    <t>BU19500504</t>
  </si>
  <si>
    <t>Stakenborg</t>
  </si>
  <si>
    <t>2021BU19500504</t>
  </si>
  <si>
    <t>buurten.e03fa971-339d-4c0c-8f96-b40ded66bf32</t>
  </si>
  <si>
    <t>BU19500507</t>
  </si>
  <si>
    <t>Verspreide huizen Hebrecht</t>
  </si>
  <si>
    <t>2021BU19500507</t>
  </si>
  <si>
    <t>buurten.20b680ea-1373-4ad9-ad84-739bdbda48f8</t>
  </si>
  <si>
    <t>BU19500508</t>
  </si>
  <si>
    <t>Verspreide huizen Bourtange</t>
  </si>
  <si>
    <t>2021BU19500508</t>
  </si>
  <si>
    <t>buurten.8bd9aa10-c957-47ed-9f8a-66b77d015ab7</t>
  </si>
  <si>
    <t>BU19500509</t>
  </si>
  <si>
    <t>Verspreide huizen ten noorden van Vlagtwedde</t>
  </si>
  <si>
    <t>2021BU19500509</t>
  </si>
  <si>
    <t>buurten.c7afe596-6643-43da-9a79-a8b22f04f4b7</t>
  </si>
  <si>
    <t>BU19500600</t>
  </si>
  <si>
    <t>Harpel</t>
  </si>
  <si>
    <t>WK195006</t>
  </si>
  <si>
    <t>2021BU19500600</t>
  </si>
  <si>
    <t>buurten.096a4b90-4627-49f0-b5a7-ccd524f547bc</t>
  </si>
  <si>
    <t>BU19500601</t>
  </si>
  <si>
    <t>Sellingerbeetse</t>
  </si>
  <si>
    <t>2021BU19500601</t>
  </si>
  <si>
    <t>buurten.ecde58ec-87fd-42f1-bd14-a87ba2b3963f</t>
  </si>
  <si>
    <t>BU19500602</t>
  </si>
  <si>
    <t>Jipsingboertange</t>
  </si>
  <si>
    <t>2021BU19500602</t>
  </si>
  <si>
    <t>buurten.8a5179a0-b6dc-4749-9b54-a9c102c025d4</t>
  </si>
  <si>
    <t>BU19500609</t>
  </si>
  <si>
    <t>Verspreide huizen tussen Harpel en Sellingerbeetse</t>
  </si>
  <si>
    <t>2021BU19500609</t>
  </si>
  <si>
    <t>buurten.71609a18-49e1-4d1e-b5b9-1ce0b4ace054</t>
  </si>
  <si>
    <t>BU19500700</t>
  </si>
  <si>
    <t>Ter Apel</t>
  </si>
  <si>
    <t>WK195007</t>
  </si>
  <si>
    <t>2021BU19500700</t>
  </si>
  <si>
    <t>buurten.e3db9bee-0a91-4c4a-97a3-aa34e00d99e6</t>
  </si>
  <si>
    <t>BU19500701</t>
  </si>
  <si>
    <t>Barnflair</t>
  </si>
  <si>
    <t>2021BU19500701</t>
  </si>
  <si>
    <t>buurten.3a3ef7d4-050a-48ab-936f-acee91e2c3d8</t>
  </si>
  <si>
    <t>BU19500702</t>
  </si>
  <si>
    <t>Ter Apelkanaal</t>
  </si>
  <si>
    <t>2021BU19500702</t>
  </si>
  <si>
    <t>buurten.32f9cd31-ed5a-4d4c-b92e-321958919a1c</t>
  </si>
  <si>
    <t>BU19500703</t>
  </si>
  <si>
    <t>Ter Apel-West</t>
  </si>
  <si>
    <t>2021BU19500703</t>
  </si>
  <si>
    <t>buurten.32c8c1d9-fb3a-465f-bb9d-753cc70550c6</t>
  </si>
  <si>
    <t>BU19500704</t>
  </si>
  <si>
    <t>Jipsingboermussel en Zandberg</t>
  </si>
  <si>
    <t>2021BU19500704</t>
  </si>
  <si>
    <t>buurten.3a5c1574-01c3-4fa2-bc38-306bd20ff7ae</t>
  </si>
  <si>
    <t>BU19500705</t>
  </si>
  <si>
    <t>Munnekemoer</t>
  </si>
  <si>
    <t>2021BU19500705</t>
  </si>
  <si>
    <t>buurten.0e13e32f-4ee9-40f4-a701-1b590f932a97</t>
  </si>
  <si>
    <t>BU19500706</t>
  </si>
  <si>
    <t>Burgemeester Beinsdorp</t>
  </si>
  <si>
    <t>2021BU19500706</t>
  </si>
  <si>
    <t>buurten.bd07d9b9-6a2e-4b1e-adc6-4de823e1f48b</t>
  </si>
  <si>
    <t>BU19500707</t>
  </si>
  <si>
    <t>Agobuurt</t>
  </si>
  <si>
    <t>2021BU19500707</t>
  </si>
  <si>
    <t>buurten.3ab63486-86a2-4600-ae8f-d8e737e3d9c2</t>
  </si>
  <si>
    <t>BU19500708</t>
  </si>
  <si>
    <t>Ter Apel 't Heem</t>
  </si>
  <si>
    <t>2021BU19500708</t>
  </si>
  <si>
    <t>buurten.89141bbe-8db2-4839-87da-cf260f1f947e</t>
  </si>
  <si>
    <t>BU19500709</t>
  </si>
  <si>
    <t>Verspreide huizen Ter Apel en Ter Apelkanaal</t>
  </si>
  <si>
    <t>2021BU19500709</t>
  </si>
  <si>
    <t>buurten.3904eb43-27d7-45ea-bb39-014c09d95bb0</t>
  </si>
  <si>
    <t>BU19500808</t>
  </si>
  <si>
    <t>Verspreide huizen te Laudermarke</t>
  </si>
  <si>
    <t>WK195008</t>
  </si>
  <si>
    <t>2021BU19500808</t>
  </si>
  <si>
    <t>buurten.a88613fb-9327-4411-9e41-1060aff81ad7</t>
  </si>
  <si>
    <t>BU19500809</t>
  </si>
  <si>
    <t>Verspreide huizen Ter Wisch</t>
  </si>
  <si>
    <t>2021BU19500809</t>
  </si>
  <si>
    <t>buurten.d8bb7667-6399-433a-bb8e-d90f070b69a5</t>
  </si>
  <si>
    <t>BU19500900</t>
  </si>
  <si>
    <t>WK195009</t>
  </si>
  <si>
    <t>2021BU19500900</t>
  </si>
  <si>
    <t>buurten.cd75089f-e245-43fe-9c10-f613289374e0</t>
  </si>
  <si>
    <t>BU19500909</t>
  </si>
  <si>
    <t>Verspreide huizen ten zuiden van Ter Apel</t>
  </si>
  <si>
    <t>2021BU19500909</t>
  </si>
  <si>
    <t>buurten.d28685f0-4f6d-4c8f-a1e2-9c46f481d5ed</t>
  </si>
  <si>
    <t>BU19520101</t>
  </si>
  <si>
    <t>Noorderpark</t>
  </si>
  <si>
    <t>WK195201</t>
  </si>
  <si>
    <t>2021BU19520101</t>
  </si>
  <si>
    <t>buurten.072377ef-dd32-45b7-aba0-ceca07d4f6e2</t>
  </si>
  <si>
    <t>PL1952010003</t>
  </si>
  <si>
    <t>Herstructurering Hoogezand Noord</t>
  </si>
  <si>
    <t>BU19520102</t>
  </si>
  <si>
    <t>2021BU19520102</t>
  </si>
  <si>
    <t>buurten.aa403305-2643-424c-8e89-967657d2bb8b</t>
  </si>
  <si>
    <t>BU19520103</t>
  </si>
  <si>
    <t>Beukemabuurt</t>
  </si>
  <si>
    <t>2021BU19520103</t>
  </si>
  <si>
    <t>buurten.f296deaa-bbaf-4936-9a9b-dc4580bf1cb6</t>
  </si>
  <si>
    <t>BU19520104</t>
  </si>
  <si>
    <t>2021BU19520104</t>
  </si>
  <si>
    <t>buurten.aba5b953-c224-47ad-afaf-423a0c9ddce6</t>
  </si>
  <si>
    <t>BU19520105</t>
  </si>
  <si>
    <t>Martenshoek en Industriegebied Martenshoek</t>
  </si>
  <si>
    <t>2021BU19520105</t>
  </si>
  <si>
    <t>buurten.eccacd56-dc79-488c-8db1-58deee6e2c3d</t>
  </si>
  <si>
    <t>BU19520106</t>
  </si>
  <si>
    <t>Stadshart-Noord</t>
  </si>
  <si>
    <t>2021BU19520106</t>
  </si>
  <si>
    <t>buurten.a74515fe-8a0b-4cc5-8bf6-e96b455df366</t>
  </si>
  <si>
    <t>BU19520107</t>
  </si>
  <si>
    <t>Industriegebied Martenshoek</t>
  </si>
  <si>
    <t>2021BU19520107</t>
  </si>
  <si>
    <t>buurten.8e71d316-6b9d-4db8-9c82-9c71b59d1b59</t>
  </si>
  <si>
    <t>BU19520201</t>
  </si>
  <si>
    <t>Spoorstraat en Kieldiep</t>
  </si>
  <si>
    <t>WK195202</t>
  </si>
  <si>
    <t>2021BU19520201</t>
  </si>
  <si>
    <t>buurten.d61fa786-2d07-4da3-ba9a-71fcd68bf5f9</t>
  </si>
  <si>
    <t>BU19520202</t>
  </si>
  <si>
    <t>Burgemeester van Royenstraat en omgeving</t>
  </si>
  <si>
    <t>2021BU19520202</t>
  </si>
  <si>
    <t>buurten.00ca5cdd-9080-42ee-aff7-c9fe8e01136d</t>
  </si>
  <si>
    <t>PL1952010001</t>
  </si>
  <si>
    <t>Warmtenet Gorecht-Noord</t>
  </si>
  <si>
    <t>BU19520203</t>
  </si>
  <si>
    <t>Gorecht-Noord</t>
  </si>
  <si>
    <t>2021BU19520203</t>
  </si>
  <si>
    <t>buurten.97f3441e-c6a7-45df-beb4-67f5aa78d2c4</t>
  </si>
  <si>
    <t>BU19520204</t>
  </si>
  <si>
    <t>Gorechtpark-Oost</t>
  </si>
  <si>
    <t>2021BU19520204</t>
  </si>
  <si>
    <t>buurten.d1972d9b-4731-44d1-9255-60cc86c4739f</t>
  </si>
  <si>
    <t>BU19520205</t>
  </si>
  <si>
    <t>Gorecht-West</t>
  </si>
  <si>
    <t>2021BU19520205</t>
  </si>
  <si>
    <t>buurten.c9ea7d69-1f74-4d6f-bba2-84c3515cfbb4</t>
  </si>
  <si>
    <t>BU19520206</t>
  </si>
  <si>
    <t>Woldwijck-West</t>
  </si>
  <si>
    <t>2021BU19520206</t>
  </si>
  <si>
    <t>buurten.20ad069d-007b-4cff-a55d-b7ffb8476af7</t>
  </si>
  <si>
    <t>BU19520207</t>
  </si>
  <si>
    <t>Woldwijck-Midden</t>
  </si>
  <si>
    <t>2021BU19520207</t>
  </si>
  <si>
    <t>buurten.515f62ea-53c6-4cf7-850c-490df8ab6560</t>
  </si>
  <si>
    <t>BU19520208</t>
  </si>
  <si>
    <t>Woldwijck-Oost</t>
  </si>
  <si>
    <t>2021BU19520208</t>
  </si>
  <si>
    <t>buurten.c9cc9a25-076b-482f-9f70-7dd94bb20fcf</t>
  </si>
  <si>
    <t>BU19520209</t>
  </si>
  <si>
    <t>Kropswolderpolder</t>
  </si>
  <si>
    <t>2021BU19520209</t>
  </si>
  <si>
    <t>buurten.05e6f488-713d-4a59-9d1a-1e314a3fea8d</t>
  </si>
  <si>
    <t>BU19520210</t>
  </si>
  <si>
    <t>Gorechtpark</t>
  </si>
  <si>
    <t>2021BU19520210</t>
  </si>
  <si>
    <t>buurten.05cbba70-513c-483b-893d-655fc8f31d51</t>
  </si>
  <si>
    <t>BU19520301</t>
  </si>
  <si>
    <t>Stadshart-Zuid</t>
  </si>
  <si>
    <t>WK195203</t>
  </si>
  <si>
    <t>2021BU19520301</t>
  </si>
  <si>
    <t>buurten.44a9e6ea-71b3-4ff0-b352-13e95e48b0f9</t>
  </si>
  <si>
    <t>BU19520302</t>
  </si>
  <si>
    <t>2021BU19520302</t>
  </si>
  <si>
    <t>buurten.4fdda7c8-317a-4129-9d9f-927758d30dde</t>
  </si>
  <si>
    <t>BU19520303</t>
  </si>
  <si>
    <t>2021BU19520303</t>
  </si>
  <si>
    <t>buurten.6d9491a7-527f-41fb-82cb-140bf486859f</t>
  </si>
  <si>
    <t>BU19520304</t>
  </si>
  <si>
    <t>De Vosholen-West</t>
  </si>
  <si>
    <t>2021BU19520304</t>
  </si>
  <si>
    <t>buurten.0b71ff54-b7b8-4891-af49-bfec261195cb</t>
  </si>
  <si>
    <t>BU19520305</t>
  </si>
  <si>
    <t>Kalkwijk-Noord</t>
  </si>
  <si>
    <t>2021BU19520305</t>
  </si>
  <si>
    <t>buurten.0f1b75d6-6867-499c-9c8c-737189aeeed7</t>
  </si>
  <si>
    <t>BU19520306</t>
  </si>
  <si>
    <t>Kalkwijk-Zuid</t>
  </si>
  <si>
    <t>2021BU19520306</t>
  </si>
  <si>
    <t>buurten.eae3db71-de08-4077-805d-e10d3d11b8e4</t>
  </si>
  <si>
    <t>BU19520401</t>
  </si>
  <si>
    <t>Magrietpark</t>
  </si>
  <si>
    <t>WK195204</t>
  </si>
  <si>
    <t>2021BU19520401</t>
  </si>
  <si>
    <t>buurten.bd43d0fd-d35a-472c-af2a-a288fae909bd</t>
  </si>
  <si>
    <t>BU19520402</t>
  </si>
  <si>
    <t>Sappemeer-Oost</t>
  </si>
  <si>
    <t>2021BU19520402</t>
  </si>
  <si>
    <t>buurten.25d2f009-ec90-476a-a527-43f96cb3266d</t>
  </si>
  <si>
    <t>BU19520403</t>
  </si>
  <si>
    <t>Boswijck-West</t>
  </si>
  <si>
    <t>2021BU19520403</t>
  </si>
  <si>
    <t>buurten.180170c2-e001-4d6b-875c-63fe75ab989a</t>
  </si>
  <si>
    <t>BU19520404</t>
  </si>
  <si>
    <t>Boswijck-Oost</t>
  </si>
  <si>
    <t>2021BU19520404</t>
  </si>
  <si>
    <t>buurten.d6e5c377-6da6-4497-8463-bdc818b9eece</t>
  </si>
  <si>
    <t>BU19520405</t>
  </si>
  <si>
    <t>Compagniesterpark</t>
  </si>
  <si>
    <t>2021BU19520405</t>
  </si>
  <si>
    <t>buurten.350ddf9b-0d88-4e60-b306-6e7f5c618b48</t>
  </si>
  <si>
    <t>BU19520406</t>
  </si>
  <si>
    <t>De Vosholen-Oost</t>
  </si>
  <si>
    <t>2021BU19520406</t>
  </si>
  <si>
    <t>buurten.f3350d23-23d0-4867-be2c-7f16b1d313e7</t>
  </si>
  <si>
    <t>BU19520407</t>
  </si>
  <si>
    <t>Nieuw Woelwijck</t>
  </si>
  <si>
    <t>2021BU19520407</t>
  </si>
  <si>
    <t>buurten.920dec51-e3df-41a8-aabe-a1115c11d19f</t>
  </si>
  <si>
    <t>BU19520408</t>
  </si>
  <si>
    <t>Polder De Nijverheid</t>
  </si>
  <si>
    <t>2021BU19520408</t>
  </si>
  <si>
    <t>buurten.05b3be36-841b-4569-b9d8-eae0a25d48f9</t>
  </si>
  <si>
    <t>BU19520409</t>
  </si>
  <si>
    <t>Sappemeer-Noord</t>
  </si>
  <si>
    <t>2021BU19520409</t>
  </si>
  <si>
    <t>buurten.1a5064fa-0c5f-4dd9-99f0-92246e8c5495</t>
  </si>
  <si>
    <t>BU19520501</t>
  </si>
  <si>
    <t>Kiel-Windeweer</t>
  </si>
  <si>
    <t>WK195205</t>
  </si>
  <si>
    <t>2021BU19520501</t>
  </si>
  <si>
    <t>buurten.ef5eaf34-067d-4c64-8f73-7659a0178b03</t>
  </si>
  <si>
    <t>BU19520502</t>
  </si>
  <si>
    <t>Kiel-Windeweer Buitengebied</t>
  </si>
  <si>
    <t>2021BU19520502</t>
  </si>
  <si>
    <t>buurten.1ebb2887-08d0-4e82-8bd8-6d38ad01474a</t>
  </si>
  <si>
    <t>BU19520601</t>
  </si>
  <si>
    <t>Kropswolde</t>
  </si>
  <si>
    <t>WK195206</t>
  </si>
  <si>
    <t>2021BU19520601</t>
  </si>
  <si>
    <t>buurten.d7bf53f9-d51f-4d62-8b7e-796d283b9c27</t>
  </si>
  <si>
    <t>BU19520602</t>
  </si>
  <si>
    <t>Meerwijck</t>
  </si>
  <si>
    <t>2021BU19520602</t>
  </si>
  <si>
    <t>buurten.a0393877-0e54-4a8d-9f5e-33eac3392c33</t>
  </si>
  <si>
    <t>BU19520603</t>
  </si>
  <si>
    <t>Kropswolde Recreatiegebied</t>
  </si>
  <si>
    <t>2021BU19520603</t>
  </si>
  <si>
    <t>buurten.11b9fd5e-d110-485e-bb89-25a91dd149aa</t>
  </si>
  <si>
    <t>BU19520604</t>
  </si>
  <si>
    <t>Kropswolde Buitengebied</t>
  </si>
  <si>
    <t>2021BU19520604</t>
  </si>
  <si>
    <t>buurten.3ba7b693-72ef-49e3-99f9-d8d14d2696f4</t>
  </si>
  <si>
    <t>BU19520701</t>
  </si>
  <si>
    <t>Foxhol</t>
  </si>
  <si>
    <t>WK195207</t>
  </si>
  <si>
    <t>2021BU19520701</t>
  </si>
  <si>
    <t>buurten.e8836819-62a0-4e1d-8fb7-391e514a8b71</t>
  </si>
  <si>
    <t>BU19520702</t>
  </si>
  <si>
    <t>Foxhol Industriegebied</t>
  </si>
  <si>
    <t>2021BU19520702</t>
  </si>
  <si>
    <t>buurten.46012681-f5d5-4cda-9fba-510e18aed3ca</t>
  </si>
  <si>
    <t>BU19520801</t>
  </si>
  <si>
    <t>WK195208</t>
  </si>
  <si>
    <t>2021BU19520801</t>
  </si>
  <si>
    <t>buurten.71ea120e-2067-4d24-84e8-5b39068465b2</t>
  </si>
  <si>
    <t>BU19520802</t>
  </si>
  <si>
    <t>Westerbroek</t>
  </si>
  <si>
    <t>2021BU19520802</t>
  </si>
  <si>
    <t>buurten.70053776-2277-4289-b887-324e93d628cb</t>
  </si>
  <si>
    <t>BU19520803</t>
  </si>
  <si>
    <t>Westerbroek Buitengebied</t>
  </si>
  <si>
    <t>2021BU19520803</t>
  </si>
  <si>
    <t>buurten.f68ad0d0-6578-4ceb-83a7-c7af50cd8c68</t>
  </si>
  <si>
    <t>BU19520804</t>
  </si>
  <si>
    <t>Westerbroek Industriegebied</t>
  </si>
  <si>
    <t>2021BU19520804</t>
  </si>
  <si>
    <t>buurten.f64cb513-68a5-42d6-bd33-40c4f57024b7</t>
  </si>
  <si>
    <t>BU19520805</t>
  </si>
  <si>
    <t>Westerbroek Recreatiegebied</t>
  </si>
  <si>
    <t>2021BU19520805</t>
  </si>
  <si>
    <t>buurten.b9c371d6-116f-45b5-83c6-353ed7759e1f</t>
  </si>
  <si>
    <t>BU19520901</t>
  </si>
  <si>
    <t>Harkstede</t>
  </si>
  <si>
    <t>WK195209</t>
  </si>
  <si>
    <t>2021BU19520901</t>
  </si>
  <si>
    <t>buurten.0eb7a341-5b9e-43d8-b42a-a2eb3230e3d6</t>
  </si>
  <si>
    <t>BU19520902</t>
  </si>
  <si>
    <t>Harkstede Buitengebied</t>
  </si>
  <si>
    <t>2021BU19520902</t>
  </si>
  <si>
    <t>buurten.46d374f1-5738-4a57-90c8-057caf8883bb</t>
  </si>
  <si>
    <t>BU19520903</t>
  </si>
  <si>
    <t>Harkstede Recreatiegebied</t>
  </si>
  <si>
    <t>2021BU19520903</t>
  </si>
  <si>
    <t>buurten.a4d3336f-0645-4b93-a838-0f85dc074666</t>
  </si>
  <si>
    <t>BU19520904</t>
  </si>
  <si>
    <t>Scharmer</t>
  </si>
  <si>
    <t>2021BU19520904</t>
  </si>
  <si>
    <t>buurten.9bcd008c-0633-423d-94c6-3bf4b3c94d92</t>
  </si>
  <si>
    <t>BU19520905</t>
  </si>
  <si>
    <t>Scharmer Buitengebied</t>
  </si>
  <si>
    <t>2021BU19520905</t>
  </si>
  <si>
    <t>buurten.ef972c3c-7fdc-4fdb-af08-13293eb82e81</t>
  </si>
  <si>
    <t>BU19520906</t>
  </si>
  <si>
    <t>Natuurgebied Scharmer</t>
  </si>
  <si>
    <t>2021BU19520906</t>
  </si>
  <si>
    <t>buurten.28320b51-d19b-4de7-ae5b-5f12988f80ac</t>
  </si>
  <si>
    <t>BU19520907</t>
  </si>
  <si>
    <t>Woudbloem</t>
  </si>
  <si>
    <t>2021BU19520907</t>
  </si>
  <si>
    <t>buurten.8db57464-28f1-445e-b4b1-327a247d3254</t>
  </si>
  <si>
    <t>BU19521001</t>
  </si>
  <si>
    <t>Kolham</t>
  </si>
  <si>
    <t>WK195210</t>
  </si>
  <si>
    <t>2021BU19521001</t>
  </si>
  <si>
    <t>buurten.f931b0c6-f840-498a-8fde-d4dde7900f02</t>
  </si>
  <si>
    <t>BU19521002</t>
  </si>
  <si>
    <t>Kolham Bedrijventerrein</t>
  </si>
  <si>
    <t>2021BU19521002</t>
  </si>
  <si>
    <t>buurten.180e2056-adae-46db-81ed-f2d47e242c7e</t>
  </si>
  <si>
    <t>BU19521003</t>
  </si>
  <si>
    <t>Kolham Buitengebied</t>
  </si>
  <si>
    <t>2021BU19521003</t>
  </si>
  <si>
    <t>buurten.85256cdf-91fe-4611-9466-ef791b4014a0</t>
  </si>
  <si>
    <t>BU19521004</t>
  </si>
  <si>
    <t>Kolham Natuurgebied</t>
  </si>
  <si>
    <t>2021BU19521004</t>
  </si>
  <si>
    <t>buurten.a957c0a8-b73b-4940-9c97-bdf25f78fa9c</t>
  </si>
  <si>
    <t>BU19521101</t>
  </si>
  <si>
    <t>Froombosch</t>
  </si>
  <si>
    <t>WK195211</t>
  </si>
  <si>
    <t>2021BU19521101</t>
  </si>
  <si>
    <t>buurten.dbf1bd5b-9629-4f83-9ab2-adc796509606</t>
  </si>
  <si>
    <t>BU19521102</t>
  </si>
  <si>
    <t>Froombosch Buitengebied</t>
  </si>
  <si>
    <t>2021BU19521102</t>
  </si>
  <si>
    <t>buurten.77141d45-4ef9-4a3b-af57-02ff518405a3</t>
  </si>
  <si>
    <t>BU19521103</t>
  </si>
  <si>
    <t>Natuurgebied Froombosch</t>
  </si>
  <si>
    <t>2021BU19521103</t>
  </si>
  <si>
    <t>buurten.5d1f6d3d-1429-4c70-a442-d01c3e36f2dd</t>
  </si>
  <si>
    <t>BU19521201</t>
  </si>
  <si>
    <t>Slochteren</t>
  </si>
  <si>
    <t>WK195212</t>
  </si>
  <si>
    <t>2021BU19521201</t>
  </si>
  <si>
    <t>buurten.a42b60bd-130a-4bf5-981a-b376a6eb11b0</t>
  </si>
  <si>
    <t>BU19521202</t>
  </si>
  <si>
    <t>Slochteren Natuurgebied</t>
  </si>
  <si>
    <t>2021BU19521202</t>
  </si>
  <si>
    <t>buurten.7dbcb2d4-ee18-4721-afe4-9c66bd17059e</t>
  </si>
  <si>
    <t>BU19521203</t>
  </si>
  <si>
    <t>Slochteren Buitengebied</t>
  </si>
  <si>
    <t>2021BU19521203</t>
  </si>
  <si>
    <t>buurten.c0a4cb64-b208-4000-8d6f-671192c5a1a2</t>
  </si>
  <si>
    <t>BU19521301</t>
  </si>
  <si>
    <t>Schildwolde</t>
  </si>
  <si>
    <t>WK195213</t>
  </si>
  <si>
    <t>2021BU19521301</t>
  </si>
  <si>
    <t>buurten.d98b9be8-1415-45e1-b73e-9b980342b2d4</t>
  </si>
  <si>
    <t>BU19521302</t>
  </si>
  <si>
    <t>Schildwolde Natuurgebied</t>
  </si>
  <si>
    <t>2021BU19521302</t>
  </si>
  <si>
    <t>buurten.6e8b3327-6b7e-405f-89f0-29153eb5ce07</t>
  </si>
  <si>
    <t>BU19521303</t>
  </si>
  <si>
    <t>Schildwolde Buitengebied</t>
  </si>
  <si>
    <t>2021BU19521303</t>
  </si>
  <si>
    <t>buurten.3ab39dcb-7b55-4795-9594-6b70e2aad3fb</t>
  </si>
  <si>
    <t>BU19521401</t>
  </si>
  <si>
    <t>Hellum</t>
  </si>
  <si>
    <t>WK195214</t>
  </si>
  <si>
    <t>2021BU19521401</t>
  </si>
  <si>
    <t>buurten.caea801d-5442-402a-9df8-a6c2ef285dbb</t>
  </si>
  <si>
    <t>BU19521402</t>
  </si>
  <si>
    <t>Hellum Natuurgebied</t>
  </si>
  <si>
    <t>2021BU19521402</t>
  </si>
  <si>
    <t>buurten.faa4818a-8f93-464a-b8e3-11f28f0caf14</t>
  </si>
  <si>
    <t>BU19521501</t>
  </si>
  <si>
    <t>Siddeburen</t>
  </si>
  <si>
    <t>WK195215</t>
  </si>
  <si>
    <t>2021BU19521501</t>
  </si>
  <si>
    <t>buurten.d68b79a4-7adc-4247-80ac-1dc1e8a52dfe</t>
  </si>
  <si>
    <t>BU19521502</t>
  </si>
  <si>
    <t>Siddeburen Buitengebied</t>
  </si>
  <si>
    <t>2021BU19521502</t>
  </si>
  <si>
    <t>buurten.dc47e7b6-b746-40fb-a7d3-46303e6f366b</t>
  </si>
  <si>
    <t>Aardgasvrij Steendam-Tjuchem</t>
  </si>
  <si>
    <t>BU19521503</t>
  </si>
  <si>
    <t>Siddeburen Bedrijventerrein</t>
  </si>
  <si>
    <t>2021BU19521503</t>
  </si>
  <si>
    <t>buurten.50d63b34-ff82-4051-bf23-6f3996bac004</t>
  </si>
  <si>
    <t>BU19521601</t>
  </si>
  <si>
    <t>Overschild</t>
  </si>
  <si>
    <t>WK195216</t>
  </si>
  <si>
    <t>2021BU19521601</t>
  </si>
  <si>
    <t>buurten.0ea4ddbe-4cdf-4c3b-82fe-7c619136870b</t>
  </si>
  <si>
    <t>BU19521602</t>
  </si>
  <si>
    <t>Overschild Buitengebied</t>
  </si>
  <si>
    <t>2021BU19521602</t>
  </si>
  <si>
    <t>buurten.5eb6777b-45b7-44e1-82a8-39e087739fd3</t>
  </si>
  <si>
    <t>BU19521603</t>
  </si>
  <si>
    <t>Luddeweer</t>
  </si>
  <si>
    <t>2021BU19521603</t>
  </si>
  <si>
    <t>buurten.10d59fd0-83c8-4b7c-a28c-d30f71a87193</t>
  </si>
  <si>
    <t>BU19521604</t>
  </si>
  <si>
    <t>Lageland</t>
  </si>
  <si>
    <t>2021BU19521604</t>
  </si>
  <si>
    <t>buurten.d5189ccc-7916-49a0-a75e-2ee853b8369a</t>
  </si>
  <si>
    <t>BU19521701</t>
  </si>
  <si>
    <t>Tjuchem</t>
  </si>
  <si>
    <t>WK195217</t>
  </si>
  <si>
    <t>2021BU19521701</t>
  </si>
  <si>
    <t>buurten.e2438da9-f7a5-43ee-b20a-f282c20efda6</t>
  </si>
  <si>
    <t>PL1952010002</t>
  </si>
  <si>
    <t>BU19521702</t>
  </si>
  <si>
    <t>Steendam</t>
  </si>
  <si>
    <t>2021BU19521702</t>
  </si>
  <si>
    <t>buurten.2ef00c6f-f6dd-4a22-9be3-9e12381b1d41</t>
  </si>
  <si>
    <t>BU19521801</t>
  </si>
  <si>
    <t>Muntendam-west</t>
  </si>
  <si>
    <t>WK195218</t>
  </si>
  <si>
    <t>2021BU19521801</t>
  </si>
  <si>
    <t>buurten.a0d30d11-e695-41b3-8d62-47a05aeb17d3</t>
  </si>
  <si>
    <t>BU19521802</t>
  </si>
  <si>
    <t>Muntendam-oost</t>
  </si>
  <si>
    <t>2021BU19521802</t>
  </si>
  <si>
    <t>buurten.7d1d9980-5663-462b-a5ec-d3981386c1a9</t>
  </si>
  <si>
    <t>BU19521803</t>
  </si>
  <si>
    <t>Muntendam Buitengebied oost</t>
  </si>
  <si>
    <t>2021BU19521803</t>
  </si>
  <si>
    <t>buurten.58ae5cf0-c963-4d76-ba10-79ad5526b52f</t>
  </si>
  <si>
    <t>BU19521804</t>
  </si>
  <si>
    <t>Muntendam Buitengebied west</t>
  </si>
  <si>
    <t>2021BU19521804</t>
  </si>
  <si>
    <t>buurten.2b5dccad-fa9c-4755-9ec9-d015d93f3972</t>
  </si>
  <si>
    <t>BU19521805</t>
  </si>
  <si>
    <t>Tripscompagnie</t>
  </si>
  <si>
    <t>2021BU19521805</t>
  </si>
  <si>
    <t>buurten.c051542a-8a60-44d4-8329-4fbe2e0f2788</t>
  </si>
  <si>
    <t>BU19521806</t>
  </si>
  <si>
    <t>Borgercompagnie</t>
  </si>
  <si>
    <t>2021BU19521806</t>
  </si>
  <si>
    <t>buurten.af08012c-a996-47bc-a074-ac740baddf90</t>
  </si>
  <si>
    <t>BU19521901</t>
  </si>
  <si>
    <t>Noordbroek</t>
  </si>
  <si>
    <t>WK195219</t>
  </si>
  <si>
    <t>2021BU19521901</t>
  </si>
  <si>
    <t>buurten.9c06b012-ff3d-4e8f-9f60-e9bfb0dd5df7</t>
  </si>
  <si>
    <t>BU19521902</t>
  </si>
  <si>
    <t>Noordbroek Buitengebied</t>
  </si>
  <si>
    <t>2021BU19521902</t>
  </si>
  <si>
    <t>buurten.e556a5e4-fe59-41eb-99c2-45d1180b9c3f</t>
  </si>
  <si>
    <t>BU19522001</t>
  </si>
  <si>
    <t>WK195220</t>
  </si>
  <si>
    <t>2021BU19522001</t>
  </si>
  <si>
    <t>buurten.465eda2f-40b9-4ae1-b4c2-1ec513810d2a</t>
  </si>
  <si>
    <t>BU19522002</t>
  </si>
  <si>
    <t>Bedrijventerrein Gouden Driehoek</t>
  </si>
  <si>
    <t>2021BU19522002</t>
  </si>
  <si>
    <t>buurten.7210ad6d-7a59-4b55-bee5-05c043f6e5d3</t>
  </si>
  <si>
    <t>BU19522003</t>
  </si>
  <si>
    <t>Zuidbroek Buitengebied west</t>
  </si>
  <si>
    <t>2021BU19522003</t>
  </si>
  <si>
    <t>buurten.41652a09-6d5f-41d8-9044-78b6064e36f6</t>
  </si>
  <si>
    <t>BU19522004</t>
  </si>
  <si>
    <t>Zuidbroek Buitengebied oost</t>
  </si>
  <si>
    <t>2021BU19522004</t>
  </si>
  <si>
    <t>buurten.ce6c1b98-1b94-4699-9807-102f17e10408</t>
  </si>
  <si>
    <t>BU19522005</t>
  </si>
  <si>
    <t>Industrieterrein Zuidbroek</t>
  </si>
  <si>
    <t>2021BU19522005</t>
  </si>
  <si>
    <t>buurten.e5e5edad-5fb6-464e-9b80-13b51e6be3fd</t>
  </si>
  <si>
    <t>BU19522101</t>
  </si>
  <si>
    <t>Meeden</t>
  </si>
  <si>
    <t>WK195221</t>
  </si>
  <si>
    <t>2021BU19522101</t>
  </si>
  <si>
    <t>buurten.a65d3594-b660-4255-b546-140043497212</t>
  </si>
  <si>
    <t>BU19522102</t>
  </si>
  <si>
    <t>Meeden Buitengebied</t>
  </si>
  <si>
    <t>2021BU19522102</t>
  </si>
  <si>
    <t>buurten.2154d169-375e-4b6c-ad60-384e35822ca5</t>
  </si>
  <si>
    <t>BU19540000</t>
  </si>
  <si>
    <t>Schinveld</t>
  </si>
  <si>
    <t>WK195400</t>
  </si>
  <si>
    <t>2021BU19540000</t>
  </si>
  <si>
    <t>buurten.adc15840-d96c-4b6a-8f2b-bb9ee3345be2</t>
  </si>
  <si>
    <t>BU19540001</t>
  </si>
  <si>
    <t>Jabeek</t>
  </si>
  <si>
    <t>2021BU19540001</t>
  </si>
  <si>
    <t>buurten.751ab591-c3a2-469f-9f7a-0fadc900143b</t>
  </si>
  <si>
    <t>BU19540002</t>
  </si>
  <si>
    <t>Bingelrade</t>
  </si>
  <si>
    <t>2021BU19540002</t>
  </si>
  <si>
    <t>buurten.1500e07a-74ed-4d61-8386-66655ef6d1cb</t>
  </si>
  <si>
    <t>BU19540003</t>
  </si>
  <si>
    <t>Merkelbeek-Douvergenhout</t>
  </si>
  <si>
    <t>2021BU19540003</t>
  </si>
  <si>
    <t>buurten.1fc4d417-924a-4fdd-8791-c4cfd95ad286</t>
  </si>
  <si>
    <t>BU19540009</t>
  </si>
  <si>
    <t>2021BU19540009</t>
  </si>
  <si>
    <t>buurten.372602a3-bc7f-4944-b9f7-96bb2b4900d5</t>
  </si>
  <si>
    <t>BU19540100</t>
  </si>
  <si>
    <t>Nuth</t>
  </si>
  <si>
    <t>WK195401</t>
  </si>
  <si>
    <t>2021BU19540100</t>
  </si>
  <si>
    <t>buurten.e43bbc22-d0d1-4607-bb66-9c6092dd00ad</t>
  </si>
  <si>
    <t>BU19540101</t>
  </si>
  <si>
    <t>Tervoorst en omgeving</t>
  </si>
  <si>
    <t>2021BU19540101</t>
  </si>
  <si>
    <t>buurten.2370d5ea-715d-4363-a4f7-25aeab2cf377</t>
  </si>
  <si>
    <t>BU19540102</t>
  </si>
  <si>
    <t>Industrieterrein De Horsel</t>
  </si>
  <si>
    <t>2021BU19540102</t>
  </si>
  <si>
    <t>buurten.b014b5a2-f907-4638-aa8d-5df57b051d5b</t>
  </si>
  <si>
    <t>BU19540103</t>
  </si>
  <si>
    <t>Vaesrade</t>
  </si>
  <si>
    <t>2021BU19540103</t>
  </si>
  <si>
    <t>buurten.da8035dd-1cc4-4e27-a868-80fbdc43db43</t>
  </si>
  <si>
    <t>BU19540104</t>
  </si>
  <si>
    <t>Hommert (gedeeltelijk)</t>
  </si>
  <si>
    <t>2021BU19540104</t>
  </si>
  <si>
    <t>buurten.9444aa92-98d0-4195-b701-fe10aac49514</t>
  </si>
  <si>
    <t>BU19540200</t>
  </si>
  <si>
    <t>Wijnandsrade</t>
  </si>
  <si>
    <t>WK195402</t>
  </si>
  <si>
    <t>2021BU19540200</t>
  </si>
  <si>
    <t>buurten.9ce632de-1755-4571-a04c-640cefe5c739</t>
  </si>
  <si>
    <t>BU19540201</t>
  </si>
  <si>
    <t>Swier</t>
  </si>
  <si>
    <t>2021BU19540201</t>
  </si>
  <si>
    <t>buurten.68951996-ff54-4676-b7a6-8510dc4fe452</t>
  </si>
  <si>
    <t>BU19540300</t>
  </si>
  <si>
    <t>Hulsberg</t>
  </si>
  <si>
    <t>WK195403</t>
  </si>
  <si>
    <t>2021BU19540300</t>
  </si>
  <si>
    <t>buurten.d50c94c7-b628-4171-9088-e579a2b37896</t>
  </si>
  <si>
    <t>BU19540301</t>
  </si>
  <si>
    <t>Aalbeek</t>
  </si>
  <si>
    <t>2021BU19540301</t>
  </si>
  <si>
    <t>buurten.583a3a09-de28-4cab-8e2d-5754455b8647</t>
  </si>
  <si>
    <t>BU19540302</t>
  </si>
  <si>
    <t>Arensgenhout</t>
  </si>
  <si>
    <t>2021BU19540302</t>
  </si>
  <si>
    <t>buurten.e868e1d4-2c1d-4f24-92d4-aa68700d6f83</t>
  </si>
  <si>
    <t>BU19540400</t>
  </si>
  <si>
    <t>Schimmert</t>
  </si>
  <si>
    <t>WK195404</t>
  </si>
  <si>
    <t>2021BU19540400</t>
  </si>
  <si>
    <t>buurten.9c3209db-b03b-4c2d-8c82-64009727cd58</t>
  </si>
  <si>
    <t>BU19540401</t>
  </si>
  <si>
    <t>Haasdal</t>
  </si>
  <si>
    <t>2021BU19540401</t>
  </si>
  <si>
    <t>buurten.353dfd91-736d-4f51-9267-8780e781a399</t>
  </si>
  <si>
    <t>BU19540402</t>
  </si>
  <si>
    <t>Oensel</t>
  </si>
  <si>
    <t>2021BU19540402</t>
  </si>
  <si>
    <t>buurten.b4fad686-223c-4ebf-9519-b67805d02d25</t>
  </si>
  <si>
    <t>BU19540500</t>
  </si>
  <si>
    <t>Schinnen</t>
  </si>
  <si>
    <t>WK195405</t>
  </si>
  <si>
    <t>2021BU19540500</t>
  </si>
  <si>
    <t>buurten.ea7651e7-ac89-4e25-92a6-f11d4f0a0673</t>
  </si>
  <si>
    <t>BU19540501</t>
  </si>
  <si>
    <t>Puth</t>
  </si>
  <si>
    <t>2021BU19540501</t>
  </si>
  <si>
    <t>buurten.f5de08f0-3045-405f-ac7e-beb4115dc3e3</t>
  </si>
  <si>
    <t>BU19540502</t>
  </si>
  <si>
    <t>Nagelbeek-Hegge</t>
  </si>
  <si>
    <t>2021BU19540502</t>
  </si>
  <si>
    <t>buurten.fce77bb9-46fe-4af6-a474-adf5b6ec0c9e</t>
  </si>
  <si>
    <t>BU19540503</t>
  </si>
  <si>
    <t>Sweikhuizen</t>
  </si>
  <si>
    <t>2021BU19540503</t>
  </si>
  <si>
    <t>buurten.6a88f49f-fd68-48a8-8d82-e9b76953db8d</t>
  </si>
  <si>
    <t>BU19540504</t>
  </si>
  <si>
    <t>Thull</t>
  </si>
  <si>
    <t>2021BU19540504</t>
  </si>
  <si>
    <t>buurten.cf514806-3813-475c-80e6-bd0375d9755b</t>
  </si>
  <si>
    <t>BU19540505</t>
  </si>
  <si>
    <t>2021BU19540505</t>
  </si>
  <si>
    <t>buurten.a32b89f2-da9d-4675-82df-d6116f0c40a2</t>
  </si>
  <si>
    <t>BU19540509</t>
  </si>
  <si>
    <t>2021BU19540509</t>
  </si>
  <si>
    <t>buurten.ed831174-261e-4558-bb6a-3cd5de4c1dbd</t>
  </si>
  <si>
    <t>BU19540600</t>
  </si>
  <si>
    <t>Amstenrade</t>
  </si>
  <si>
    <t>WK195406</t>
  </si>
  <si>
    <t>2021BU19540600</t>
  </si>
  <si>
    <t>buurten.6a9f9552-df56-444e-9227-4d0432621455</t>
  </si>
  <si>
    <t>BU19540601</t>
  </si>
  <si>
    <t>Oirsbeek</t>
  </si>
  <si>
    <t>2021BU19540601</t>
  </si>
  <si>
    <t>buurten.c48709de-a292-4f44-8248-868a188f9750</t>
  </si>
  <si>
    <t>BU19540602</t>
  </si>
  <si>
    <t>Klein-Doenrade</t>
  </si>
  <si>
    <t>2021BU19540602</t>
  </si>
  <si>
    <t>buurten.fc1192c2-3990-4ab5-b0c1-cf42c296ec46</t>
  </si>
  <si>
    <t>BU19540603</t>
  </si>
  <si>
    <t>Groot-Doenrade</t>
  </si>
  <si>
    <t>2021BU19540603</t>
  </si>
  <si>
    <t>buurten.d42ac57c-7ecc-407f-a6a9-a65ded6b9a9e</t>
  </si>
  <si>
    <t>BU19550000</t>
  </si>
  <si>
    <t>'s-Heerenberg</t>
  </si>
  <si>
    <t>WK195500</t>
  </si>
  <si>
    <t>2021BU19550000</t>
  </si>
  <si>
    <t>buurten.3f963221-df2f-45c2-9120-a031aafdd504</t>
  </si>
  <si>
    <t>PL1955010003</t>
  </si>
  <si>
    <t>Bedrijventerreinen (losse vormen verspreid over gemeente)</t>
  </si>
  <si>
    <t>s-Heerenberg-Oost (m.u.v. bedrijventerrein)</t>
  </si>
  <si>
    <t>Vanwege gemeenschappelijke karakteristieken is een (grotendeels) elektrische oplossing vaak een logisch startpunt op bedrijventerreinen. Met een elektrische oplossing kan namelijk ook koeling afgedekt worden, kan efficient luchtverwarming of plaatselijk</t>
  </si>
  <si>
    <t>BU19550001</t>
  </si>
  <si>
    <t>'s-Heerenberg, oostelijke uitbreiding</t>
  </si>
  <si>
    <t>2021BU19550001</t>
  </si>
  <si>
    <t>buurten.b08a593a-c6ba-4cab-b414-5982bd4c3604</t>
  </si>
  <si>
    <t>BU19550002</t>
  </si>
  <si>
    <t>Zeddam</t>
  </si>
  <si>
    <t>2021BU19550002</t>
  </si>
  <si>
    <t>buurten.841a9762-0cf5-47e1-96e2-29d1ecdc41d1</t>
  </si>
  <si>
    <t>BU19550003</t>
  </si>
  <si>
    <t>Azewijn</t>
  </si>
  <si>
    <t>2021BU19550003</t>
  </si>
  <si>
    <t>buurten.c8929787-5f0a-40e8-b363-d385900d905f</t>
  </si>
  <si>
    <t>BU19550004</t>
  </si>
  <si>
    <t>Braamt</t>
  </si>
  <si>
    <t>2021BU19550004</t>
  </si>
  <si>
    <t>buurten.a083e54a-4570-4a21-8882-a5e3ee606a11</t>
  </si>
  <si>
    <t>BU19550005</t>
  </si>
  <si>
    <t>Stokkum</t>
  </si>
  <si>
    <t>2021BU19550005</t>
  </si>
  <si>
    <t>buurten.9cae218e-ec11-43c8-a51d-e57f7e13934a</t>
  </si>
  <si>
    <t>BU19550006</t>
  </si>
  <si>
    <t>Verspreide huizen Zeddam</t>
  </si>
  <si>
    <t>2021BU19550006</t>
  </si>
  <si>
    <t>buurten.e6804ced-4e3e-4fc5-87d4-7b77e6c35124</t>
  </si>
  <si>
    <t>BU19550007</t>
  </si>
  <si>
    <t>Verspreide huizen Mengelenberg en Lengel</t>
  </si>
  <si>
    <t>2021BU19550007</t>
  </si>
  <si>
    <t>buurten.efbe8983-8810-4026-b238-7e897b3de6fd</t>
  </si>
  <si>
    <t>BU19550008</t>
  </si>
  <si>
    <t>Verspreide huizen Braamt</t>
  </si>
  <si>
    <t>2021BU19550008</t>
  </si>
  <si>
    <t>buurten.b55a6263-f9c7-47fb-aa28-4e94d9c383cf</t>
  </si>
  <si>
    <t>BU19550009</t>
  </si>
  <si>
    <t>Verspreide huizen Azewijn</t>
  </si>
  <si>
    <t>2021BU19550009</t>
  </si>
  <si>
    <t>buurten.73f5d1db-182e-4d42-b858-fd1e2ab643f5</t>
  </si>
  <si>
    <t>BU19550010</t>
  </si>
  <si>
    <t>2021BU19550010</t>
  </si>
  <si>
    <t>buurten.dac2516e-a565-4649-a62f-27a1f6387870</t>
  </si>
  <si>
    <t>BU19550100</t>
  </si>
  <si>
    <t>WK195501</t>
  </si>
  <si>
    <t>2021BU19550100</t>
  </si>
  <si>
    <t>buurten.c4b6163a-d83f-4001-af73-182aa416d371</t>
  </si>
  <si>
    <t>BU19550101</t>
  </si>
  <si>
    <t>Kilder</t>
  </si>
  <si>
    <t>2021BU19550101</t>
  </si>
  <si>
    <t>buurten.d2244244-1ea4-42db-a1b6-93611ec05dd3</t>
  </si>
  <si>
    <t>BU19550102</t>
  </si>
  <si>
    <t>Loerbeek</t>
  </si>
  <si>
    <t>2021BU19550102</t>
  </si>
  <si>
    <t>buurten.2cc0d3c1-7f6f-4475-a53f-806925720b18</t>
  </si>
  <si>
    <t>PL1955010004</t>
  </si>
  <si>
    <t>BU19550106</t>
  </si>
  <si>
    <t>Verspreide huizen Loerbeek</t>
  </si>
  <si>
    <t>2021BU19550106</t>
  </si>
  <si>
    <t>buurten.100672f7-c40d-4ad0-ac90-30a5db167169</t>
  </si>
  <si>
    <t>BU19550107</t>
  </si>
  <si>
    <t>Verspreide huizen Kilder</t>
  </si>
  <si>
    <t>2021BU19550107</t>
  </si>
  <si>
    <t>buurten.a53f1f76-5008-48d3-922a-a821c258af8b</t>
  </si>
  <si>
    <t>BU19550108</t>
  </si>
  <si>
    <t>Verspreide huizen Beek</t>
  </si>
  <si>
    <t>2021BU19550108</t>
  </si>
  <si>
    <t>buurten.4e82ac51-8da8-47a9-8cb9-afb9b97e1437</t>
  </si>
  <si>
    <t>BU19550109</t>
  </si>
  <si>
    <t>Verspreide huizen Montferland</t>
  </si>
  <si>
    <t>2021BU19550109</t>
  </si>
  <si>
    <t>buurten.ee404e47-d475-4446-900a-59f5931793fe</t>
  </si>
  <si>
    <t>Onderzoek of warmtenet voor s-Heerenberg-Oost haalbaar is, anders all-electric.</t>
  </si>
  <si>
    <t>BU19550200</t>
  </si>
  <si>
    <t>Didam-Zuid</t>
  </si>
  <si>
    <t>WK195502</t>
  </si>
  <si>
    <t>2021BU19550200</t>
  </si>
  <si>
    <t>buurten.7163f82a-9d6d-46c0-93b5-061de4f14eb6</t>
  </si>
  <si>
    <t>PL1955010001</t>
  </si>
  <si>
    <t>De warmtetransitie van de Bloemenbuurt kan als voorbeeld dienen, indien een warmtenet rendabel blijkt</t>
  </si>
  <si>
    <t>Basisniveau (conform Standaard), vergaande maatregelen niet nodig</t>
  </si>
  <si>
    <t>BU19550201</t>
  </si>
  <si>
    <t>Didam-Noord</t>
  </si>
  <si>
    <t>2021BU19550201</t>
  </si>
  <si>
    <t>buurten.6ff7e039-c7c3-426b-babf-2b4a323b8ae4</t>
  </si>
  <si>
    <t>Uit alle onderzoeken bleek een warmtenet op midden temperatuur met een wijkwarmtepomp als bron een goed alternatief en het alternatief met de laagste maatschappelijke kosten.</t>
  </si>
  <si>
    <t>BU19550202</t>
  </si>
  <si>
    <t>Loil</t>
  </si>
  <si>
    <t>2021BU19550202</t>
  </si>
  <si>
    <t>buurten.e4bc6f8a-5a7b-46a7-a8f6-3ce4d4bef920</t>
  </si>
  <si>
    <t>BU19550203</t>
  </si>
  <si>
    <t>Nieuw-Dijk</t>
  </si>
  <si>
    <t>2021BU19550203</t>
  </si>
  <si>
    <t>buurten.9c06f353-5f57-47c8-a776-42520ea32381</t>
  </si>
  <si>
    <t>BU19550205</t>
  </si>
  <si>
    <t>Verspreide huizen De Heegh</t>
  </si>
  <si>
    <t>2021BU19550205</t>
  </si>
  <si>
    <t>buurten.8eb7a7a5-e4cf-431e-855b-3cd1e22182c1</t>
  </si>
  <si>
    <t>PL1955010002</t>
  </si>
  <si>
    <t>Didam-Noord (m.u.v. Bloemenbuurt)</t>
  </si>
  <si>
    <t>Onderzoek of warmtenet voor Didam-Noord haalbaar is, anders all-electric. Ook isolatiestrategie onderzoeken</t>
  </si>
  <si>
    <t>lokale luchtwarmtepomp is optie</t>
  </si>
  <si>
    <t>BU19550206</t>
  </si>
  <si>
    <t>Verspreide huizen Greffelkamp</t>
  </si>
  <si>
    <t>2021BU19550206</t>
  </si>
  <si>
    <t>buurten.52b6dc00-ca46-47d6-99d4-fc44b5fb2ba5</t>
  </si>
  <si>
    <t>BU19550207</t>
  </si>
  <si>
    <t>Verspreide huizen De Hogenend en Oud-Dijk</t>
  </si>
  <si>
    <t>2021BU19550207</t>
  </si>
  <si>
    <t>buurten.e6e11dac-13e4-45ca-bbe9-0f9751b69dea</t>
  </si>
  <si>
    <t>BU19550208</t>
  </si>
  <si>
    <t>Verspreide huizen Nieuw-Dijk</t>
  </si>
  <si>
    <t>2021BU19550208</t>
  </si>
  <si>
    <t>buurten.6e167f4e-c0c4-436b-bbb2-cc17e474e923</t>
  </si>
  <si>
    <t>BU19550209</t>
  </si>
  <si>
    <t>Verspreide huizen Loil</t>
  </si>
  <si>
    <t>2021BU19550209</t>
  </si>
  <si>
    <t>buurten.10036cd9-2b94-4d35-827b-c5486b1d21bf</t>
  </si>
  <si>
    <t>BU19590101</t>
  </si>
  <si>
    <t>Centrum Werkendam</t>
  </si>
  <si>
    <t>WK195901</t>
  </si>
  <si>
    <t>2021BU19590101</t>
  </si>
  <si>
    <t>buurten.85839c5e-0350-4451-a395-81e22fb091bf</t>
  </si>
  <si>
    <t>BU19590102</t>
  </si>
  <si>
    <t>Burchtpolder</t>
  </si>
  <si>
    <t>2021BU19590102</t>
  </si>
  <si>
    <t>buurten.547b3fa7-34e5-4361-afd9-0b3ea890f373</t>
  </si>
  <si>
    <t>Draagvlak onder de bewoners, aandeel woningen van woningcorporaties, technisch haalbaar</t>
  </si>
  <si>
    <t>om iedere inwoner voor zijn eigen woning een gedetailleerd beeld te geven van de benodigde isolatie- (en ventilatie)maatregelen, kosten, opbrengsten en financiering</t>
  </si>
  <si>
    <t>BU19590103</t>
  </si>
  <si>
    <t>2021BU19590103</t>
  </si>
  <si>
    <t>buurten.44e139e5-186a-41a6-89a1-5a562654e1be</t>
  </si>
  <si>
    <t>BU19590104</t>
  </si>
  <si>
    <t>Werkense polder</t>
  </si>
  <si>
    <t>2021BU19590104</t>
  </si>
  <si>
    <t>buurten.f0d8b9b8-a1e8-4b16-b9eb-5bf7d30863b2</t>
  </si>
  <si>
    <t>BU19590105</t>
  </si>
  <si>
    <t>Vervoornepolder noord</t>
  </si>
  <si>
    <t>2021BU19590105</t>
  </si>
  <si>
    <t>buurten.8ef9d5cc-b444-493b-a998-268df0845985</t>
  </si>
  <si>
    <t>BU19590106</t>
  </si>
  <si>
    <t>Vervoornepolder zuid</t>
  </si>
  <si>
    <t>2021BU19590106</t>
  </si>
  <si>
    <t>buurten.944b090e-dc78-4752-9bab-1972700c7f85</t>
  </si>
  <si>
    <t>BU19590107</t>
  </si>
  <si>
    <t>Bedrijventerrein Werkendam</t>
  </si>
  <si>
    <t>2021BU19590107</t>
  </si>
  <si>
    <t>buurten.c0801184-638d-4db2-850e-5ca7747e22ef</t>
  </si>
  <si>
    <t>BU19590191</t>
  </si>
  <si>
    <t>Buitengebied Werkendam noord</t>
  </si>
  <si>
    <t>2021BU19590191</t>
  </si>
  <si>
    <t>buurten.764756a3-6a3e-4c3a-b5e2-8b0f1ef889cf</t>
  </si>
  <si>
    <t>BU19590192</t>
  </si>
  <si>
    <t>Buitengebied Werkendam zuid</t>
  </si>
  <si>
    <t>2021BU19590192</t>
  </si>
  <si>
    <t>buurten.74dd6183-7ed2-4856-8cf5-36c57a7b97b4</t>
  </si>
  <si>
    <t>BU19590193</t>
  </si>
  <si>
    <t>Buitengebied Oostwaard</t>
  </si>
  <si>
    <t>2021BU19590193</t>
  </si>
  <si>
    <t>buurten.8b749316-5e38-4739-badd-da7b899617d9</t>
  </si>
  <si>
    <t>BU19590194</t>
  </si>
  <si>
    <t>Buitengebied Biesbosch</t>
  </si>
  <si>
    <t>2021BU19590194</t>
  </si>
  <si>
    <t>buurten.990c524d-ca43-430d-8b98-d5931f837502</t>
  </si>
  <si>
    <t>BU19590201</t>
  </si>
  <si>
    <t>Sleeuwijk west</t>
  </si>
  <si>
    <t>WK195902</t>
  </si>
  <si>
    <t>2021BU19590201</t>
  </si>
  <si>
    <t>buurten.7fa8169c-1fe7-4b57-9941-6adbedefe6cb</t>
  </si>
  <si>
    <t>BU19590202</t>
  </si>
  <si>
    <t>Sleeuwijk oost</t>
  </si>
  <si>
    <t>2021BU19590202</t>
  </si>
  <si>
    <t>buurten.751d0fdf-dc57-4e16-86c6-32b53b7fe974</t>
  </si>
  <si>
    <t>BU19590291</t>
  </si>
  <si>
    <t>Buitengebied Sleeuwijk</t>
  </si>
  <si>
    <t>2021BU19590291</t>
  </si>
  <si>
    <t>buurten.5a649fb8-eb64-4c8d-b8b0-fc1fd5655f1a</t>
  </si>
  <si>
    <t>BU19590301</t>
  </si>
  <si>
    <t>Nieuwendijk</t>
  </si>
  <si>
    <t>WK195903</t>
  </si>
  <si>
    <t>2021BU19590301</t>
  </si>
  <si>
    <t>buurten.53f6fad0-89e2-4f4b-bda5-6e86ac4370db</t>
  </si>
  <si>
    <t>BU19590391</t>
  </si>
  <si>
    <t>Buitengebied Nieuwendijk noordoost</t>
  </si>
  <si>
    <t>2021BU19590391</t>
  </si>
  <si>
    <t>buurten.7cd964b5-406f-4326-a706-b876b272f915</t>
  </si>
  <si>
    <t>BU19590392</t>
  </si>
  <si>
    <t>Buitengebied Nieuwendijk zuid</t>
  </si>
  <si>
    <t>2021BU19590392</t>
  </si>
  <si>
    <t>buurten.ec4f3281-a3fd-45af-82ca-dd42b98d58b1</t>
  </si>
  <si>
    <t>BU19590401</t>
  </si>
  <si>
    <t>Hank</t>
  </si>
  <si>
    <t>WK195904</t>
  </si>
  <si>
    <t>2021BU19590401</t>
  </si>
  <si>
    <t>buurten.7c5e6ce0-7edb-4201-9d46-a7dc37e6dbf2</t>
  </si>
  <si>
    <t>BU19590402</t>
  </si>
  <si>
    <t>Kurenpolder</t>
  </si>
  <si>
    <t>2021BU19590402</t>
  </si>
  <si>
    <t>buurten.4bcdfcef-8df5-4e65-91b4-32f8913bbfe5</t>
  </si>
  <si>
    <t>BU19590491</t>
  </si>
  <si>
    <t>Buitengebied Hank oost</t>
  </si>
  <si>
    <t>2021BU19590491</t>
  </si>
  <si>
    <t>buurten.600b62ea-6817-4164-944c-d30885c99a3d</t>
  </si>
  <si>
    <t>BU19590492</t>
  </si>
  <si>
    <t>Buitengebied Hank west</t>
  </si>
  <si>
    <t>2021BU19590492</t>
  </si>
  <si>
    <t>buurten.76715eea-7774-4db9-9c24-8e99c2e60fb6</t>
  </si>
  <si>
    <t>BU19590501</t>
  </si>
  <si>
    <t>Dussen</t>
  </si>
  <si>
    <t>WK195905</t>
  </si>
  <si>
    <t>2021BU19590501</t>
  </si>
  <si>
    <t>buurten.fa1a6160-88b7-49a9-b64e-a0f44ec4cf6d</t>
  </si>
  <si>
    <t>BU19590591</t>
  </si>
  <si>
    <t>Buitengebied Dussen noord</t>
  </si>
  <si>
    <t>2021BU19590591</t>
  </si>
  <si>
    <t>buurten.b24c04e6-d528-403b-af0f-9f02b26ff63f</t>
  </si>
  <si>
    <t>BU19590592</t>
  </si>
  <si>
    <t>Buitengebied Dussen zuid</t>
  </si>
  <si>
    <t>2021BU19590592</t>
  </si>
  <si>
    <t>buurten.b4d08167-7747-464b-98b3-f0efc7f938f2</t>
  </si>
  <si>
    <t>BU19590601</t>
  </si>
  <si>
    <t>Woudrichem noord</t>
  </si>
  <si>
    <t>WK195906</t>
  </si>
  <si>
    <t>2021BU19590601</t>
  </si>
  <si>
    <t>buurten.e16915fa-1e5b-45ce-800c-4ce3dbb893cf</t>
  </si>
  <si>
    <t>BU19590602</t>
  </si>
  <si>
    <t>Woudrichem zuid</t>
  </si>
  <si>
    <t>2021BU19590602</t>
  </si>
  <si>
    <t>buurten.2a5a8d4d-44d1-4b35-ae11-dd9a60c31917</t>
  </si>
  <si>
    <t>BU19590603</t>
  </si>
  <si>
    <t>Oudendijk</t>
  </si>
  <si>
    <t>2021BU19590603</t>
  </si>
  <si>
    <t>buurten.c967970d-ac87-4c56-9bec-c454e706110c</t>
  </si>
  <si>
    <t>BU19590691</t>
  </si>
  <si>
    <t>Buitengebied Woudrichem</t>
  </si>
  <si>
    <t>2021BU19590691</t>
  </si>
  <si>
    <t>buurten.763122bb-be64-464d-a132-ca8f4db288bf</t>
  </si>
  <si>
    <t>BU19590701</t>
  </si>
  <si>
    <t>Rijswijk (NB)</t>
  </si>
  <si>
    <t>WK195907</t>
  </si>
  <si>
    <t>2021BU19590701</t>
  </si>
  <si>
    <t>buurten.8a623694-f0b1-41a4-8ea4-a2f35dd17c01</t>
  </si>
  <si>
    <t>BU19590791</t>
  </si>
  <si>
    <t>Buitengebied Rijswijk (NB)</t>
  </si>
  <si>
    <t>2021BU19590791</t>
  </si>
  <si>
    <t>buurten.98b07850-8f40-4010-bd35-90c8ca8b2ea1</t>
  </si>
  <si>
    <t>BU19590801</t>
  </si>
  <si>
    <t>Uitwijk</t>
  </si>
  <si>
    <t>WK195908</t>
  </si>
  <si>
    <t>2021BU19590801</t>
  </si>
  <si>
    <t>buurten.de53bf25-e97a-48ea-949d-8961cd54a04f</t>
  </si>
  <si>
    <t>BU19590891</t>
  </si>
  <si>
    <t>Buitengebied Uitwijk</t>
  </si>
  <si>
    <t>2021BU19590891</t>
  </si>
  <si>
    <t>buurten.81fcb7c2-024a-4784-838f-fab4b21ccf9d</t>
  </si>
  <si>
    <t>BU19590901</t>
  </si>
  <si>
    <t>Waardhuizen</t>
  </si>
  <si>
    <t>WK195909</t>
  </si>
  <si>
    <t>2021BU19590901</t>
  </si>
  <si>
    <t>buurten.03414cdd-2462-4217-bf91-3f226bf75bed</t>
  </si>
  <si>
    <t>BU19590991</t>
  </si>
  <si>
    <t>Buitengebied Waardhuizen</t>
  </si>
  <si>
    <t>2021BU19590991</t>
  </si>
  <si>
    <t>buurten.19628f6a-f420-4d90-b0a5-531c8418ab2c</t>
  </si>
  <si>
    <t>BU19591001</t>
  </si>
  <si>
    <t>Giessen</t>
  </si>
  <si>
    <t>WK195910</t>
  </si>
  <si>
    <t>2021BU19591001</t>
  </si>
  <si>
    <t>buurten.93d9c423-804b-45fb-8502-329daa42064a</t>
  </si>
  <si>
    <t>BU19591002</t>
  </si>
  <si>
    <t>Bedrijventerrein Rietdijk</t>
  </si>
  <si>
    <t>2021BU19591002</t>
  </si>
  <si>
    <t>buurten.a3ba325a-1359-41f3-9c50-50dc4c019dae</t>
  </si>
  <si>
    <t>BU19591091</t>
  </si>
  <si>
    <t>Buitengebied Giessen</t>
  </si>
  <si>
    <t>2021BU19591091</t>
  </si>
  <si>
    <t>buurten.74ad1390-b4a4-4636-a510-edef10f8c9c7</t>
  </si>
  <si>
    <t>BU19591101</t>
  </si>
  <si>
    <t>Andel</t>
  </si>
  <si>
    <t>WK195911</t>
  </si>
  <si>
    <t>2021BU19591101</t>
  </si>
  <si>
    <t>buurten.37435394-fd08-44ca-b46e-d40a4d21a9a2</t>
  </si>
  <si>
    <t>BU19591191</t>
  </si>
  <si>
    <t>Buitengebied Andel</t>
  </si>
  <si>
    <t>2021BU19591191</t>
  </si>
  <si>
    <t>buurten.4fb8ae44-6944-476d-860b-fcfadc06cec7</t>
  </si>
  <si>
    <t>BU19591201</t>
  </si>
  <si>
    <t>Almkerk west</t>
  </si>
  <si>
    <t>WK195912</t>
  </si>
  <si>
    <t>2021BU19591201</t>
  </si>
  <si>
    <t>buurten.ed3a8da4-2956-42b1-89da-009221ffbbde</t>
  </si>
  <si>
    <t>BU19591202</t>
  </si>
  <si>
    <t>Almkerk oost</t>
  </si>
  <si>
    <t>2021BU19591202</t>
  </si>
  <si>
    <t>buurten.2b8e085d-b593-45da-a94f-3e62ce2b9815</t>
  </si>
  <si>
    <t>BU19591203</t>
  </si>
  <si>
    <t>Uppel</t>
  </si>
  <si>
    <t>2021BU19591203</t>
  </si>
  <si>
    <t>buurten.f407c174-af18-421e-ba43-c7c13e9ee76a</t>
  </si>
  <si>
    <t>BU19591291</t>
  </si>
  <si>
    <t>Buitengebied Almkerk noord</t>
  </si>
  <si>
    <t>2021BU19591291</t>
  </si>
  <si>
    <t>buurten.242ea2f2-3b66-401a-93a5-980621f44ba3</t>
  </si>
  <si>
    <t>BU19591292</t>
  </si>
  <si>
    <t>Buitengebied Almkerk zuid</t>
  </si>
  <si>
    <t>2021BU19591292</t>
  </si>
  <si>
    <t>buurten.86458cc3-52a9-4988-abc0-0b04604f4d7b</t>
  </si>
  <si>
    <t>BU19591301</t>
  </si>
  <si>
    <t>Veen</t>
  </si>
  <si>
    <t>WK195913</t>
  </si>
  <si>
    <t>2021BU19591301</t>
  </si>
  <si>
    <t>buurten.43f920e7-ec91-4836-a6f4-2b1cf0ea7c65</t>
  </si>
  <si>
    <t>BU19591302</t>
  </si>
  <si>
    <t>Bedrijventerrein Veen</t>
  </si>
  <si>
    <t>2021BU19591302</t>
  </si>
  <si>
    <t>buurten.50aae0fb-8564-4355-b7d6-a65d08940c0b</t>
  </si>
  <si>
    <t>BU19591303</t>
  </si>
  <si>
    <t>Veenseput</t>
  </si>
  <si>
    <t>2021BU19591303</t>
  </si>
  <si>
    <t>buurten.6d2c7337-9d78-4fe2-88bc-1d330ed20192</t>
  </si>
  <si>
    <t>BU19591391</t>
  </si>
  <si>
    <t>Buitengebied Veen</t>
  </si>
  <si>
    <t>2021BU19591391</t>
  </si>
  <si>
    <t>buurten.44138bb3-7fe0-4c32-8246-21a658ce68e3</t>
  </si>
  <si>
    <t>BU19591401</t>
  </si>
  <si>
    <t>Aalburg</t>
  </si>
  <si>
    <t>WK195914</t>
  </si>
  <si>
    <t>2021BU19591401</t>
  </si>
  <si>
    <t>buurten.71f0437d-ec28-4b8e-a646-6404e0c44595</t>
  </si>
  <si>
    <t>BU19591402</t>
  </si>
  <si>
    <t>Wijk</t>
  </si>
  <si>
    <t>2021BU19591402</t>
  </si>
  <si>
    <t>buurten.426810d2-1487-48d3-9f72-0f40728b409b</t>
  </si>
  <si>
    <t>BU19591403</t>
  </si>
  <si>
    <t>2021BU19591403</t>
  </si>
  <si>
    <t>buurten.3f19e7d4-9da6-43ab-9f03-e632911259dd</t>
  </si>
  <si>
    <t>BU19591491</t>
  </si>
  <si>
    <t>Buitengebied Wijk en Aalburg oost</t>
  </si>
  <si>
    <t>2021BU19591491</t>
  </si>
  <si>
    <t>buurten.0f8cb21a-b451-4abe-b659-3283c8b28d0b</t>
  </si>
  <si>
    <t>BU19591492</t>
  </si>
  <si>
    <t>Buitengebied Wijk en Aalburg west</t>
  </si>
  <si>
    <t>2021BU19591492</t>
  </si>
  <si>
    <t>buurten.cd344361-65f5-41b7-8565-a46d26bd0c0c</t>
  </si>
  <si>
    <t>BU19591501</t>
  </si>
  <si>
    <t>Babyloniënbroek</t>
  </si>
  <si>
    <t>WK195915</t>
  </si>
  <si>
    <t>2021BU19591501</t>
  </si>
  <si>
    <t>buurten.e24c84a2-eea6-4593-baf6-bd391b66693f</t>
  </si>
  <si>
    <t>BU19591591</t>
  </si>
  <si>
    <t>Buitengebied Babyloniënbroek</t>
  </si>
  <si>
    <t>2021BU19591591</t>
  </si>
  <si>
    <t>buurten.2014a711-9ee0-465f-b1e8-48571cbf3b2e</t>
  </si>
  <si>
    <t>BU19591601</t>
  </si>
  <si>
    <t>Meeuwen</t>
  </si>
  <si>
    <t>WK195916</t>
  </si>
  <si>
    <t>2021BU19591601</t>
  </si>
  <si>
    <t>buurten.37fd6729-eadd-495d-b46f-69c5317592b3</t>
  </si>
  <si>
    <t>BU19591691</t>
  </si>
  <si>
    <t>Buitengebied Meeuwen</t>
  </si>
  <si>
    <t>2021BU19591691</t>
  </si>
  <si>
    <t>buurten.3739dfbb-1778-4153-ac82-018fecb2d9f1</t>
  </si>
  <si>
    <t>BU19591701</t>
  </si>
  <si>
    <t>Eethen</t>
  </si>
  <si>
    <t>WK195917</t>
  </si>
  <si>
    <t>2021BU19591701</t>
  </si>
  <si>
    <t>buurten.4eb6f82a-2494-4707-b462-e2ba96b48024</t>
  </si>
  <si>
    <t>BU19591791</t>
  </si>
  <si>
    <t>Buitengebied Eethen</t>
  </si>
  <si>
    <t>2021BU19591791</t>
  </si>
  <si>
    <t>buurten.a1883d9c-007e-4d01-9727-cb8bdc43c4bf</t>
  </si>
  <si>
    <t>BU19591801</t>
  </si>
  <si>
    <t>Drongelen</t>
  </si>
  <si>
    <t>WK195918</t>
  </si>
  <si>
    <t>2021BU19591801</t>
  </si>
  <si>
    <t>buurten.132affcb-5e45-47bf-8fa1-a0646e411bbb</t>
  </si>
  <si>
    <t>BU19591891</t>
  </si>
  <si>
    <t>Buitengebied Drongelen</t>
  </si>
  <si>
    <t>2021BU19591891</t>
  </si>
  <si>
    <t>buurten.0f46c9da-3abb-4f42-b1be-2d6ab798dd72</t>
  </si>
  <si>
    <t>BU19591901</t>
  </si>
  <si>
    <t>Genderen</t>
  </si>
  <si>
    <t>WK195919</t>
  </si>
  <si>
    <t>2021BU19591901</t>
  </si>
  <si>
    <t>buurten.19f0db06-dc90-4ffd-81f5-b1a6d24f7314</t>
  </si>
  <si>
    <t>BU19591991</t>
  </si>
  <si>
    <t>Buitengebied Genderen</t>
  </si>
  <si>
    <t>2021BU19591991</t>
  </si>
  <si>
    <t>buurten.4afa5735-38f2-4e87-a54a-cfae3bb244f1</t>
  </si>
  <si>
    <t>BU19600000</t>
  </si>
  <si>
    <t>Geldermalsen Centrum</t>
  </si>
  <si>
    <t>WK196000</t>
  </si>
  <si>
    <t>GM1960</t>
  </si>
  <si>
    <t>West Betuwe</t>
  </si>
  <si>
    <t>2021BU19600000</t>
  </si>
  <si>
    <t>buurten.6e584866-b9fb-4839-9eab-57b51df46ecc</t>
  </si>
  <si>
    <t>BU19600001</t>
  </si>
  <si>
    <t>Geldermalsen Middengebied</t>
  </si>
  <si>
    <t>2021BU19600001</t>
  </si>
  <si>
    <t>buurten.0ffdcda4-0135-4394-aa59-889a4fa6156a</t>
  </si>
  <si>
    <t>BU19600002</t>
  </si>
  <si>
    <t>Geldermalsen West</t>
  </si>
  <si>
    <t>2021BU19600002</t>
  </si>
  <si>
    <t>buurten.2dce8b88-d29f-4667-b0a2-3f3a224b6faf</t>
  </si>
  <si>
    <t>BU19600003</t>
  </si>
  <si>
    <t>Geldermalsen Oost</t>
  </si>
  <si>
    <t>2021BU19600003</t>
  </si>
  <si>
    <t>buurten.660edb83-4523-46ed-9d98-610fffc86988</t>
  </si>
  <si>
    <t>BU19600004</t>
  </si>
  <si>
    <t>Geldermalsen Zuid</t>
  </si>
  <si>
    <t>2021BU19600004</t>
  </si>
  <si>
    <t>buurten.622d6f05-a67a-4043-9171-cb8c89df7dfe</t>
  </si>
  <si>
    <t>BU19600005</t>
  </si>
  <si>
    <t>Verspreide huizen Zuidzijde</t>
  </si>
  <si>
    <t>2021BU19600005</t>
  </si>
  <si>
    <t>buurten.82e8e36c-27c3-4684-a5ba-b66e1a906e59</t>
  </si>
  <si>
    <t>BU19600006</t>
  </si>
  <si>
    <t>2021BU19600006</t>
  </si>
  <si>
    <t>buurten.ed2a92b9-895d-4138-ab77-1f950a4254c5</t>
  </si>
  <si>
    <t>BU19600007</t>
  </si>
  <si>
    <t>2021BU19600007</t>
  </si>
  <si>
    <t>buurten.447ac23e-6c6a-4c7a-b88b-d3da820400a1</t>
  </si>
  <si>
    <t>BU19600008</t>
  </si>
  <si>
    <t>Geldermalsen e.o.</t>
  </si>
  <si>
    <t>2021BU19600008</t>
  </si>
  <si>
    <t>buurten.de5a0f00-745d-4fe0-84a0-7d1d176f2243</t>
  </si>
  <si>
    <t>BU19600009</t>
  </si>
  <si>
    <t>2021BU19600009</t>
  </si>
  <si>
    <t>buurten.94ad9dee-6086-4ae3-8903-9f0750a889fe</t>
  </si>
  <si>
    <t>BU19600100</t>
  </si>
  <si>
    <t>Deil</t>
  </si>
  <si>
    <t>WK196001</t>
  </si>
  <si>
    <t>2021BU19600100</t>
  </si>
  <si>
    <t>buurten.00ed4cde-0347-47e1-aade-d7d80de28ea8</t>
  </si>
  <si>
    <t>BU19600101</t>
  </si>
  <si>
    <t>Enspijk</t>
  </si>
  <si>
    <t>2021BU19600101</t>
  </si>
  <si>
    <t>buurten.2ccaa963-10d5-4674-9c90-f9140f7d38af</t>
  </si>
  <si>
    <t>aardgasvrij in 2050, een reductie van 55 % CO2 in 2030</t>
  </si>
  <si>
    <t>DC196001</t>
  </si>
  <si>
    <t>Transitievisie Warmte West-Betuwe</t>
  </si>
  <si>
    <t>warmte moet betaalbaar, betrouwbaar en toegankelijk zijn voor iedereen</t>
  </si>
  <si>
    <t>eerste aanzet om West Betuwe in 2050 aardgasvrij te krijgen, door plannen op maat te maken in samenwerking met onze inwoners, ondernemers en andere belanghebbenden</t>
  </si>
  <si>
    <t>https://gemeenteraad.westbetuwe.nl/Vergaderingen/Beeldvormende-vergadering-en/2021/14-december/20:00/Transitievisie-Warmte-college-26-oktober-2021-272086.pdf</t>
  </si>
  <si>
    <t>PL1960010001</t>
  </si>
  <si>
    <t>Pilot Enspijk</t>
  </si>
  <si>
    <t>kijken of gebruik van warmte uit de Linge een optie is om Enspijk aardgasvrij te maken</t>
  </si>
  <si>
    <t>thermische energie uit oppervlaktewater (TEO)</t>
  </si>
  <si>
    <t>BU19600102</t>
  </si>
  <si>
    <t>Rumpt</t>
  </si>
  <si>
    <t>2021BU19600102</t>
  </si>
  <si>
    <t>buurten.da99d808-c69b-438e-b05f-ae3eaa5ea7c3</t>
  </si>
  <si>
    <t>BU19600103</t>
  </si>
  <si>
    <t>Gellicum</t>
  </si>
  <si>
    <t>2021BU19600103</t>
  </si>
  <si>
    <t>buurten.d888cb9a-0fb0-4351-8805-2dfdbfa4da69</t>
  </si>
  <si>
    <t>BU19600106</t>
  </si>
  <si>
    <t>Gellicum e.o.</t>
  </si>
  <si>
    <t>2021BU19600106</t>
  </si>
  <si>
    <t>buurten.3a90836b-732b-4bf9-912d-56bbe729b260</t>
  </si>
  <si>
    <t>BU19600107</t>
  </si>
  <si>
    <t>Rumpt e.o.</t>
  </si>
  <si>
    <t>2021BU19600107</t>
  </si>
  <si>
    <t>buurten.ce5ad73b-f5db-4eb1-914d-eee8f460e501</t>
  </si>
  <si>
    <t>BU19600108</t>
  </si>
  <si>
    <t>Enspijk e.o.</t>
  </si>
  <si>
    <t>2021BU19600108</t>
  </si>
  <si>
    <t>buurten.0bd78764-038c-45c3-bb32-bb12cd63e34b</t>
  </si>
  <si>
    <t>BU19600109</t>
  </si>
  <si>
    <t>Deil e.o.</t>
  </si>
  <si>
    <t>2021BU19600109</t>
  </si>
  <si>
    <t>buurten.586896ba-73f1-4a81-8019-9837942fb2b5</t>
  </si>
  <si>
    <t>BU19600200</t>
  </si>
  <si>
    <t>Beesd West</t>
  </si>
  <si>
    <t>WK196002</t>
  </si>
  <si>
    <t>2021BU19600200</t>
  </si>
  <si>
    <t>buurten.5a8e6f37-17b6-4d55-9c13-d11b0581eae4</t>
  </si>
  <si>
    <t>BU19600201</t>
  </si>
  <si>
    <t>Beesd Oost</t>
  </si>
  <si>
    <t>2021BU19600201</t>
  </si>
  <si>
    <t>buurten.6c73fc9d-e7ab-44b2-bf9b-73c4a5d91d22</t>
  </si>
  <si>
    <t>BU19600202</t>
  </si>
  <si>
    <t>Rhenoy</t>
  </si>
  <si>
    <t>2021BU19600202</t>
  </si>
  <si>
    <t>buurten.3fca3f4a-9974-4a9f-93a9-f2cec9fbb6a0</t>
  </si>
  <si>
    <t>BU19600203</t>
  </si>
  <si>
    <t>Acquoy</t>
  </si>
  <si>
    <t>2021BU19600203</t>
  </si>
  <si>
    <t>buurten.8b67a655-c397-488b-90e7-b1a807b37e48</t>
  </si>
  <si>
    <t>BU19600207</t>
  </si>
  <si>
    <t>Aquoy e.o.</t>
  </si>
  <si>
    <t>2021BU19600207</t>
  </si>
  <si>
    <t>buurten.f2f36e2a-88d1-41bd-85a5-cc77be333715</t>
  </si>
  <si>
    <t>BU19600208</t>
  </si>
  <si>
    <t>Rhenoy e.o.</t>
  </si>
  <si>
    <t>2021BU19600208</t>
  </si>
  <si>
    <t>buurten.b8378465-a93d-4e65-b4c9-d5ce526d7597</t>
  </si>
  <si>
    <t>BU19600209</t>
  </si>
  <si>
    <t>Beesd e.o.</t>
  </si>
  <si>
    <t>2021BU19600209</t>
  </si>
  <si>
    <t>buurten.2c003f44-3b41-4ada-9a66-3af0b074272f</t>
  </si>
  <si>
    <t>BU19600300</t>
  </si>
  <si>
    <t>Buurmalsen</t>
  </si>
  <si>
    <t>WK196003</t>
  </si>
  <si>
    <t>2021BU19600300</t>
  </si>
  <si>
    <t>buurten.0457db36-bb94-4e66-8174-4425e1f70395</t>
  </si>
  <si>
    <t>BU19600301</t>
  </si>
  <si>
    <t>Tricht</t>
  </si>
  <si>
    <t>2021BU19600301</t>
  </si>
  <si>
    <t>buurten.a0084778-6818-4598-abf2-fb836ba16632</t>
  </si>
  <si>
    <t>BU19600308</t>
  </si>
  <si>
    <t>Tricht e.o.</t>
  </si>
  <si>
    <t>2021BU19600308</t>
  </si>
  <si>
    <t>buurten.ac5ed0f9-8aa4-42d0-ac34-bf9fe6627b48</t>
  </si>
  <si>
    <t>BU19600309</t>
  </si>
  <si>
    <t>Buurmalsen e.o.</t>
  </si>
  <si>
    <t>2021BU19600309</t>
  </si>
  <si>
    <t>buurten.22eb1dad-4e21-48fe-9359-a1c9da471dd0</t>
  </si>
  <si>
    <t>BU19600400</t>
  </si>
  <si>
    <t>Meteren</t>
  </si>
  <si>
    <t>WK196004</t>
  </si>
  <si>
    <t>2021BU19600400</t>
  </si>
  <si>
    <t>buurten.ad13afa0-bf15-40db-b4c8-51e82644a635</t>
  </si>
  <si>
    <t>BU19600401</t>
  </si>
  <si>
    <t>Meteren - Kalenberg</t>
  </si>
  <si>
    <t>2021BU19600401</t>
  </si>
  <si>
    <t>buurten.ebdf34d8-d2c2-46d5-bbc9-f54d0b8820b7</t>
  </si>
  <si>
    <t>BU19600402</t>
  </si>
  <si>
    <t>Meteren - De Plantage</t>
  </si>
  <si>
    <t>2021BU19600402</t>
  </si>
  <si>
    <t>buurten.3691a0ef-e2ca-4453-88a9-807c44063baf</t>
  </si>
  <si>
    <t>BU19600403</t>
  </si>
  <si>
    <t>Meteren e.o.</t>
  </si>
  <si>
    <t>2021BU19600403</t>
  </si>
  <si>
    <t>buurten.b3684622-a3de-477f-8553-d97d1abc8393</t>
  </si>
  <si>
    <t>BU19600500</t>
  </si>
  <si>
    <t>Haaften</t>
  </si>
  <si>
    <t>WK196005</t>
  </si>
  <si>
    <t>2021BU19600500</t>
  </si>
  <si>
    <t>buurten.bdf2f046-e433-4a19-801e-a81ac211c186</t>
  </si>
  <si>
    <t>BU19600501</t>
  </si>
  <si>
    <t>Tuil</t>
  </si>
  <si>
    <t>2021BU19600501</t>
  </si>
  <si>
    <t>buurten.316f1553-2061-4b99-9521-65b503646915</t>
  </si>
  <si>
    <t>BU19600502</t>
  </si>
  <si>
    <t>Hellouw</t>
  </si>
  <si>
    <t>2021BU19600502</t>
  </si>
  <si>
    <t>buurten.813eb75d-b2de-446a-840b-1e76d9017bc3</t>
  </si>
  <si>
    <t>BU19600507</t>
  </si>
  <si>
    <t>Verspreide huizen Tuil</t>
  </si>
  <si>
    <t>2021BU19600507</t>
  </si>
  <si>
    <t>buurten.e4edc755-c91e-40fb-95ed-48ea10c0fe2c</t>
  </si>
  <si>
    <t>BU19600508</t>
  </si>
  <si>
    <t>Verspreide huizen Hellouw</t>
  </si>
  <si>
    <t>2021BU19600508</t>
  </si>
  <si>
    <t>buurten.2b7e9ca2-153c-4250-af6b-d6cee1a3dcb0</t>
  </si>
  <si>
    <t>BU19600509</t>
  </si>
  <si>
    <t>Verspreide huizen Haaften</t>
  </si>
  <si>
    <t>2021BU19600509</t>
  </si>
  <si>
    <t>buurten.a980e551-e5b4-4ded-8666-8fd19b255c4c</t>
  </si>
  <si>
    <t>BU19600600</t>
  </si>
  <si>
    <t>Waardenburg</t>
  </si>
  <si>
    <t>WK196006</t>
  </si>
  <si>
    <t>2021BU19600600</t>
  </si>
  <si>
    <t>buurten.3afbdb71-9087-4d4f-bf77-6b1f77fee529</t>
  </si>
  <si>
    <t>BU19600601</t>
  </si>
  <si>
    <t>Waardenburg-West</t>
  </si>
  <si>
    <t>2021BU19600601</t>
  </si>
  <si>
    <t>buurten.de95ae66-72d8-4277-9f47-bf7d4bac3d28</t>
  </si>
  <si>
    <t>BU19600602</t>
  </si>
  <si>
    <t>Neerijnen</t>
  </si>
  <si>
    <t>2021BU19600602</t>
  </si>
  <si>
    <t>buurten.77feea13-9c04-4606-9319-1074671447ac</t>
  </si>
  <si>
    <t>BU19600603</t>
  </si>
  <si>
    <t>Opijnen</t>
  </si>
  <si>
    <t>2021BU19600603</t>
  </si>
  <si>
    <t>buurten.a2db1aac-e2ac-4e97-92f7-55827fac0b80</t>
  </si>
  <si>
    <t>BU19600604</t>
  </si>
  <si>
    <t>Est</t>
  </si>
  <si>
    <t>2021BU19600604</t>
  </si>
  <si>
    <t>buurten.d4fec88d-8087-488a-b337-5f21df4cd792</t>
  </si>
  <si>
    <t>BU19600606</t>
  </si>
  <si>
    <t>Verspreide huizen Est</t>
  </si>
  <si>
    <t>2021BU19600606</t>
  </si>
  <si>
    <t>buurten.21a109c4-8bcc-4a13-9656-dcb56ac61363</t>
  </si>
  <si>
    <t>BU19600607</t>
  </si>
  <si>
    <t>Verspreide huizen Opijnen</t>
  </si>
  <si>
    <t>2021BU19600607</t>
  </si>
  <si>
    <t>buurten.2c44b43c-1c71-41af-9b99-56e78ddb9d31</t>
  </si>
  <si>
    <t>BU19600608</t>
  </si>
  <si>
    <t>Verspreide huizen Neerijnen</t>
  </si>
  <si>
    <t>2021BU19600608</t>
  </si>
  <si>
    <t>buurten.be0104ce-aa6f-4bce-bd4f-fd9dada93077</t>
  </si>
  <si>
    <t>BU19600609</t>
  </si>
  <si>
    <t>Verspreide huizen Waardenburg</t>
  </si>
  <si>
    <t>2021BU19600609</t>
  </si>
  <si>
    <t>buurten.4710b984-102d-4896-9b1a-3be9b29d0fe2</t>
  </si>
  <si>
    <t>BU19600700</t>
  </si>
  <si>
    <t>Ophemert</t>
  </si>
  <si>
    <t>WK196007</t>
  </si>
  <si>
    <t>2021BU19600700</t>
  </si>
  <si>
    <t>buurten.aa242f86-8d87-4bd0-8f6e-0fa21f5c2245</t>
  </si>
  <si>
    <t>Dorpen  Buurtwarmte</t>
  </si>
  <si>
    <t>BU19600701</t>
  </si>
  <si>
    <t>Varik</t>
  </si>
  <si>
    <t>2021BU19600701</t>
  </si>
  <si>
    <t>buurten.46423dd3-ee45-490a-ad70-9089de0386d8</t>
  </si>
  <si>
    <t>BU19600702</t>
  </si>
  <si>
    <t>Heesselt</t>
  </si>
  <si>
    <t>2021BU19600702</t>
  </si>
  <si>
    <t>buurten.309b89f9-2dad-4d6a-8a0d-23717ef14638</t>
  </si>
  <si>
    <t>BU19600707</t>
  </si>
  <si>
    <t>Verspreide huizen Heesselt</t>
  </si>
  <si>
    <t>2021BU19600707</t>
  </si>
  <si>
    <t>buurten.bfd5ec93-58dc-4e43-bc79-13a3191013f1</t>
  </si>
  <si>
    <t>BU19600708</t>
  </si>
  <si>
    <t>Verspreide huizen Varik</t>
  </si>
  <si>
    <t>2021BU19600708</t>
  </si>
  <si>
    <t>buurten.63db5021-3724-400d-828f-8a7d50620fc1</t>
  </si>
  <si>
    <t>BU19600709</t>
  </si>
  <si>
    <t>Verspreide huizen Ophemert</t>
  </si>
  <si>
    <t>2021BU19600709</t>
  </si>
  <si>
    <t>buurten.ddee9bf3-f135-4da8-a55c-be0b979321e4</t>
  </si>
  <si>
    <t>BU19600800</t>
  </si>
  <si>
    <t>Asperen Oude Kern</t>
  </si>
  <si>
    <t>WK196008</t>
  </si>
  <si>
    <t>2021BU19600800</t>
  </si>
  <si>
    <t>buurten.4dcb04f6-85a5-41f8-914f-0c6b2a1239c4</t>
  </si>
  <si>
    <t>BU19600801</t>
  </si>
  <si>
    <t>Westelijke uitbreiding Asperen</t>
  </si>
  <si>
    <t>2021BU19600801</t>
  </si>
  <si>
    <t>buurten.eb9be02d-1313-42e1-a207-23bb0367a337</t>
  </si>
  <si>
    <t>BU19600802</t>
  </si>
  <si>
    <t>Noord uitbreiding Asperen industrieterrein</t>
  </si>
  <si>
    <t>2021BU19600802</t>
  </si>
  <si>
    <t>buurten.0bb4ef1f-187b-481b-a06a-73e44ff01523</t>
  </si>
  <si>
    <t>BU19600809</t>
  </si>
  <si>
    <t>Verspreide huizen Asperen</t>
  </si>
  <si>
    <t>2021BU19600809</t>
  </si>
  <si>
    <t>buurten.ff5a42d1-dfe7-4daa-b5c3-2c75f5bf64f1</t>
  </si>
  <si>
    <t>BU19600900</t>
  </si>
  <si>
    <t>Heukelum Oude Kern</t>
  </si>
  <si>
    <t>WK196009</t>
  </si>
  <si>
    <t>2021BU19600900</t>
  </si>
  <si>
    <t>buurten.9cd72e43-0248-4ed1-8572-1c734b1bdcd5</t>
  </si>
  <si>
    <t>BU19600901</t>
  </si>
  <si>
    <t>Uitbreiding Heukelum</t>
  </si>
  <si>
    <t>2021BU19600901</t>
  </si>
  <si>
    <t>buurten.26369b1b-276a-4519-a081-e37cc0dc584e</t>
  </si>
  <si>
    <t>BU19600902</t>
  </si>
  <si>
    <t>Spijk en Boveneind Spijk en Vogelswerf</t>
  </si>
  <si>
    <t>2021BU19600902</t>
  </si>
  <si>
    <t>buurten.dd217277-1a08-4861-90a5-8df51a2a54bc</t>
  </si>
  <si>
    <t>BU19600909</t>
  </si>
  <si>
    <t>Verspreide huizen Heukelum en Friezenwijk</t>
  </si>
  <si>
    <t>2021BU19600909</t>
  </si>
  <si>
    <t>buurten.c1fcd795-776c-4ad5-b1ad-63d14e893043</t>
  </si>
  <si>
    <t>BU19601000</t>
  </si>
  <si>
    <t>Vuren</t>
  </si>
  <si>
    <t>WK196010</t>
  </si>
  <si>
    <t>2021BU19601000</t>
  </si>
  <si>
    <t>buurten.7bee7e88-0a97-40ce-91d2-ec9be75c1d45</t>
  </si>
  <si>
    <t>BU19601009</t>
  </si>
  <si>
    <t>Verspreide huizen Vuren</t>
  </si>
  <si>
    <t>2021BU19601009</t>
  </si>
  <si>
    <t>buurten.51eec54a-08db-4d66-ab16-fb2419d6d2a9</t>
  </si>
  <si>
    <t>BU19601100</t>
  </si>
  <si>
    <t>Herwijnen</t>
  </si>
  <si>
    <t>WK196011</t>
  </si>
  <si>
    <t>2021BU19601100</t>
  </si>
  <si>
    <t>buurten.429ea31c-e0ec-44f3-bf8f-0943fda095c3</t>
  </si>
  <si>
    <t>BU19601109</t>
  </si>
  <si>
    <t>Verspreide huizen Herwijnen</t>
  </si>
  <si>
    <t>2021BU19601109</t>
  </si>
  <si>
    <t>buurten.68232b47-5f5f-4872-a931-817dc05ba2ec</t>
  </si>
  <si>
    <t>BU19610101</t>
  </si>
  <si>
    <t>Tienhoven aan de Lek kern</t>
  </si>
  <si>
    <t>WK196101</t>
  </si>
  <si>
    <t>2021BU19610101</t>
  </si>
  <si>
    <t>buurten.69070515-7972-40cf-9474-a93827b9a2c7</t>
  </si>
  <si>
    <t>BU19610201</t>
  </si>
  <si>
    <t>Tienhoven aan de Lek buitengebied</t>
  </si>
  <si>
    <t>WK196102</t>
  </si>
  <si>
    <t>2021BU19610201</t>
  </si>
  <si>
    <t>buurten.0c2a71f2-e754-4ab8-85eb-d2f9268c1c7d</t>
  </si>
  <si>
    <t>BU19610202</t>
  </si>
  <si>
    <t>Hogewaard</t>
  </si>
  <si>
    <t>2021BU19610202</t>
  </si>
  <si>
    <t>buurten.74d97253-6434-46cf-b69c-85fc4e1f964d</t>
  </si>
  <si>
    <t>BU19610301</t>
  </si>
  <si>
    <t>Ameide oude kern</t>
  </si>
  <si>
    <t>WK196103</t>
  </si>
  <si>
    <t>2021BU19610301</t>
  </si>
  <si>
    <t>buurten.f133cec1-96b8-4665-9c04-f095ca691867</t>
  </si>
  <si>
    <t>BU19610302</t>
  </si>
  <si>
    <t>Ameide kern</t>
  </si>
  <si>
    <t>2021BU19610302</t>
  </si>
  <si>
    <t>buurten.9e1d19d9-a6ff-4c8f-a08d-dc383950552d</t>
  </si>
  <si>
    <t>BU19610303</t>
  </si>
  <si>
    <t>Zouwenveld</t>
  </si>
  <si>
    <t>2021BU19610303</t>
  </si>
  <si>
    <t>buurten.557530bc-bd86-4697-8e1a-13491e1f1ed7</t>
  </si>
  <si>
    <t>BU19610401</t>
  </si>
  <si>
    <t>WK196104</t>
  </si>
  <si>
    <t>2021BU19610401</t>
  </si>
  <si>
    <t>buurten.4c5dc9c1-bd13-4a22-8f46-ea7407633cf5</t>
  </si>
  <si>
    <t>BU19610402</t>
  </si>
  <si>
    <t>Ameide buitengebied</t>
  </si>
  <si>
    <t>2021BU19610402</t>
  </si>
  <si>
    <t>buurten.bdb112fd-031f-424f-b98f-451c2c2b2dc5</t>
  </si>
  <si>
    <t>BU19610403</t>
  </si>
  <si>
    <t>Sluis buitengebied</t>
  </si>
  <si>
    <t>2021BU19610403</t>
  </si>
  <si>
    <t>buurten.5c95ae73-005b-4ad0-8795-5f90ea884529</t>
  </si>
  <si>
    <t>BU19610501</t>
  </si>
  <si>
    <t>Meerkerk kern</t>
  </si>
  <si>
    <t>WK196105</t>
  </si>
  <si>
    <t>2021BU19610501</t>
  </si>
  <si>
    <t>buurten.95a777d3-d2da-4e69-911b-2953b4abc4b9</t>
  </si>
  <si>
    <t>BU19610502</t>
  </si>
  <si>
    <t>Meerkerk-Noord</t>
  </si>
  <si>
    <t>2021BU19610502</t>
  </si>
  <si>
    <t>buurten.dc4bf1ab-5828-4352-ac91-9e1de4f6746e</t>
  </si>
  <si>
    <t>BU19610503</t>
  </si>
  <si>
    <t>2021BU19610503</t>
  </si>
  <si>
    <t>buurten.292ee4e7-ac50-46f1-aa3d-01bec711877d</t>
  </si>
  <si>
    <t>BU19610504</t>
  </si>
  <si>
    <t>Meerkerk bedrijventerrein</t>
  </si>
  <si>
    <t>2021BU19610504</t>
  </si>
  <si>
    <t>buurten.a665a9dc-43c4-47f4-97f6-27fea5d1f321</t>
  </si>
  <si>
    <t>BU19610601</t>
  </si>
  <si>
    <t>Meerkerk buitengebied</t>
  </si>
  <si>
    <t>WK196106</t>
  </si>
  <si>
    <t>2021BU19610601</t>
  </si>
  <si>
    <t>buurten.e77ffe65-9c17-4306-ab85-57cdd4c65bf2</t>
  </si>
  <si>
    <t>BU19610602</t>
  </si>
  <si>
    <t>2021BU19610602</t>
  </si>
  <si>
    <t>buurten.9d32f015-3de5-450b-ae7e-b20e43b5554e</t>
  </si>
  <si>
    <t>BU19610701</t>
  </si>
  <si>
    <t>Lexmond kern</t>
  </si>
  <si>
    <t>WK196107</t>
  </si>
  <si>
    <t>2021BU19610701</t>
  </si>
  <si>
    <t>buurten.298ae119-4818-496d-8feb-a01786c38427</t>
  </si>
  <si>
    <t>BU19610801</t>
  </si>
  <si>
    <t>Lexmond buitengebied</t>
  </si>
  <si>
    <t>WK196108</t>
  </si>
  <si>
    <t>2021BU19610801</t>
  </si>
  <si>
    <t>buurten.9e552abb-a6be-4c03-8ab9-4604b50b8716</t>
  </si>
  <si>
    <t>BU19610802</t>
  </si>
  <si>
    <t>Achthoven</t>
  </si>
  <si>
    <t>2021BU19610802</t>
  </si>
  <si>
    <t>buurten.d1cce75f-694a-4ddb-8525-bb48dc02ea7c</t>
  </si>
  <si>
    <t>BU19610803</t>
  </si>
  <si>
    <t>Lakerveld</t>
  </si>
  <si>
    <t>2021BU19610803</t>
  </si>
  <si>
    <t>buurten.a073e2eb-d884-4567-baa0-d4454d08a8da</t>
  </si>
  <si>
    <t>BU19610901</t>
  </si>
  <si>
    <t>Nieuwland kern</t>
  </si>
  <si>
    <t>WK196109</t>
  </si>
  <si>
    <t>2021BU19610901</t>
  </si>
  <si>
    <t>buurten.3e82b168-408c-4b9f-b5e2-d61912fb1d2d</t>
  </si>
  <si>
    <t>BU19611001</t>
  </si>
  <si>
    <t>Nieuwland buitengebied</t>
  </si>
  <si>
    <t>WK196110</t>
  </si>
  <si>
    <t>2021BU19611001</t>
  </si>
  <si>
    <t>buurten.a1045a36-2e02-47ed-84cb-d816ecdb4a2a</t>
  </si>
  <si>
    <t>BU19611002</t>
  </si>
  <si>
    <t>Geer</t>
  </si>
  <si>
    <t>2021BU19611002</t>
  </si>
  <si>
    <t>buurten.ecea8b9a-0380-40c9-92cd-c25966a9fb16</t>
  </si>
  <si>
    <t>BU19611003</t>
  </si>
  <si>
    <t>Achterdijk</t>
  </si>
  <si>
    <t>2021BU19611003</t>
  </si>
  <si>
    <t>buurten.d86ae2fd-c72a-4aaa-9c9f-8f804a3bd728</t>
  </si>
  <si>
    <t>BU19611101</t>
  </si>
  <si>
    <t>Leerbroek kern</t>
  </si>
  <si>
    <t>WK196111</t>
  </si>
  <si>
    <t>2021BU19611101</t>
  </si>
  <si>
    <t>buurten.cf2155ec-6cd5-4622-b84e-b35310553ac6</t>
  </si>
  <si>
    <t>BU19611201</t>
  </si>
  <si>
    <t>Leerbroek buitengebied</t>
  </si>
  <si>
    <t>WK196112</t>
  </si>
  <si>
    <t>2021BU19611201</t>
  </si>
  <si>
    <t>buurten.2116153b-83ae-48ab-836c-059ee13bd7b7</t>
  </si>
  <si>
    <t>BU19611202</t>
  </si>
  <si>
    <t>Weverwijk</t>
  </si>
  <si>
    <t>2021BU19611202</t>
  </si>
  <si>
    <t>buurten.1818e3c1-453d-4cb9-b46b-da118751dd52</t>
  </si>
  <si>
    <t>BU19611203</t>
  </si>
  <si>
    <t>Middelkoop</t>
  </si>
  <si>
    <t>2021BU19611203</t>
  </si>
  <si>
    <t>buurten.f038505a-f252-4cd2-8b49-711d4cb98bc7</t>
  </si>
  <si>
    <t>BU19611301</t>
  </si>
  <si>
    <t>Kedichem kern</t>
  </si>
  <si>
    <t>WK196113</t>
  </si>
  <si>
    <t>2021BU19611301</t>
  </si>
  <si>
    <t>buurten.4db5185e-bbd8-44e0-a3ce-89b12ed01bce</t>
  </si>
  <si>
    <t>BU19611401</t>
  </si>
  <si>
    <t>Kedichem buitengebied</t>
  </si>
  <si>
    <t>WK196114</t>
  </si>
  <si>
    <t>2021BU19611401</t>
  </si>
  <si>
    <t>buurten.e4bd3601-c7d8-487c-9663-6e2ed127007d</t>
  </si>
  <si>
    <t>BU19611501</t>
  </si>
  <si>
    <t>Hei- en Boeicop kern</t>
  </si>
  <si>
    <t>WK196115</t>
  </si>
  <si>
    <t>2021BU19611501</t>
  </si>
  <si>
    <t>buurten.9bd633f3-f359-466b-9d7a-d2c30e1c537e</t>
  </si>
  <si>
    <t>BU19611601</t>
  </si>
  <si>
    <t>Hei- en Boeicop buitengebied</t>
  </si>
  <si>
    <t>WK196116</t>
  </si>
  <si>
    <t>2021BU19611601</t>
  </si>
  <si>
    <t>buurten.0c55dc46-9d6c-430e-98e8-936e9eed89e4</t>
  </si>
  <si>
    <t>BU19611701</t>
  </si>
  <si>
    <t>WK196117</t>
  </si>
  <si>
    <t>2021BU19611701</t>
  </si>
  <si>
    <t>buurten.0e735509-71a7-4101-ae4c-46c3f5c14c13</t>
  </si>
  <si>
    <t>BU19611801</t>
  </si>
  <si>
    <t>Amaliastein</t>
  </si>
  <si>
    <t>WK196118</t>
  </si>
  <si>
    <t>2021BU19611801</t>
  </si>
  <si>
    <t>buurten.28770e53-ed47-44a4-b037-65c9330bc07e</t>
  </si>
  <si>
    <t>BU19611901</t>
  </si>
  <si>
    <t>Monnikenhof</t>
  </si>
  <si>
    <t>WK196119</t>
  </si>
  <si>
    <t>2021BU19611901</t>
  </si>
  <si>
    <t>buurten.9ca2f12d-1bcf-4b50-86f3-8df285be156a</t>
  </si>
  <si>
    <t>BU19611902</t>
  </si>
  <si>
    <t>Molenbuurt I</t>
  </si>
  <si>
    <t>2021BU19611902</t>
  </si>
  <si>
    <t>buurten.e2a9cde2-6575-4697-8619-3113dc9140be</t>
  </si>
  <si>
    <t>BU19611903</t>
  </si>
  <si>
    <t>Molenbuurt II</t>
  </si>
  <si>
    <t>2021BU19611903</t>
  </si>
  <si>
    <t>buurten.f232c69e-a607-4b92-beb9-d2520413e4ae</t>
  </si>
  <si>
    <t>PL1961010001</t>
  </si>
  <si>
    <t>Industrieterrein De Biezen en De Hagen</t>
  </si>
  <si>
    <t>In het noordelijke deel, de Hagen wordt mogelijk een transformatie ingezet naar woningbouw. Deze transformatie kan een impuls geven aan de ambities om energie collectief te organiseren.</t>
  </si>
  <si>
    <t>Er zijn ongeveer 300 gebouwen die samen een warmtevraag van 6.000 woningen vertegenwoordigen. Ook is het bedrijventerrein georganiseerd en er is parkmanagement aanwezig. Dit maakt het mogelijk om collectieve verbeteringen professioneel te organiseren. Op</t>
  </si>
  <si>
    <t>Restwarmte mogelijk</t>
  </si>
  <si>
    <t>BU19611904</t>
  </si>
  <si>
    <t>Helsdingen</t>
  </si>
  <si>
    <t>2021BU19611904</t>
  </si>
  <si>
    <t>buurten.45dc7520-a660-4274-9a2d-287ff7715014</t>
  </si>
  <si>
    <t>BU19611905</t>
  </si>
  <si>
    <t>Monnikenhof sportcomplex</t>
  </si>
  <si>
    <t>2021BU19611905</t>
  </si>
  <si>
    <t>buurten.8c203381-a030-442d-b005-aec0959f0d3a</t>
  </si>
  <si>
    <t>BU19612001</t>
  </si>
  <si>
    <t>De Hagen (bedrijventerrein)</t>
  </si>
  <si>
    <t>WK196120</t>
  </si>
  <si>
    <t>2021BU19612001</t>
  </si>
  <si>
    <t>buurten.ed5529c8-169f-49e4-8eb5-e0a268c06462</t>
  </si>
  <si>
    <t>BU19612002</t>
  </si>
  <si>
    <t>2021BU19612002</t>
  </si>
  <si>
    <t>buurten.705ac430-33ac-4237-97f2-2df58b4cf833</t>
  </si>
  <si>
    <t>BU19612003</t>
  </si>
  <si>
    <t>Gaasperwaard</t>
  </si>
  <si>
    <t>2021BU19612003</t>
  </si>
  <si>
    <t>buurten.860b8f8f-e022-48a3-a275-8e862f03b51e</t>
  </si>
  <si>
    <t>BU19612101</t>
  </si>
  <si>
    <t>Vianen binnenstad</t>
  </si>
  <si>
    <t>WK196121</t>
  </si>
  <si>
    <t>2021BU19612101</t>
  </si>
  <si>
    <t>buurten.cafe1847-32e3-416d-8cd2-06b9d769f697</t>
  </si>
  <si>
    <t>BU19612102</t>
  </si>
  <si>
    <t>Zederik-Noord</t>
  </si>
  <si>
    <t>2021BU19612102</t>
  </si>
  <si>
    <t>buurten.630a256b-487f-4470-9bf6-6cddab7f7243</t>
  </si>
  <si>
    <t>BU19612103</t>
  </si>
  <si>
    <t>Zederik-Zuid</t>
  </si>
  <si>
    <t>2021BU19612103</t>
  </si>
  <si>
    <t>buurten.233ac8f0-6e00-4765-ab04-2368c520b368</t>
  </si>
  <si>
    <t>BU19612104</t>
  </si>
  <si>
    <t>2021BU19612104</t>
  </si>
  <si>
    <t>buurten.162a3972-1ec3-4be3-af86-6bacacefb564</t>
  </si>
  <si>
    <t>BU19612105</t>
  </si>
  <si>
    <t>Blankenborch</t>
  </si>
  <si>
    <t>2021BU19612105</t>
  </si>
  <si>
    <t>buurten.1386308c-956e-4c56-b4c9-b8e07cf3d790</t>
  </si>
  <si>
    <t>BU19612106</t>
  </si>
  <si>
    <t>Sluiseiland</t>
  </si>
  <si>
    <t>2021BU19612106</t>
  </si>
  <si>
    <t>buurten.1702f329-5869-4d0c-aa22-e318d664d310</t>
  </si>
  <si>
    <t>BU19612201</t>
  </si>
  <si>
    <t>De Vijfheerenlanden</t>
  </si>
  <si>
    <t>WK196122</t>
  </si>
  <si>
    <t>2021BU19612201</t>
  </si>
  <si>
    <t>buurten.23256970-13b7-4a6c-a668-123719b8ebdd</t>
  </si>
  <si>
    <t>BU19612202</t>
  </si>
  <si>
    <t>Herenbuurt</t>
  </si>
  <si>
    <t>2021BU19612202</t>
  </si>
  <si>
    <t>buurten.fa0fa329-2091-4cbd-8d71-6618c7afa476</t>
  </si>
  <si>
    <t>BU19612203</t>
  </si>
  <si>
    <t>Vogelbuurt (Vianen)</t>
  </si>
  <si>
    <t>2021BU19612203</t>
  </si>
  <si>
    <t>buurten.d99bcace-616f-4d3e-83a5-b38ae5ddb919</t>
  </si>
  <si>
    <t>BU19612204</t>
  </si>
  <si>
    <t>Bomenbuurt (Vianen)</t>
  </si>
  <si>
    <t>2021BU19612204</t>
  </si>
  <si>
    <t>buurten.eeaf8493-cdd0-4d6a-9bb3-51ab10e1cec7</t>
  </si>
  <si>
    <t>BU19612205</t>
  </si>
  <si>
    <t>Batenstein</t>
  </si>
  <si>
    <t>2021BU19612205</t>
  </si>
  <si>
    <t>buurten.e152e77a-efd5-4344-8a26-bd853e14c26b</t>
  </si>
  <si>
    <t>BU19612301</t>
  </si>
  <si>
    <t>Vianen buitengebied noord</t>
  </si>
  <si>
    <t>WK196123</t>
  </si>
  <si>
    <t>2021BU19612301</t>
  </si>
  <si>
    <t>buurten.92f2a306-04fc-4588-ada2-4c0a0484d33c</t>
  </si>
  <si>
    <t>BU19612302</t>
  </si>
  <si>
    <t>Vianen buitengebied zuid</t>
  </si>
  <si>
    <t>2021BU19612302</t>
  </si>
  <si>
    <t>buurten.2018f847-c12c-4522-9b33-259a40d1a502</t>
  </si>
  <si>
    <t>BU19612401</t>
  </si>
  <si>
    <t>WK196124</t>
  </si>
  <si>
    <t>2021BU19612401</t>
  </si>
  <si>
    <t>buurten.7beeedbd-893e-4f2a-bbed-77805541056f</t>
  </si>
  <si>
    <t>PL1961010002</t>
  </si>
  <si>
    <t>Potentieeiland warmtenet in Leerdam-West</t>
  </si>
  <si>
    <t>onderzoekend. Haalbaarheidstudie</t>
  </si>
  <si>
    <t>Nadere gesprekken met de mogelijke warmteleveranciers en een haalbaarheidsstudie is een eerste essentiele stap naar het concretiseren van deze kans. Niet voor al het vastgoed in de wijk ligt een warmtenet voor de hand. Daar zullen individuele oplossingen</t>
  </si>
  <si>
    <t>In Leerdam zijn er kansen voor collectiviteit. Het vastgoed van KleurrijkWonen is gunstig gelegen en er is een vrij hoge dichtheid aan warmtevraag. Dit verklaart, in combinatie met de isolatie van de woningen, dat collectieve warmte hier de laagst maatsc</t>
  </si>
  <si>
    <t>Restwarmte van de glasfabriek en Thermische Energie uit Oppervlaktewater (TEO) liggen voor de hand door de geringe (300m) afstand tot de glasfabriek en het water van de Linge.</t>
  </si>
  <si>
    <t>restwarmte (industrie) en/of aquathermie (TEO)</t>
  </si>
  <si>
    <t>BU19612402</t>
  </si>
  <si>
    <t>Raadsliedenbuurt</t>
  </si>
  <si>
    <t>2021BU19612402</t>
  </si>
  <si>
    <t>buurten.29117791-0e2f-4658-888b-e03acec05858</t>
  </si>
  <si>
    <t>BU19612403</t>
  </si>
  <si>
    <t>Bomenbuurt (Leerdam)</t>
  </si>
  <si>
    <t>2021BU19612403</t>
  </si>
  <si>
    <t>buurten.527365cf-c020-48c3-a0bf-8884628362ad</t>
  </si>
  <si>
    <t>BU19612404</t>
  </si>
  <si>
    <t>Spartaveld</t>
  </si>
  <si>
    <t>2021BU19612404</t>
  </si>
  <si>
    <t>buurten.84db6b15-55af-47e8-a468-b7ca26042de6</t>
  </si>
  <si>
    <t>BU19612405</t>
  </si>
  <si>
    <t>Achter de Pijp</t>
  </si>
  <si>
    <t>2021BU19612405</t>
  </si>
  <si>
    <t>buurten.da282466-25e1-4474-a825-345596f75fc6</t>
  </si>
  <si>
    <t>BU19612406</t>
  </si>
  <si>
    <t>Broekgraaf-Noord</t>
  </si>
  <si>
    <t>2021BU19612406</t>
  </si>
  <si>
    <t>buurten.a58da3ff-fa60-4ef2-acce-18ae422c1524</t>
  </si>
  <si>
    <t>BU19612407</t>
  </si>
  <si>
    <t>Broekgraaf-Zuid</t>
  </si>
  <si>
    <t>2021BU19612407</t>
  </si>
  <si>
    <t>buurten.919a1710-e840-4c89-95ab-9f26faab9395</t>
  </si>
  <si>
    <t>BU19612408</t>
  </si>
  <si>
    <t>Glasfabriek</t>
  </si>
  <si>
    <t>2021BU19612408</t>
  </si>
  <si>
    <t>buurten.4ca7bc8e-5545-4daa-9167-039fb7e32fb9</t>
  </si>
  <si>
    <t>BU19612501</t>
  </si>
  <si>
    <t>WK196125</t>
  </si>
  <si>
    <t>2021BU19612501</t>
  </si>
  <si>
    <t>buurten.3f9c7ea2-8b52-4421-9381-b5bf57f756a9</t>
  </si>
  <si>
    <t>BU19612502</t>
  </si>
  <si>
    <t>2021BU19612502</t>
  </si>
  <si>
    <t>buurten.e33d1767-5d97-41a5-826f-a9d58eb914fc</t>
  </si>
  <si>
    <t>BU19612503</t>
  </si>
  <si>
    <t>Vogelbuurt (Leerdam)</t>
  </si>
  <si>
    <t>2021BU19612503</t>
  </si>
  <si>
    <t>buurten.530ea905-1e68-46d8-ad2a-0356590c55c3</t>
  </si>
  <si>
    <t>BU19612504</t>
  </si>
  <si>
    <t>2021BU19612504</t>
  </si>
  <si>
    <t>buurten.5858c6fd-9fed-4c28-baf8-2d3121dbaae4</t>
  </si>
  <si>
    <t>BU19612505</t>
  </si>
  <si>
    <t>Drossaardsbuurt</t>
  </si>
  <si>
    <t>2021BU19612505</t>
  </si>
  <si>
    <t>buurten.27ec65da-041f-4bcd-8160-7f556efd6f35</t>
  </si>
  <si>
    <t>BU19612601</t>
  </si>
  <si>
    <t>Leerdam centrum</t>
  </si>
  <si>
    <t>WK196126</t>
  </si>
  <si>
    <t>2021BU19612601</t>
  </si>
  <si>
    <t>buurten.63789167-f863-4f87-a1d9-7a006b884e68</t>
  </si>
  <si>
    <t>BU19612602</t>
  </si>
  <si>
    <t>Leerdam centrum noord</t>
  </si>
  <si>
    <t>2021BU19612602</t>
  </si>
  <si>
    <t>buurten.9b5d877c-e6f9-4699-b23a-2c6319477ce2</t>
  </si>
  <si>
    <t>BU19612701</t>
  </si>
  <si>
    <t>WK196127</t>
  </si>
  <si>
    <t>2021BU19612701</t>
  </si>
  <si>
    <t>buurten.fa3ace14-21bd-43b3-b131-80c1f3c1754a</t>
  </si>
  <si>
    <t>BU19612702</t>
  </si>
  <si>
    <t>Oranjebuurt-Zuid</t>
  </si>
  <si>
    <t>2021BU19612702</t>
  </si>
  <si>
    <t>buurten.23b2d47b-986f-4a0d-98d9-f23de909a31b</t>
  </si>
  <si>
    <t>BU19612703</t>
  </si>
  <si>
    <t>Oranjebuurt-Noord</t>
  </si>
  <si>
    <t>2021BU19612703</t>
  </si>
  <si>
    <t>buurten.6bf95d00-a452-4e99-ba62-6da6a4f3b6be</t>
  </si>
  <si>
    <t>BU19612801</t>
  </si>
  <si>
    <t>Nieuw Schaik</t>
  </si>
  <si>
    <t>WK196128</t>
  </si>
  <si>
    <t>2021BU19612801</t>
  </si>
  <si>
    <t>buurten.f24a4b2b-9125-4687-881a-f28cbe036871</t>
  </si>
  <si>
    <t>BU19612901</t>
  </si>
  <si>
    <t>Leerdam buitengebied</t>
  </si>
  <si>
    <t>WK196129</t>
  </si>
  <si>
    <t>2021BU19612901</t>
  </si>
  <si>
    <t>buurten.d3168759-5c6a-4167-b3ec-96e0ce4b0150</t>
  </si>
  <si>
    <t>BU19613001</t>
  </si>
  <si>
    <t>Schoonrewoerd kern</t>
  </si>
  <si>
    <t>WK196130</t>
  </si>
  <si>
    <t>2021BU19613001</t>
  </si>
  <si>
    <t>buurten.948d360f-2066-4f2c-8ee1-779bb3cfe2d9</t>
  </si>
  <si>
    <t>BU19613101</t>
  </si>
  <si>
    <t>Schoonrewoerd buitengebied</t>
  </si>
  <si>
    <t>WK196131</t>
  </si>
  <si>
    <t>2021BU19613101</t>
  </si>
  <si>
    <t>buurten.7fb744f6-b6a0-4d6b-8f3e-61ea88699cdf</t>
  </si>
  <si>
    <t>BU19613201</t>
  </si>
  <si>
    <t>Zijderveld kern</t>
  </si>
  <si>
    <t>WK196132</t>
  </si>
  <si>
    <t>2021BU19613201</t>
  </si>
  <si>
    <t>buurten.aa587a85-3a5d-49df-a0bb-6f3cebaacea8</t>
  </si>
  <si>
    <t>BU19613301</t>
  </si>
  <si>
    <t>Zijderveld buitengebied</t>
  </si>
  <si>
    <t>WK196133</t>
  </si>
  <si>
    <t>2021BU19613301</t>
  </si>
  <si>
    <t>buurten.3564af95-323c-4453-84ca-92c7f1576ba4</t>
  </si>
  <si>
    <t>BU19613401</t>
  </si>
  <si>
    <t>Hagestein kern</t>
  </si>
  <si>
    <t>WK196134</t>
  </si>
  <si>
    <t>2021BU19613401</t>
  </si>
  <si>
    <t>buurten.89d103f1-3700-4500-bf7e-fd53633e07b5</t>
  </si>
  <si>
    <t>BU19613501</t>
  </si>
  <si>
    <t>Hagestein buitengebied noord</t>
  </si>
  <si>
    <t>WK196135</t>
  </si>
  <si>
    <t>2021BU19613501</t>
  </si>
  <si>
    <t>buurten.e752a0fd-ae5f-443f-91ae-159a52ee6009</t>
  </si>
  <si>
    <t>BU19613502</t>
  </si>
  <si>
    <t>Hagestein buitengebied oost</t>
  </si>
  <si>
    <t>2021BU19613502</t>
  </si>
  <si>
    <t>buurten.434601da-4d86-4941-9bba-e7c2db38459e</t>
  </si>
  <si>
    <t>BU19613503</t>
  </si>
  <si>
    <t>Hagestein buitengebied zuid</t>
  </si>
  <si>
    <t>2021BU19613503</t>
  </si>
  <si>
    <t>buurten.37dde4ca-883b-4603-b07d-0aa313a4caa1</t>
  </si>
  <si>
    <t>BU19613601</t>
  </si>
  <si>
    <t>Het Dorpshart</t>
  </si>
  <si>
    <t>WK196136</t>
  </si>
  <si>
    <t>2021BU19613601</t>
  </si>
  <si>
    <t>buurten.fe52b835-65ff-4dc2-8738-df7fe2bdbd49</t>
  </si>
  <si>
    <t>BU19613602</t>
  </si>
  <si>
    <t>Het Lint</t>
  </si>
  <si>
    <t>2021BU19613602</t>
  </si>
  <si>
    <t>buurten.d12c26a1-78ad-4b1e-82e6-4c12b917eb91</t>
  </si>
  <si>
    <t>BU19613603</t>
  </si>
  <si>
    <t>De Erven</t>
  </si>
  <si>
    <t>2021BU19613603</t>
  </si>
  <si>
    <t>buurten.9774a752-278d-4e51-879a-898d70a54281</t>
  </si>
  <si>
    <t>BU19613701</t>
  </si>
  <si>
    <t>Everdingen kern</t>
  </si>
  <si>
    <t>WK196137</t>
  </si>
  <si>
    <t>2021BU19613701</t>
  </si>
  <si>
    <t>buurten.79d06f84-62e7-4155-8cc2-c2ad33c45cc0</t>
  </si>
  <si>
    <t>PL1961010003</t>
  </si>
  <si>
    <t>Everdingen</t>
  </si>
  <si>
    <t>Er is een aandachtsgebied aanwezig (Archeologie) die een beperkt deel van Everdingen beslaat.</t>
  </si>
  <si>
    <t>Energiecooperatie Huiberstroom heeft vergevorderde plannen om het relatief warme rivierwater van de Lek daarvoor te gaan gebruiken. Een honderd procent duurzame oplossing, als de elektriciteit ook duurzaam wordt opgewekt. De bodem is uitermate geschikt v</t>
  </si>
  <si>
    <t>BU19613801</t>
  </si>
  <si>
    <t>Everdingen buitengebied</t>
  </si>
  <si>
    <t>WK196138</t>
  </si>
  <si>
    <t>2021BU19613801</t>
  </si>
  <si>
    <t>buurten.982008fc-b561-4a41-aef9-e50500981c76</t>
  </si>
  <si>
    <t>BU19613901</t>
  </si>
  <si>
    <t>Ossenwaard</t>
  </si>
  <si>
    <t>WK196139</t>
  </si>
  <si>
    <t>2021BU19613901</t>
  </si>
  <si>
    <t>buurten.d4853531-de90-4bbf-9655-e27608f64cc0</t>
  </si>
  <si>
    <t>BU19630000</t>
  </si>
  <si>
    <t>WK196300</t>
  </si>
  <si>
    <t>2021BU19630000</t>
  </si>
  <si>
    <t>buurten.652929ad-c85f-429f-9c38-b470a0d0fdb4</t>
  </si>
  <si>
    <t>PL1963010001</t>
  </si>
  <si>
    <t>BU19630001</t>
  </si>
  <si>
    <t>Oud-Beijerland Oosterse Gorzenwijk</t>
  </si>
  <si>
    <t>2021BU19630001</t>
  </si>
  <si>
    <t>buurten.daafd98e-e094-4853-a7c5-47ea8e4c8096</t>
  </si>
  <si>
    <t>BU19630002</t>
  </si>
  <si>
    <t>Oud-Beijerland Croonenburghwijk</t>
  </si>
  <si>
    <t>2021BU19630002</t>
  </si>
  <si>
    <t>buurten.09cca2cf-b9c4-4094-9374-809d16032f66</t>
  </si>
  <si>
    <t>BU19630003</t>
  </si>
  <si>
    <t>Oud-Beijerland Zeeheldenwijk</t>
  </si>
  <si>
    <t>2021BU19630003</t>
  </si>
  <si>
    <t>buurten.1bba7ff5-7ed2-4aeb-a239-c22019feb440</t>
  </si>
  <si>
    <t>BU19630004</t>
  </si>
  <si>
    <t>Oud-Beijerland Zuidwijk</t>
  </si>
  <si>
    <t>2021BU19630004</t>
  </si>
  <si>
    <t>buurten.6da14c0f-83da-44d1-8f05-9a09e4e91ed5</t>
  </si>
  <si>
    <t>BU19630005</t>
  </si>
  <si>
    <t>Oud-Beijerland Zoomwijck</t>
  </si>
  <si>
    <t>2021BU19630005</t>
  </si>
  <si>
    <t>buurten.ba3f2585-5668-46e9-bcac-e3e41e07b489</t>
  </si>
  <si>
    <t>BU19630006</t>
  </si>
  <si>
    <t>Oud-Beijerland Spuioeverwijk</t>
  </si>
  <si>
    <t>2021BU19630006</t>
  </si>
  <si>
    <t>buurten.4f56fbdd-39db-4783-aa41-30814221baec</t>
  </si>
  <si>
    <t>BU19630007</t>
  </si>
  <si>
    <t>Oud-Beijerland Poortwijk</t>
  </si>
  <si>
    <t>2021BU19630007</t>
  </si>
  <si>
    <t>buurten.59e2c6ff-abf4-45f2-bd1b-0a4a6c207510</t>
  </si>
  <si>
    <t>PL1963010002</t>
  </si>
  <si>
    <t>BU19630050</t>
  </si>
  <si>
    <t>Oud-Beijerland Bedrijventerrein De Bosschen</t>
  </si>
  <si>
    <t>2021BU19630050</t>
  </si>
  <si>
    <t>buurten.53b45268-6db6-4021-b8fc-c4b6a2b23c76</t>
  </si>
  <si>
    <t>BU19630051</t>
  </si>
  <si>
    <t>Oud-Beijerland Bedrijventerrein De Hoogerwerf</t>
  </si>
  <si>
    <t>2021BU19630051</t>
  </si>
  <si>
    <t>buurten.60967954-6481-4855-8dbf-a44fe9576462</t>
  </si>
  <si>
    <t>BU19630099</t>
  </si>
  <si>
    <t>Oud-Beijerland Buitengebied</t>
  </si>
  <si>
    <t>2021BU19630099</t>
  </si>
  <si>
    <t>buurten.69aa23eb-abca-4ed3-8e1a-80686d228042</t>
  </si>
  <si>
    <t>BU19630100</t>
  </si>
  <si>
    <t>Heinenoord Woonkern</t>
  </si>
  <si>
    <t>WK196301</t>
  </si>
  <si>
    <t>2021BU19630100</t>
  </si>
  <si>
    <t>buurten.836f208a-537b-4749-86af-0d30d60d5f2c</t>
  </si>
  <si>
    <t>BU19630150</t>
  </si>
  <si>
    <t>Heinenoord Bedrijvenpark Hoeksche Waard</t>
  </si>
  <si>
    <t>2021BU19630150</t>
  </si>
  <si>
    <t>buurten.ea122e35-3bfa-46e4-b98a-21b4cafe0da6</t>
  </si>
  <si>
    <t>BU19630199</t>
  </si>
  <si>
    <t>Heinenoord Buitengebied</t>
  </si>
  <si>
    <t>2021BU19630199</t>
  </si>
  <si>
    <t>buurten.f31bbceb-f55c-4e03-b24f-7d5617eb806b</t>
  </si>
  <si>
    <t>BU19630200</t>
  </si>
  <si>
    <t>Mijnsheerenland Woonkern</t>
  </si>
  <si>
    <t>WK196302</t>
  </si>
  <si>
    <t>2021BU19630200</t>
  </si>
  <si>
    <t>buurten.d3fc04c6-a2e6-4c5f-a63d-8aea9f026865</t>
  </si>
  <si>
    <t>BU19630299</t>
  </si>
  <si>
    <t>Mijnsheerenland Buitengebied</t>
  </si>
  <si>
    <t>2021BU19630299</t>
  </si>
  <si>
    <t>buurten.07f73890-10a2-4501-87a0-2689dbe1da47</t>
  </si>
  <si>
    <t>BU19630300</t>
  </si>
  <si>
    <t>Westmaas Woonkern</t>
  </si>
  <si>
    <t>WK196303</t>
  </si>
  <si>
    <t>2021BU19630300</t>
  </si>
  <si>
    <t>buurten.46a6a6af-2611-4d4d-81cb-f46098216245</t>
  </si>
  <si>
    <t>BU19630399</t>
  </si>
  <si>
    <t>Westmaas Buitengebied</t>
  </si>
  <si>
    <t>2021BU19630399</t>
  </si>
  <si>
    <t>buurten.ba062800-f81f-4b6e-9b86-f333cbc4db18</t>
  </si>
  <si>
    <t>BU19630400</t>
  </si>
  <si>
    <t>Puttershoek Woonkern</t>
  </si>
  <si>
    <t>WK196304</t>
  </si>
  <si>
    <t>2021BU19630400</t>
  </si>
  <si>
    <t>buurten.2121cc62-cf5b-4a69-9852-ae82bf590ac6</t>
  </si>
  <si>
    <t>BU19630499</t>
  </si>
  <si>
    <t>Puttershoek Buitengebied</t>
  </si>
  <si>
    <t>2021BU19630499</t>
  </si>
  <si>
    <t>buurten.aeb045ab-bed9-4138-906b-bc179c8a4ea7</t>
  </si>
  <si>
    <t>BU19630500</t>
  </si>
  <si>
    <t>Maasdam Woonkern</t>
  </si>
  <si>
    <t>WK196305</t>
  </si>
  <si>
    <t>2021BU19630500</t>
  </si>
  <si>
    <t>buurten.f0b2302d-156f-44e8-8589-99f2f6837d17</t>
  </si>
  <si>
    <t>BU19630599</t>
  </si>
  <si>
    <t>Maasdam Buitengebied</t>
  </si>
  <si>
    <t>2021BU19630599</t>
  </si>
  <si>
    <t>buurten.40317688-ddee-49e6-b7c9-0ee69943eb59</t>
  </si>
  <si>
    <t>BU19630600</t>
  </si>
  <si>
    <t>'s-Gravendeel Woonkern</t>
  </si>
  <si>
    <t>WK196306</t>
  </si>
  <si>
    <t>2021BU19630600</t>
  </si>
  <si>
    <t>buurten.5aff4876-de5f-41a1-8a87-688ed319739e</t>
  </si>
  <si>
    <t>BU19630650</t>
  </si>
  <si>
    <t>'s-Gravendeel Bedrijventerrein Mijlpolder</t>
  </si>
  <si>
    <t>2021BU19630650</t>
  </si>
  <si>
    <t>buurten.cf36d99f-98c4-4c71-a20c-992eb72575a7</t>
  </si>
  <si>
    <t>BU19630699</t>
  </si>
  <si>
    <t>'s-Gravendeel Buitengebied</t>
  </si>
  <si>
    <t>2021BU19630699</t>
  </si>
  <si>
    <t>buurten.3796dc21-44d5-4000-99a7-94bccae2c7b4</t>
  </si>
  <si>
    <t>BU19630700</t>
  </si>
  <si>
    <t>Strijen Woonkern</t>
  </si>
  <si>
    <t>WK196307</t>
  </si>
  <si>
    <t>2021BU19630700</t>
  </si>
  <si>
    <t>buurten.68a7778e-5b08-41ce-b487-2e670c0f3102</t>
  </si>
  <si>
    <t>BU19630750</t>
  </si>
  <si>
    <t>Strijen Bedrijventerrein Bonaventura</t>
  </si>
  <si>
    <t>2021BU19630750</t>
  </si>
  <si>
    <t>buurten.2cc11bb9-6315-4ff6-ad9b-9938dd0ed7c5</t>
  </si>
  <si>
    <t>BU19630799</t>
  </si>
  <si>
    <t>Strijen Buitengebied</t>
  </si>
  <si>
    <t>2021BU19630799</t>
  </si>
  <si>
    <t>buurten.200adab2-0302-4768-ae45-05ff5fbd4fd9</t>
  </si>
  <si>
    <t>BU19630800</t>
  </si>
  <si>
    <t>Klaaswaal Woonkern</t>
  </si>
  <si>
    <t>WK196308</t>
  </si>
  <si>
    <t>2021BU19630800</t>
  </si>
  <si>
    <t>buurten.10a7d0cc-e954-488b-b76c-24178b39c968</t>
  </si>
  <si>
    <t>BU19630899</t>
  </si>
  <si>
    <t>Klaaswaal Buitengebied</t>
  </si>
  <si>
    <t>2021BU19630899</t>
  </si>
  <si>
    <t>buurten.908c7e84-d7c7-4067-8292-ed3489fa289e</t>
  </si>
  <si>
    <t>BU19630900</t>
  </si>
  <si>
    <t>Numansdorp Woonkern</t>
  </si>
  <si>
    <t>WK196309</t>
  </si>
  <si>
    <t>2021BU19630900</t>
  </si>
  <si>
    <t>buurten.77225477-a707-4fbc-ab57-3e89a49e0a93</t>
  </si>
  <si>
    <t>BU19630950</t>
  </si>
  <si>
    <t>Numansdorp Bedrijventerrein Middelsluis</t>
  </si>
  <si>
    <t>2021BU19630950</t>
  </si>
  <si>
    <t>buurten.efca35cf-d923-4763-b66d-24c462b838b0</t>
  </si>
  <si>
    <t>BU19630999</t>
  </si>
  <si>
    <t>Numansdorp Buitengebied</t>
  </si>
  <si>
    <t>2021BU19630999</t>
  </si>
  <si>
    <t>buurten.464849d1-a2ae-41fd-b210-0ea1889bf666</t>
  </si>
  <si>
    <t>BU19631000</t>
  </si>
  <si>
    <t>Zuid-Beijerland Woonkern</t>
  </si>
  <si>
    <t>WK196310</t>
  </si>
  <si>
    <t>2021BU19631000</t>
  </si>
  <si>
    <t>buurten.7d94a2ad-8751-474e-a08a-62e97c5ba275</t>
  </si>
  <si>
    <t>BU19631099</t>
  </si>
  <si>
    <t>Zuid-Beijerland Buitengebied</t>
  </si>
  <si>
    <t>2021BU19631099</t>
  </si>
  <si>
    <t>buurten.505a891c-fad3-4090-a469-123ae4641081</t>
  </si>
  <si>
    <t>BU19631100</t>
  </si>
  <si>
    <t>Goudswaard Woonkern</t>
  </si>
  <si>
    <t>WK196311</t>
  </si>
  <si>
    <t>2021BU19631100</t>
  </si>
  <si>
    <t>buurten.5b22771d-28d2-4f06-92f3-ed28ddb745ba</t>
  </si>
  <si>
    <t>BU19631199</t>
  </si>
  <si>
    <t>Goudswaard Buitengebied</t>
  </si>
  <si>
    <t>2021BU19631199</t>
  </si>
  <si>
    <t>buurten.396f6b52-d8e7-4203-8ef4-b90e4bf600ae</t>
  </si>
  <si>
    <t>BU19631200</t>
  </si>
  <si>
    <t>Piershil Woonkern</t>
  </si>
  <si>
    <t>WK196312</t>
  </si>
  <si>
    <t>2021BU19631200</t>
  </si>
  <si>
    <t>buurten.b6c8a65f-f24e-4a32-9e20-b6730181ea1f</t>
  </si>
  <si>
    <t>BU19631299</t>
  </si>
  <si>
    <t>Piershil Buitengebied</t>
  </si>
  <si>
    <t>2021BU19631299</t>
  </si>
  <si>
    <t>buurten.aa5fe823-8c3c-4c31-8a18-107e9d744904</t>
  </si>
  <si>
    <t>BU19631300</t>
  </si>
  <si>
    <t>Nieuw-Beijerland Woonkern</t>
  </si>
  <si>
    <t>WK196313</t>
  </si>
  <si>
    <t>2021BU19631300</t>
  </si>
  <si>
    <t>buurten.7173b9e1-575c-40a1-bcfd-ee320e52fbf0</t>
  </si>
  <si>
    <t>BU19631399</t>
  </si>
  <si>
    <t>Nieuw-Beijerland Buitengebied</t>
  </si>
  <si>
    <t>2021BU19631399</t>
  </si>
  <si>
    <t>buurten.4f49cea5-d0e8-4005-9f9c-1ed440b9c14c</t>
  </si>
  <si>
    <t>BU19660000</t>
  </si>
  <si>
    <t>Bedum</t>
  </si>
  <si>
    <t>WK196600</t>
  </si>
  <si>
    <t>2021BU19660000</t>
  </si>
  <si>
    <t>buurten.47153912-2c92-4c5d-831a-30d41a39effa</t>
  </si>
  <si>
    <t>BU19660001</t>
  </si>
  <si>
    <t>Verspreide huizen Bedum</t>
  </si>
  <si>
    <t>2021BU19660001</t>
  </si>
  <si>
    <t>buurten.1d041f85-23d9-44e3-a6ad-40fb5a95c722</t>
  </si>
  <si>
    <t>BU19660002</t>
  </si>
  <si>
    <t>Zuidwolde</t>
  </si>
  <si>
    <t>2021BU19660002</t>
  </si>
  <si>
    <t>buurten.9524bc72-bf9e-409e-b35f-edd9be2bcd00</t>
  </si>
  <si>
    <t>BU19660003</t>
  </si>
  <si>
    <t>2021BU19660003</t>
  </si>
  <si>
    <t>buurten.a406fcb8-0085-4491-a8a6-d2db12351d12</t>
  </si>
  <si>
    <t>BU19660004</t>
  </si>
  <si>
    <t>Onderdendam</t>
  </si>
  <si>
    <t>2021BU19660004</t>
  </si>
  <si>
    <t>buurten.c7bbcaab-6c2c-496a-8d57-02abe3a3d033</t>
  </si>
  <si>
    <t>BU19660005</t>
  </si>
  <si>
    <t>Verspreide huizen Onderdendam</t>
  </si>
  <si>
    <t>2021BU19660005</t>
  </si>
  <si>
    <t>buurten.04e9df00-a903-40b7-aafb-723502fdcd4d</t>
  </si>
  <si>
    <t>BU19660006</t>
  </si>
  <si>
    <t>Noordwolde</t>
  </si>
  <si>
    <t>2021BU19660006</t>
  </si>
  <si>
    <t>buurten.6d1d645b-6c7e-4d2b-be95-f7a8b19fc7cd</t>
  </si>
  <si>
    <t>BU19660007</t>
  </si>
  <si>
    <t>Verspreide huizen Noordwolde</t>
  </si>
  <si>
    <t>2021BU19660007</t>
  </si>
  <si>
    <t>buurten.10fd2d31-aaaa-4dc7-ab3e-939aa0b15ef8</t>
  </si>
  <si>
    <t>BU19660100</t>
  </si>
  <si>
    <t>WK196601</t>
  </si>
  <si>
    <t>2021BU19660100</t>
  </si>
  <si>
    <t>buurten.8237cb27-3cf7-49de-b0db-fd2c20caa354</t>
  </si>
  <si>
    <t>BU19660101</t>
  </si>
  <si>
    <t>Obergum</t>
  </si>
  <si>
    <t>2021BU19660101</t>
  </si>
  <si>
    <t>buurten.e22bafd1-4c15-4f17-ac2d-af39f6e7c02d</t>
  </si>
  <si>
    <t>BU19660102</t>
  </si>
  <si>
    <t>Ripperda</t>
  </si>
  <si>
    <t>2021BU19660102</t>
  </si>
  <si>
    <t>buurten.c9264bbb-0524-4a0b-83aa-dcd9fa712e0a</t>
  </si>
  <si>
    <t>BU19660103</t>
  </si>
  <si>
    <t>Potmaar</t>
  </si>
  <si>
    <t>2021BU19660103</t>
  </si>
  <si>
    <t>buurten.ac45372e-ccfd-4614-ab95-5005e2e6cd3b</t>
  </si>
  <si>
    <t>BU19660104</t>
  </si>
  <si>
    <t>2021BU19660104</t>
  </si>
  <si>
    <t>buurten.d913ca25-ccdd-4243-bde0-f145f12eb102</t>
  </si>
  <si>
    <t>BU19660109</t>
  </si>
  <si>
    <t>Verspreide huizen Winsum</t>
  </si>
  <si>
    <t>2021BU19660109</t>
  </si>
  <si>
    <t>buurten.0c82ea24-0299-4567-9d7b-826c3192d97f</t>
  </si>
  <si>
    <t>BU19660200</t>
  </si>
  <si>
    <t>Baflo</t>
  </si>
  <si>
    <t>WK196602</t>
  </si>
  <si>
    <t>2021BU19660200</t>
  </si>
  <si>
    <t>buurten.0e2ac064-3b71-437a-8612-b2c2f1599623</t>
  </si>
  <si>
    <t>BU19660201</t>
  </si>
  <si>
    <t>Den Andel</t>
  </si>
  <si>
    <t>2021BU19660201</t>
  </si>
  <si>
    <t>buurten.76b2c340-ec27-446d-a236-9e8c7acfb1bd</t>
  </si>
  <si>
    <t>BU19660202</t>
  </si>
  <si>
    <t>Rasquert</t>
  </si>
  <si>
    <t>2021BU19660202</t>
  </si>
  <si>
    <t>buurten.97d09a27-b612-4024-8eb8-4b6383eab7d2</t>
  </si>
  <si>
    <t>BU19660203</t>
  </si>
  <si>
    <t>Tinallinge</t>
  </si>
  <si>
    <t>2021BU19660203</t>
  </si>
  <si>
    <t>buurten.531d7158-e424-424c-b6fe-02ddcac08308</t>
  </si>
  <si>
    <t>BU19660204</t>
  </si>
  <si>
    <t>Saaxumhuizen</t>
  </si>
  <si>
    <t>2021BU19660204</t>
  </si>
  <si>
    <t>buurten.e546d886-00b6-41b7-a700-ff1c5ee12635</t>
  </si>
  <si>
    <t>BU19660209</t>
  </si>
  <si>
    <t>Verspreide huizen Baflo</t>
  </si>
  <si>
    <t>2021BU19660209</t>
  </si>
  <si>
    <t>buurten.99f4d1f8-3bae-4d8e-9fb4-b417de0dbd79</t>
  </si>
  <si>
    <t>BU19660300</t>
  </si>
  <si>
    <t>Adorp</t>
  </si>
  <si>
    <t>WK196603</t>
  </si>
  <si>
    <t>2021BU19660300</t>
  </si>
  <si>
    <t>buurten.595220aa-bed7-49c9-85e1-9235abb3b677</t>
  </si>
  <si>
    <t>BU19660301</t>
  </si>
  <si>
    <t>Sauwerd</t>
  </si>
  <si>
    <t>2021BU19660301</t>
  </si>
  <si>
    <t>buurten.74ada4ad-8419-4e3c-8fd2-82794009a22e</t>
  </si>
  <si>
    <t>BU19660302</t>
  </si>
  <si>
    <t>Wetsinge</t>
  </si>
  <si>
    <t>2021BU19660302</t>
  </si>
  <si>
    <t>buurten.1b3fff3b-3122-41ba-941d-0568619ea7f7</t>
  </si>
  <si>
    <t>BU19660309</t>
  </si>
  <si>
    <t>Verspreide huizen Adorp</t>
  </si>
  <si>
    <t>2021BU19660309</t>
  </si>
  <si>
    <t>buurten.bec84cc5-d1b6-42c7-afe8-d9ca331aef72</t>
  </si>
  <si>
    <t>BU19660401</t>
  </si>
  <si>
    <t>Uithuizen</t>
  </si>
  <si>
    <t>WK196604</t>
  </si>
  <si>
    <t>2021BU19660401</t>
  </si>
  <si>
    <t>buurten.6b09d8d8-e15d-42c7-9935-7981d4786271</t>
  </si>
  <si>
    <t>BU19660402</t>
  </si>
  <si>
    <t>'t Lage van de Weg</t>
  </si>
  <si>
    <t>2021BU19660402</t>
  </si>
  <si>
    <t>buurten.c8021b42-eb19-4f34-8d45-7335295ae1eb</t>
  </si>
  <si>
    <t>BU19660408</t>
  </si>
  <si>
    <t>Verspreide huizen in de nieuwe polders</t>
  </si>
  <si>
    <t>2021BU19660408</t>
  </si>
  <si>
    <t>buurten.0eaaf321-ca57-460f-ae41-6bb32822c98a</t>
  </si>
  <si>
    <t>BU19660409</t>
  </si>
  <si>
    <t>2021BU19660409</t>
  </si>
  <si>
    <t>buurten.f4bfa3da-8464-4f8e-9122-3397fe8d60c6</t>
  </si>
  <si>
    <t>BU19660500</t>
  </si>
  <si>
    <t>Uithuizermeeden</t>
  </si>
  <si>
    <t>WK196605</t>
  </si>
  <si>
    <t>2021BU19660500</t>
  </si>
  <si>
    <t>buurten.2c674cf1-ce92-4fd0-ab86-2b63d9c62a93</t>
  </si>
  <si>
    <t>BU19660501</t>
  </si>
  <si>
    <t>Oosternieland</t>
  </si>
  <si>
    <t>2021BU19660501</t>
  </si>
  <si>
    <t>buurten.951f041d-a8c9-4f70-98fb-c3f0b2de24fc</t>
  </si>
  <si>
    <t>PL1979010003</t>
  </si>
  <si>
    <t>PAW (Zonnedorpen Loppersum)</t>
  </si>
  <si>
    <t>HT-WP, zonthermie</t>
  </si>
  <si>
    <t>iedereen moet mee kunnen doen</t>
  </si>
  <si>
    <t>samen met bestaande projekten. (volkshuisvestingfonds, versterkingsopgave, PAW)  de verduurzamingsopgave oppakken</t>
  </si>
  <si>
    <t>huizen minimaal tot label B+ zijn geïsoleerd voor all-electric.</t>
  </si>
  <si>
    <t>zonneweides</t>
  </si>
  <si>
    <t>BU19660502</t>
  </si>
  <si>
    <t>Roodeschool</t>
  </si>
  <si>
    <t>2021BU19660502</t>
  </si>
  <si>
    <t>buurten.3b146e5b-2fab-4907-8c4b-fa42c6ad26e7</t>
  </si>
  <si>
    <t>BU19660503</t>
  </si>
  <si>
    <t>2021BU19660503</t>
  </si>
  <si>
    <t>buurten.2d3f6785-618e-44f3-94c4-0a8c3872bf54</t>
  </si>
  <si>
    <t>BU19660504</t>
  </si>
  <si>
    <t>Hooilandseweg</t>
  </si>
  <si>
    <t>2021BU19660504</t>
  </si>
  <si>
    <t>buurten.ad4a2f38-267c-48f6-803d-72b650ee259e</t>
  </si>
  <si>
    <t>BU19660505</t>
  </si>
  <si>
    <t>Hefswal</t>
  </si>
  <si>
    <t>2021BU19660505</t>
  </si>
  <si>
    <t>buurten.7d3ec957-0236-4050-aae2-aa4aeac95084</t>
  </si>
  <si>
    <t>BU19660506</t>
  </si>
  <si>
    <t>Oudeschip</t>
  </si>
  <si>
    <t>2021BU19660506</t>
  </si>
  <si>
    <t>buurten.b3a43ec0-88f5-4d6e-8ee9-946e7ca86cff</t>
  </si>
  <si>
    <t>BU19660507</t>
  </si>
  <si>
    <t>Oldenzijl</t>
  </si>
  <si>
    <t>2021BU19660507</t>
  </si>
  <si>
    <t>buurten.b1c5b088-6494-494b-b632-758dac46e2e8</t>
  </si>
  <si>
    <t>BU19660508</t>
  </si>
  <si>
    <t>Eemshavengebied</t>
  </si>
  <si>
    <t>2021BU19660508</t>
  </si>
  <si>
    <t>buurten.3044aa07-ca7c-4746-be53-6f6f2153c4dd</t>
  </si>
  <si>
    <t>BU19660509</t>
  </si>
  <si>
    <t>Verspreide huizen Uithuizermeeden</t>
  </si>
  <si>
    <t>2021BU19660509</t>
  </si>
  <si>
    <t>buurten.dadc584a-ad90-4817-b31b-fb76aa50a826</t>
  </si>
  <si>
    <t>BU19660600</t>
  </si>
  <si>
    <t>Kantens</t>
  </si>
  <si>
    <t>WK196606</t>
  </si>
  <si>
    <t>2021BU19660600</t>
  </si>
  <si>
    <t>buurten.f55f5f6d-2f45-4bea-8088-668f100af8eb</t>
  </si>
  <si>
    <t>BU19660601</t>
  </si>
  <si>
    <t>Zandeweer</t>
  </si>
  <si>
    <t>2021BU19660601</t>
  </si>
  <si>
    <t>buurten.3bb48790-12e0-4919-bf3c-b7eaf08fee2e</t>
  </si>
  <si>
    <t>BU19660602</t>
  </si>
  <si>
    <t>2021BU19660602</t>
  </si>
  <si>
    <t>buurten.6d633f92-95f0-4f1a-b98a-26db178f20e5</t>
  </si>
  <si>
    <t>BU19660603</t>
  </si>
  <si>
    <t>Stitswerd</t>
  </si>
  <si>
    <t>2021BU19660603</t>
  </si>
  <si>
    <t>buurten.ea84410b-2b26-4917-802b-441c898d7969</t>
  </si>
  <si>
    <t>BU19660604</t>
  </si>
  <si>
    <t>Doodstil</t>
  </si>
  <si>
    <t>2021BU19660604</t>
  </si>
  <si>
    <t>buurten.cf63e867-337f-4bae-a7dc-31fdd1f07091</t>
  </si>
  <si>
    <t>BU19660605</t>
  </si>
  <si>
    <t>Eppenhuizen</t>
  </si>
  <si>
    <t>2021BU19660605</t>
  </si>
  <si>
    <t>buurten.64224043-2357-4635-8bc0-0e6c29be2cae</t>
  </si>
  <si>
    <t>BU19660606</t>
  </si>
  <si>
    <t>Garsthuizen (gedeeltelijk)</t>
  </si>
  <si>
    <t>2021BU19660606</t>
  </si>
  <si>
    <t>buurten.b5da3dc9-1fe0-4034-ab23-8bd80d84843f</t>
  </si>
  <si>
    <t>BU19660609</t>
  </si>
  <si>
    <t>Verspreide huizen Kantens</t>
  </si>
  <si>
    <t>2021BU19660609</t>
  </si>
  <si>
    <t>buurten.22d48efa-97f0-4c2f-9b8c-04a9235533c3</t>
  </si>
  <si>
    <t>BU19660700</t>
  </si>
  <si>
    <t>Usquert</t>
  </si>
  <si>
    <t>WK196607</t>
  </si>
  <si>
    <t>2021BU19660700</t>
  </si>
  <si>
    <t>buurten.5a765633-9e85-4c27-a8a3-6d493adec5b7</t>
  </si>
  <si>
    <t>BU19660708</t>
  </si>
  <si>
    <t>2021BU19660708</t>
  </si>
  <si>
    <t>buurten.d805ec34-426e-4a9c-9d7f-057be14db589</t>
  </si>
  <si>
    <t>BU19660709</t>
  </si>
  <si>
    <t>2021BU19660709</t>
  </si>
  <si>
    <t>buurten.1fe97c6f-7c8d-4e66-98bc-6f81e579f8fc</t>
  </si>
  <si>
    <t>BU19660800</t>
  </si>
  <si>
    <t>Warffum</t>
  </si>
  <si>
    <t>WK196608</t>
  </si>
  <si>
    <t>2021BU19660800</t>
  </si>
  <si>
    <t>buurten.af5ec065-d42c-4f68-aa43-6f5bf4888993</t>
  </si>
  <si>
    <t>BU19660809</t>
  </si>
  <si>
    <t>Verspreide huizen Warffum</t>
  </si>
  <si>
    <t>2021BU19660809</t>
  </si>
  <si>
    <t>buurten.a69a396b-d996-47ba-aeca-a63b863999e4</t>
  </si>
  <si>
    <t>BU19660900</t>
  </si>
  <si>
    <t>Ulrum</t>
  </si>
  <si>
    <t>WK196609</t>
  </si>
  <si>
    <t>2021BU19660900</t>
  </si>
  <si>
    <t>buurten.0090176d-4ab3-4e0f-964c-33f785b35f24</t>
  </si>
  <si>
    <t>BU19660901</t>
  </si>
  <si>
    <t>Zoutkamp</t>
  </si>
  <si>
    <t>2021BU19660901</t>
  </si>
  <si>
    <t>buurten.e69b0426-08be-49e8-9d74-bce3e18fd029</t>
  </si>
  <si>
    <t>BU19660902</t>
  </si>
  <si>
    <t>Houwerzijl</t>
  </si>
  <si>
    <t>2021BU19660902</t>
  </si>
  <si>
    <t>buurten.c08ceb6e-9976-4416-8b9e-c21d86dac7b5</t>
  </si>
  <si>
    <t>BU19660903</t>
  </si>
  <si>
    <t>Vierhuizen</t>
  </si>
  <si>
    <t>2021BU19660903</t>
  </si>
  <si>
    <t>buurten.0af8816f-bcde-4047-aeed-cbcad3372336</t>
  </si>
  <si>
    <t>BU19660904</t>
  </si>
  <si>
    <t>Niekerk</t>
  </si>
  <si>
    <t>2021BU19660904</t>
  </si>
  <si>
    <t>buurten.18fb5567-144d-4763-8f57-4fbade73f051</t>
  </si>
  <si>
    <t>BU19660905</t>
  </si>
  <si>
    <t>Lauwersoog</t>
  </si>
  <si>
    <t>2021BU19660905</t>
  </si>
  <si>
    <t>buurten.010c3dbc-2e75-4029-af00-144782bcf328</t>
  </si>
  <si>
    <t>BU19660906</t>
  </si>
  <si>
    <t>Haven Lauwersoog</t>
  </si>
  <si>
    <t>2021BU19660906</t>
  </si>
  <si>
    <t>buurten.bcbd6495-ce66-4543-b1f2-2d381ecf61f4</t>
  </si>
  <si>
    <t>BU19660908</t>
  </si>
  <si>
    <t>Landelijk gebied Lauwersmeer</t>
  </si>
  <si>
    <t>2021BU19660908</t>
  </si>
  <si>
    <t>buurten.fe7649bf-d72a-4a88-8081-551a606db380</t>
  </si>
  <si>
    <t>BU19660909</t>
  </si>
  <si>
    <t>Verspreide huizen Ulrum</t>
  </si>
  <si>
    <t>2021BU19660909</t>
  </si>
  <si>
    <t>buurten.6d026570-456a-43ba-8e64-a438d8c9784e</t>
  </si>
  <si>
    <t>BU19661000</t>
  </si>
  <si>
    <t>Wehe-Den Hoorn-West</t>
  </si>
  <si>
    <t>WK196610</t>
  </si>
  <si>
    <t>2021BU19661000</t>
  </si>
  <si>
    <t>buurten.006cbc56-0d34-4878-be66-496a60c73a9f</t>
  </si>
  <si>
    <t>BU19661001</t>
  </si>
  <si>
    <t>Leens</t>
  </si>
  <si>
    <t>2021BU19661001</t>
  </si>
  <si>
    <t>buurten.fbc36b8a-6ad6-4fdf-8ae9-d29c6908a627</t>
  </si>
  <si>
    <t>BU19661002</t>
  </si>
  <si>
    <t>Warfhuizen</t>
  </si>
  <si>
    <t>2021BU19661002</t>
  </si>
  <si>
    <t>buurten.449d639a-d103-43bd-86d7-73b949922c3f</t>
  </si>
  <si>
    <t>BU19661003</t>
  </si>
  <si>
    <t>Mensingeweer</t>
  </si>
  <si>
    <t>2021BU19661003</t>
  </si>
  <si>
    <t>buurten.760477cc-d387-4f78-b916-2e3afa54382f</t>
  </si>
  <si>
    <t>BU19661004</t>
  </si>
  <si>
    <t>Schouwerzijl</t>
  </si>
  <si>
    <t>2021BU19661004</t>
  </si>
  <si>
    <t>buurten.c427b3b2-129b-45fb-b453-c26c09adca65</t>
  </si>
  <si>
    <t>BU19661005</t>
  </si>
  <si>
    <t>Wehe-Den Hoorn-Oost</t>
  </si>
  <si>
    <t>2021BU19661005</t>
  </si>
  <si>
    <t>buurten.c259f4c4-a585-43fa-8bc3-f27af668bef3</t>
  </si>
  <si>
    <t>BU19661006</t>
  </si>
  <si>
    <t>Zuurdijk</t>
  </si>
  <si>
    <t>2021BU19661006</t>
  </si>
  <si>
    <t>buurten.520566a1-b96b-436f-9885-023ac447a943</t>
  </si>
  <si>
    <t>BU19661009</t>
  </si>
  <si>
    <t>Verspreide huizen Leens</t>
  </si>
  <si>
    <t>2021BU19661009</t>
  </si>
  <si>
    <t>buurten.2eb809ac-680f-4515-961b-16f99eaf7a0b</t>
  </si>
  <si>
    <t>BU19661100</t>
  </si>
  <si>
    <t>Eenrum</t>
  </si>
  <si>
    <t>WK196611</t>
  </si>
  <si>
    <t>2021BU19661100</t>
  </si>
  <si>
    <t>buurten.c2add9ef-c00f-449b-bd55-f3932e9c5105</t>
  </si>
  <si>
    <t>BU19661101</t>
  </si>
  <si>
    <t>Pieterburen</t>
  </si>
  <si>
    <t>2021BU19661101</t>
  </si>
  <si>
    <t>buurten.b072bebe-37c7-4c1e-b9bd-48be1b73fa40</t>
  </si>
  <si>
    <t>BU19661102</t>
  </si>
  <si>
    <t>Westernieland</t>
  </si>
  <si>
    <t>2021BU19661102</t>
  </si>
  <si>
    <t>buurten.7cd652ba-f3ed-4089-90f4-ee5cb97ef01f</t>
  </si>
  <si>
    <t>BU19661103</t>
  </si>
  <si>
    <t>Kaakhorn</t>
  </si>
  <si>
    <t>2021BU19661103</t>
  </si>
  <si>
    <t>buurten.247253ba-b8e9-47f1-b244-eed4dd09983e</t>
  </si>
  <si>
    <t>BU19661108</t>
  </si>
  <si>
    <t>Verspreide huizen Oude Land</t>
  </si>
  <si>
    <t>2021BU19661108</t>
  </si>
  <si>
    <t>buurten.ac8f43c5-6bd6-483b-b02f-712aff3be0f6</t>
  </si>
  <si>
    <t>BU19661109</t>
  </si>
  <si>
    <t>2021BU19661109</t>
  </si>
  <si>
    <t>buurten.fae97225-6d03-4bc3-9136-2cbe142e0717</t>
  </si>
  <si>
    <t>BU19661200</t>
  </si>
  <si>
    <t>Kloosterburen</t>
  </si>
  <si>
    <t>WK196612</t>
  </si>
  <si>
    <t>2021BU19661200</t>
  </si>
  <si>
    <t>buurten.97ca0229-6280-41ae-84e0-12854920c582</t>
  </si>
  <si>
    <t>BU19661201</t>
  </si>
  <si>
    <t>Hornhuizen</t>
  </si>
  <si>
    <t>2021BU19661201</t>
  </si>
  <si>
    <t>buurten.379efb6a-2105-4e54-b1fa-8f2bf784d485</t>
  </si>
  <si>
    <t>BU19661202</t>
  </si>
  <si>
    <t>2021BU19661202</t>
  </si>
  <si>
    <t>buurten.866d2499-4a44-444d-84c5-743a6f29dfd9</t>
  </si>
  <si>
    <t>BU19661203</t>
  </si>
  <si>
    <t>Molenrij</t>
  </si>
  <si>
    <t>2021BU19661203</t>
  </si>
  <si>
    <t>buurten.bef3b0e6-379a-41b9-bdca-b8e050671471</t>
  </si>
  <si>
    <t>BU19661204</t>
  </si>
  <si>
    <t>Kleine Huisjes</t>
  </si>
  <si>
    <t>2021BU19661204</t>
  </si>
  <si>
    <t>buurten.17e9dd49-ca0a-4e89-a05a-ad3cd481a0b6</t>
  </si>
  <si>
    <t>BU19661209</t>
  </si>
  <si>
    <t>Verspreide huizen Kloosterburen</t>
  </si>
  <si>
    <t>2021BU19661209</t>
  </si>
  <si>
    <t>buurten.b9d8cee7-34f0-46c5-baa1-38340bbd080b</t>
  </si>
  <si>
    <t>BU19690000</t>
  </si>
  <si>
    <t>Grootegast</t>
  </si>
  <si>
    <t>WK196900</t>
  </si>
  <si>
    <t>2021BU19690000</t>
  </si>
  <si>
    <t>buurten.3ff0500d-4ce0-401b-bbdb-4d5938c6dfcc</t>
  </si>
  <si>
    <t>BU19690001</t>
  </si>
  <si>
    <t>Doezum</t>
  </si>
  <si>
    <t>2021BU19690001</t>
  </si>
  <si>
    <t>buurten.6abf2e92-1163-4227-8276-2fd0010f96fa</t>
  </si>
  <si>
    <t>BU19690002</t>
  </si>
  <si>
    <t>Sebaldeburen</t>
  </si>
  <si>
    <t>2021BU19690002</t>
  </si>
  <si>
    <t>buurten.8359e3c3-e36f-406f-a672-08015e2b2e08</t>
  </si>
  <si>
    <t>BU19690006</t>
  </si>
  <si>
    <t>Het Peebos</t>
  </si>
  <si>
    <t>2021BU19690006</t>
  </si>
  <si>
    <t>buurten.d7477a22-033f-4c06-b7fb-9850df8dfbda</t>
  </si>
  <si>
    <t>BU19690007</t>
  </si>
  <si>
    <t>Verspreide huizen ten zuiden van Sebaldeburen</t>
  </si>
  <si>
    <t>2021BU19690007</t>
  </si>
  <si>
    <t>buurten.becb8152-0235-4dfc-a804-a35a1a3aedc9</t>
  </si>
  <si>
    <t>BU19690008</t>
  </si>
  <si>
    <t>Verspreide huizen ten zuiden van Grootegast</t>
  </si>
  <si>
    <t>2021BU19690008</t>
  </si>
  <si>
    <t>buurten.3c4f23d0-f200-409d-b064-5669f6e32a5b</t>
  </si>
  <si>
    <t>BU19690009</t>
  </si>
  <si>
    <t>2021BU19690009</t>
  </si>
  <si>
    <t>buurten.db78796a-34a1-4a60-b691-f3f0b256abc0</t>
  </si>
  <si>
    <t>BU19690100</t>
  </si>
  <si>
    <t>Lutjegast</t>
  </si>
  <si>
    <t>WK196901</t>
  </si>
  <si>
    <t>2021BU19690100</t>
  </si>
  <si>
    <t>buurten.f354894e-9216-4b78-9612-274072093a76</t>
  </si>
  <si>
    <t>BU19690109</t>
  </si>
  <si>
    <t>Verspreide huizen Lutjegast</t>
  </si>
  <si>
    <t>2021BU19690109</t>
  </si>
  <si>
    <t>buurten.8d1f293e-7cb0-408b-ae97-dd15229f33bb</t>
  </si>
  <si>
    <t>BU19690200</t>
  </si>
  <si>
    <t>Opende-West</t>
  </si>
  <si>
    <t>WK196902</t>
  </si>
  <si>
    <t>2021BU19690200</t>
  </si>
  <si>
    <t>buurten.d883811a-8e84-4cb0-bce3-1f765a671cba</t>
  </si>
  <si>
    <t>BU19690201</t>
  </si>
  <si>
    <t>Opende-Oost</t>
  </si>
  <si>
    <t>2021BU19690201</t>
  </si>
  <si>
    <t>buurten.2a15cc41-28cf-44c6-b2c3-d06c5e466505</t>
  </si>
  <si>
    <t>BU19690202</t>
  </si>
  <si>
    <t>Kornhorn</t>
  </si>
  <si>
    <t>2021BU19690202</t>
  </si>
  <si>
    <t>buurten.696c8d02-e8ae-4e2d-aa60-c66f69203d37</t>
  </si>
  <si>
    <t>BU19690209</t>
  </si>
  <si>
    <t>Verspreide huizen ten zuiden van Opende</t>
  </si>
  <si>
    <t>2021BU19690209</t>
  </si>
  <si>
    <t>buurten.653af42e-9524-4b35-8b24-9f90831e3709</t>
  </si>
  <si>
    <t>BU19690300</t>
  </si>
  <si>
    <t>WK196903</t>
  </si>
  <si>
    <t>2021BU19690300</t>
  </si>
  <si>
    <t>buurten.8a1532a2-ad21-4777-a269-9824539583a8</t>
  </si>
  <si>
    <t>BU19690301</t>
  </si>
  <si>
    <t>Oldekerk</t>
  </si>
  <si>
    <t>2021BU19690301</t>
  </si>
  <si>
    <t>buurten.02a8a017-6d96-4182-a823-674664b583d9</t>
  </si>
  <si>
    <t>BU19690309</t>
  </si>
  <si>
    <t>Verspreide huizen Oldekerk</t>
  </si>
  <si>
    <t>2021BU19690309</t>
  </si>
  <si>
    <t>buurten.1d7aa3e0-0469-4e9b-aa6b-857ede5d99d0</t>
  </si>
  <si>
    <t>BU19690401</t>
  </si>
  <si>
    <t>Diepswal</t>
  </si>
  <si>
    <t>WK196904</t>
  </si>
  <si>
    <t>2021BU19690401</t>
  </si>
  <si>
    <t>buurten.6c52ef3b-69a8-4f73-941e-e023f586f632</t>
  </si>
  <si>
    <t>BU19690402</t>
  </si>
  <si>
    <t>Centrum Leek en omgeving</t>
  </si>
  <si>
    <t>2021BU19690402</t>
  </si>
  <si>
    <t>buurten.bd1167c8-de19-40fc-89a0-fd88880e3bf4</t>
  </si>
  <si>
    <t>BU19690403</t>
  </si>
  <si>
    <t>Rodenburg en omgeving</t>
  </si>
  <si>
    <t>2021BU19690403</t>
  </si>
  <si>
    <t>buurten.230215c9-ee66-400a-bf9d-2b292163dcb8</t>
  </si>
  <si>
    <t>BU19690404</t>
  </si>
  <si>
    <t>Nienoordsrand</t>
  </si>
  <si>
    <t>2021BU19690404</t>
  </si>
  <si>
    <t>buurten.9e65b81c-f026-4ce9-ae99-1714198f0f07</t>
  </si>
  <si>
    <t>BU19690408</t>
  </si>
  <si>
    <t>Buitengebied ten oosten van Leek</t>
  </si>
  <si>
    <t>2021BU19690408</t>
  </si>
  <si>
    <t>buurten.a4c38011-0f4d-49fa-85d2-7e656924bcb5</t>
  </si>
  <si>
    <t>BU19690409</t>
  </si>
  <si>
    <t>Buitengebied ten zuiden van Leek</t>
  </si>
  <si>
    <t>2021BU19690409</t>
  </si>
  <si>
    <t>buurten.1c6c6524-3a6d-46f0-995f-d33639cd76eb</t>
  </si>
  <si>
    <t>BU19690500</t>
  </si>
  <si>
    <t>Bebouwde kom Zevenhuizen</t>
  </si>
  <si>
    <t>WK196905</t>
  </si>
  <si>
    <t>2021BU19690500</t>
  </si>
  <si>
    <t>buurten.d145bde0-6f04-41eb-8ec9-96ef209f351d</t>
  </si>
  <si>
    <t>BU19690501</t>
  </si>
  <si>
    <t>De Haspel</t>
  </si>
  <si>
    <t>2021BU19690501</t>
  </si>
  <si>
    <t>buurten.5942a219-376b-4174-a916-08bdcdf9a361</t>
  </si>
  <si>
    <t>BU19690502</t>
  </si>
  <si>
    <t>Drostinnewijk</t>
  </si>
  <si>
    <t>2021BU19690502</t>
  </si>
  <si>
    <t>buurten.b4b7800e-2336-487a-b8d2-801a1cb3477c</t>
  </si>
  <si>
    <t>BU19690503</t>
  </si>
  <si>
    <t>2021BU19690503</t>
  </si>
  <si>
    <t>buurten.3ef8b4a2-f235-4c66-afd0-ca98dc29b9db</t>
  </si>
  <si>
    <t>BU19690507</t>
  </si>
  <si>
    <t>Buitengebied ten noorden van Zevenhuizen</t>
  </si>
  <si>
    <t>2021BU19690507</t>
  </si>
  <si>
    <t>buurten.3be1363c-cee5-4aee-9ae5-9f24f2b70533</t>
  </si>
  <si>
    <t>BU19690508</t>
  </si>
  <si>
    <t>Buitengebied ten oosten van Zevenhuizen</t>
  </si>
  <si>
    <t>2021BU19690508</t>
  </si>
  <si>
    <t>buurten.b5f91f6f-6ed5-4760-abee-489fc7a94d8f</t>
  </si>
  <si>
    <t>BU19690509</t>
  </si>
  <si>
    <t>Buitengebied ten westen van Zevenhuizen</t>
  </si>
  <si>
    <t>2021BU19690509</t>
  </si>
  <si>
    <t>buurten.6d823e27-2c63-45e8-a90f-4d0d66394c20</t>
  </si>
  <si>
    <t>BU19690600</t>
  </si>
  <si>
    <t>Bebouwde kom Tolbert</t>
  </si>
  <si>
    <t>WK196906</t>
  </si>
  <si>
    <t>2021BU19690600</t>
  </si>
  <si>
    <t>buurten.e6ae4384-cdea-41c4-b75d-1a1aecd7facf</t>
  </si>
  <si>
    <t>BU19690601</t>
  </si>
  <si>
    <t>Sint Maheerdt</t>
  </si>
  <si>
    <t>2021BU19690601</t>
  </si>
  <si>
    <t>buurten.4d9b0cac-f13d-47cd-aa26-7000ee36b90f</t>
  </si>
  <si>
    <t>BU19690609</t>
  </si>
  <si>
    <t>Buitengebied Tolbert</t>
  </si>
  <si>
    <t>2021BU19690609</t>
  </si>
  <si>
    <t>buurten.5a891498-02be-4def-8859-4756e25d0963</t>
  </si>
  <si>
    <t>BU19690700</t>
  </si>
  <si>
    <t>Bebouwde kom Midwolde</t>
  </si>
  <si>
    <t>WK196907</t>
  </si>
  <si>
    <t>2021BU19690700</t>
  </si>
  <si>
    <t>buurten.98935462-9ef3-452a-9045-2f12b31bddaa</t>
  </si>
  <si>
    <t>BU19690701</t>
  </si>
  <si>
    <t>Pasop</t>
  </si>
  <si>
    <t>2021BU19690701</t>
  </si>
  <si>
    <t>buurten.d339e190-70b2-4ffb-a91a-a5bc85015f88</t>
  </si>
  <si>
    <t>BU19690709</t>
  </si>
  <si>
    <t>Buitengebied Midwolde</t>
  </si>
  <si>
    <t>2021BU19690709</t>
  </si>
  <si>
    <t>buurten.6890743b-12c7-41f6-abd4-1cefb6ad33ce</t>
  </si>
  <si>
    <t>BU19690800</t>
  </si>
  <si>
    <t>Bebouwde kom Lettelbert</t>
  </si>
  <si>
    <t>WK196908</t>
  </si>
  <si>
    <t>2021BU19690800</t>
  </si>
  <si>
    <t>buurten.5c7bb478-c9be-44ea-816f-3cb5efa84d0c</t>
  </si>
  <si>
    <t>BU19690809</t>
  </si>
  <si>
    <t>Buitengebied Lettelbert</t>
  </si>
  <si>
    <t>2021BU19690809</t>
  </si>
  <si>
    <t>buurten.d03efe5f-d59e-4721-b8e1-96ad870fa91e</t>
  </si>
  <si>
    <t>BU19690900</t>
  </si>
  <si>
    <t>Bebouwde kom Oostwold</t>
  </si>
  <si>
    <t>WK196909</t>
  </si>
  <si>
    <t>2021BU19690900</t>
  </si>
  <si>
    <t>buurten.4f4e0906-7a12-425f-9e91-8995989f050c</t>
  </si>
  <si>
    <t>BU19690909</t>
  </si>
  <si>
    <t>Buitengebied-Oostwold</t>
  </si>
  <si>
    <t>2021BU19690909</t>
  </si>
  <si>
    <t>buurten.51cffdf5-6500-49a9-ad43-b6a7552682a6</t>
  </si>
  <si>
    <t>BU19691000</t>
  </si>
  <si>
    <t>Bebouwde kom Enumatil</t>
  </si>
  <si>
    <t>WK196910</t>
  </si>
  <si>
    <t>2021BU19691000</t>
  </si>
  <si>
    <t>buurten.5008c3d0-23d1-46ac-b5e3-4b2029fed636</t>
  </si>
  <si>
    <t>BU19691009</t>
  </si>
  <si>
    <t>Buitengebied Enumatil</t>
  </si>
  <si>
    <t>2021BU19691009</t>
  </si>
  <si>
    <t>buurten.ead96f7d-4fe6-4a42-94c9-4424afd3140b</t>
  </si>
  <si>
    <t>BU19691100</t>
  </si>
  <si>
    <t>Marum</t>
  </si>
  <si>
    <t>WK196911</t>
  </si>
  <si>
    <t>2021BU19691100</t>
  </si>
  <si>
    <t>buurten.a95c3193-fdaf-4593-bba7-061dcde1795b</t>
  </si>
  <si>
    <t>PL1969010002</t>
  </si>
  <si>
    <t>PL1969010005</t>
  </si>
  <si>
    <t>Onderzoek kansen rioolpersleiding Marum-Gaarkeuken en Zuidhorn-Gaarkeuken</t>
  </si>
  <si>
    <t>Onderzoek warmtenet Marum</t>
  </si>
  <si>
    <t>restwarmte zuivelfabriek</t>
  </si>
  <si>
    <t>BU19691102</t>
  </si>
  <si>
    <t>Nuis</t>
  </si>
  <si>
    <t>2021BU19691102</t>
  </si>
  <si>
    <t>buurten.ac2be377-8570-4014-8daa-adccb6fde61b</t>
  </si>
  <si>
    <t>BU19691103</t>
  </si>
  <si>
    <t>Niebert</t>
  </si>
  <si>
    <t>2021BU19691103</t>
  </si>
  <si>
    <t>buurten.1adb4114-9973-43e1-a6e6-2f2945dc7bc3</t>
  </si>
  <si>
    <t>BU19691104</t>
  </si>
  <si>
    <t>Boerakker</t>
  </si>
  <si>
    <t>2021BU19691104</t>
  </si>
  <si>
    <t>buurten.a0c523dc-f172-432f-a6d2-58ab1b7b00dd</t>
  </si>
  <si>
    <t>BU19691105</t>
  </si>
  <si>
    <t>Lucaswolde</t>
  </si>
  <si>
    <t>2021BU19691105</t>
  </si>
  <si>
    <t>buurten.97bc50ef-a877-434f-ad21-fa2f7b15e7e4</t>
  </si>
  <si>
    <t>BU19691106</t>
  </si>
  <si>
    <t>2021BU19691106</t>
  </si>
  <si>
    <t>buurten.c2c6e63a-0d28-4981-b44f-0a0d685f9015</t>
  </si>
  <si>
    <t>BU19691107</t>
  </si>
  <si>
    <t>2021BU19691107</t>
  </si>
  <si>
    <t>buurten.ece35652-5afa-4f48-a726-a53f179726b0</t>
  </si>
  <si>
    <t>BU19691108</t>
  </si>
  <si>
    <t>Verspreide huizen in het noordwesten</t>
  </si>
  <si>
    <t>2021BU19691108</t>
  </si>
  <si>
    <t>buurten.02189b03-988d-4f8c-bddc-fa0995796940</t>
  </si>
  <si>
    <t>BU19691109</t>
  </si>
  <si>
    <t>Verspreide huizen in het noordoosten</t>
  </si>
  <si>
    <t>2021BU19691109</t>
  </si>
  <si>
    <t>buurten.b00e9b76-2784-4d9e-b621-4c2b7ef4ee10</t>
  </si>
  <si>
    <t>BU19691200</t>
  </si>
  <si>
    <t>De Wilp (gedeeltelijk)</t>
  </si>
  <si>
    <t>WK196912</t>
  </si>
  <si>
    <t>2021BU19691200</t>
  </si>
  <si>
    <t>buurten.1d72c35e-ee87-4af0-9ca5-50271422659f</t>
  </si>
  <si>
    <t>BU19691201</t>
  </si>
  <si>
    <t>Wilpstervaart</t>
  </si>
  <si>
    <t>2021BU19691201</t>
  </si>
  <si>
    <t>buurten.da346bb3-82f0-4cc8-8c76-6c3c3a9069dd</t>
  </si>
  <si>
    <t>BU19691202</t>
  </si>
  <si>
    <t>Keuningswijk</t>
  </si>
  <si>
    <t>2021BU19691202</t>
  </si>
  <si>
    <t>buurten.e38ba975-3992-4259-9063-b07b3ed339ff</t>
  </si>
  <si>
    <t>BU19691204</t>
  </si>
  <si>
    <t>Jonkersvaart</t>
  </si>
  <si>
    <t>2021BU19691204</t>
  </si>
  <si>
    <t>buurten.fc660b6c-757f-4ec0-b2a2-522390424294</t>
  </si>
  <si>
    <t>BU19691208</t>
  </si>
  <si>
    <t>Verspreide huizen ten noorden van Jonkersvaart</t>
  </si>
  <si>
    <t>2021BU19691208</t>
  </si>
  <si>
    <t>buurten.709a735c-5bbf-45f6-a86d-c66d43a95451</t>
  </si>
  <si>
    <t>BU19691209</t>
  </si>
  <si>
    <t>Verspreide huizen ten noorden van de Wilp</t>
  </si>
  <si>
    <t>2021BU19691209</t>
  </si>
  <si>
    <t>buurten.8ff67011-5c62-4541-84dd-030eb459f495</t>
  </si>
  <si>
    <t>BU19691300</t>
  </si>
  <si>
    <t>Ezinge</t>
  </si>
  <si>
    <t>WK196913</t>
  </si>
  <si>
    <t>2021BU19691300</t>
  </si>
  <si>
    <t>buurten.8522c747-ea76-4715-8756-fd258481fa62</t>
  </si>
  <si>
    <t>BU19691301</t>
  </si>
  <si>
    <t>Feerwerd</t>
  </si>
  <si>
    <t>2021BU19691301</t>
  </si>
  <si>
    <t>buurten.2442fbab-493b-44f0-8eb6-3475533c6b62</t>
  </si>
  <si>
    <t>BU19691302</t>
  </si>
  <si>
    <t>Garnwerd</t>
  </si>
  <si>
    <t>2021BU19691302</t>
  </si>
  <si>
    <t>buurten.e644dad2-dc3d-4c09-904c-51158d87ba81</t>
  </si>
  <si>
    <t>BU19691309</t>
  </si>
  <si>
    <t>Verspreide huizen Ezinge</t>
  </si>
  <si>
    <t>2021BU19691309</t>
  </si>
  <si>
    <t>buurten.05f10c72-af7d-448b-b39c-b64973c8e2f1</t>
  </si>
  <si>
    <t>BU19691400</t>
  </si>
  <si>
    <t>Zuidhorn</t>
  </si>
  <si>
    <t>WK196914</t>
  </si>
  <si>
    <t>2021BU19691400</t>
  </si>
  <si>
    <t>buurten.a6a4cb3a-c1bb-4543-96c9-9ffaeb8f30fd</t>
  </si>
  <si>
    <t>PL1969010004</t>
  </si>
  <si>
    <t>Onderzoek potentie TEO Van Starkenborghkanaal</t>
  </si>
  <si>
    <t>BU19691401</t>
  </si>
  <si>
    <t>Noordhorn</t>
  </si>
  <si>
    <t>2021BU19691401</t>
  </si>
  <si>
    <t>buurten.6964cdec-e496-4951-a446-33ce1e82864d</t>
  </si>
  <si>
    <t>BU19691402</t>
  </si>
  <si>
    <t>Niezijl</t>
  </si>
  <si>
    <t>2021BU19691402</t>
  </si>
  <si>
    <t>buurten.ddfca655-5939-4294-ba3f-337ffdad213f</t>
  </si>
  <si>
    <t>BU19691403</t>
  </si>
  <si>
    <t>Briltil</t>
  </si>
  <si>
    <t>2021BU19691403</t>
  </si>
  <si>
    <t>buurten.97423ec1-60f7-4801-a790-4b9ae399c8a4</t>
  </si>
  <si>
    <t>BU19691409</t>
  </si>
  <si>
    <t>Verspreide huizen Zuidhorn</t>
  </si>
  <si>
    <t>2021BU19691409</t>
  </si>
  <si>
    <t>buurten.014e96d2-657b-4de2-a3a8-1ea2741f9bde</t>
  </si>
  <si>
    <t>BU19691500</t>
  </si>
  <si>
    <t>Grijpskerk</t>
  </si>
  <si>
    <t>WK196915</t>
  </si>
  <si>
    <t>2021BU19691500</t>
  </si>
  <si>
    <t>buurten.0ced7d33-f85e-4e7a-97bb-443d5c3bacff</t>
  </si>
  <si>
    <t>BU19691502</t>
  </si>
  <si>
    <t>Visvliet</t>
  </si>
  <si>
    <t>2021BU19691502</t>
  </si>
  <si>
    <t>buurten.7cf01d61-9dc1-45d2-b670-10ccb22200fb</t>
  </si>
  <si>
    <t>BU19691503</t>
  </si>
  <si>
    <t>Kommerzijl</t>
  </si>
  <si>
    <t>2021BU19691503</t>
  </si>
  <si>
    <t>buurten.bebd8a34-7103-4d01-9fbe-4b0a088ac9b6</t>
  </si>
  <si>
    <t>BU19691504</t>
  </si>
  <si>
    <t>Pieterzijl</t>
  </si>
  <si>
    <t>2021BU19691504</t>
  </si>
  <si>
    <t>buurten.3f1a4a79-8583-4b91-af65-f933945e8aaf</t>
  </si>
  <si>
    <t>BU19691509</t>
  </si>
  <si>
    <t>Verspreide huizen Grijpskerk</t>
  </si>
  <si>
    <t>2021BU19691509</t>
  </si>
  <si>
    <t>buurten.7375e697-8bc9-426b-b48c-fd9473b184b3</t>
  </si>
  <si>
    <t>BU19691600</t>
  </si>
  <si>
    <t>WK196916</t>
  </si>
  <si>
    <t>2021BU19691600</t>
  </si>
  <si>
    <t>buurten.7066b9f0-4449-4f45-aa20-fb8adcbf7e50</t>
  </si>
  <si>
    <t>BU19691601</t>
  </si>
  <si>
    <t>Niehove</t>
  </si>
  <si>
    <t>2021BU19691601</t>
  </si>
  <si>
    <t>buurten.b77650a2-9790-40bd-aa6c-e6cb5c30bf11</t>
  </si>
  <si>
    <t>BU19691603</t>
  </si>
  <si>
    <t>Saaksum</t>
  </si>
  <si>
    <t>2021BU19691603</t>
  </si>
  <si>
    <t>buurten.b7fd9d20-6f46-4da9-9ce0-429e71888035</t>
  </si>
  <si>
    <t>BU19691604</t>
  </si>
  <si>
    <t>Lauwerzijl</t>
  </si>
  <si>
    <t>2021BU19691604</t>
  </si>
  <si>
    <t>buurten.1959da46-e1c0-4693-8430-ed1699b37a3d</t>
  </si>
  <si>
    <t>BU19691608</t>
  </si>
  <si>
    <t>Verspreide huizen Ruigezand en Nieuwe Ruigezand</t>
  </si>
  <si>
    <t>2021BU19691608</t>
  </si>
  <si>
    <t>buurten.63e21c1b-4cbf-4c9c-9f4d-74352423d236</t>
  </si>
  <si>
    <t>BU19691609</t>
  </si>
  <si>
    <t>2021BU19691609</t>
  </si>
  <si>
    <t>buurten.ebb36fdc-6e52-4d75-9658-369743f78559</t>
  </si>
  <si>
    <t>BU19691700</t>
  </si>
  <si>
    <t>Aduard</t>
  </si>
  <si>
    <t>WK196917</t>
  </si>
  <si>
    <t>2021BU19691700</t>
  </si>
  <si>
    <t>buurten.1c30f98a-a200-4b8e-ae2e-dff23a4684de</t>
  </si>
  <si>
    <t>BU19691701</t>
  </si>
  <si>
    <t>Den Horn</t>
  </si>
  <si>
    <t>2021BU19691701</t>
  </si>
  <si>
    <t>buurten.43060449-4587-4e83-bfaf-85dde8fb4e3a</t>
  </si>
  <si>
    <t>BU19691702</t>
  </si>
  <si>
    <t>2021BU19691702</t>
  </si>
  <si>
    <t>buurten.8af37da9-9ce8-4e5a-bd9a-3e503c411614</t>
  </si>
  <si>
    <t>BU19691709</t>
  </si>
  <si>
    <t>Verspreide huizen Aduard</t>
  </si>
  <si>
    <t>2021BU19691709</t>
  </si>
  <si>
    <t>buurten.97910394-078c-45e3-aed0-a66fe4990459</t>
  </si>
  <si>
    <t>BU19700000</t>
  </si>
  <si>
    <t>Dokkum binnen de Bolwerken</t>
  </si>
  <si>
    <t>WK197000</t>
  </si>
  <si>
    <t>2021BU19700000</t>
  </si>
  <si>
    <t>buurten.c7b5d1b4-b210-4924-8859-942d7d3076cf</t>
  </si>
  <si>
    <t>BU19700001</t>
  </si>
  <si>
    <t>Dokkum Noord</t>
  </si>
  <si>
    <t>2021BU19700001</t>
  </si>
  <si>
    <t>buurten.3185dc2e-171c-4e94-80cf-10e4b159573a</t>
  </si>
  <si>
    <t>BU19700002</t>
  </si>
  <si>
    <t>Dokkum Fonteinslanden</t>
  </si>
  <si>
    <t>2021BU19700002</t>
  </si>
  <si>
    <t>buurten.5923ae42-7f44-4f76-925d-0d7918553850</t>
  </si>
  <si>
    <t>BU19700003</t>
  </si>
  <si>
    <t>Dokkum Fugellan</t>
  </si>
  <si>
    <t>2021BU19700003</t>
  </si>
  <si>
    <t>buurten.bfd6ed3c-58d8-4afc-b376-ce7a216348be</t>
  </si>
  <si>
    <t>BU19700004</t>
  </si>
  <si>
    <t>Dokkum Betterwird</t>
  </si>
  <si>
    <t>2021BU19700004</t>
  </si>
  <si>
    <t>buurten.1dfc3672-8bc2-4820-957a-4fe8a950842b</t>
  </si>
  <si>
    <t>BU19700005</t>
  </si>
  <si>
    <t>Dokkum Hoedemakerspolder</t>
  </si>
  <si>
    <t>2021BU19700005</t>
  </si>
  <si>
    <t>buurten.609926f9-79c0-4d9b-a88f-c42dd0ea6686</t>
  </si>
  <si>
    <t>BU19700006</t>
  </si>
  <si>
    <t>Dokkum De Woudhorne</t>
  </si>
  <si>
    <t>2021BU19700006</t>
  </si>
  <si>
    <t>buurten.cf8deb44-c016-4c4a-ae7e-cee9b8a89981</t>
  </si>
  <si>
    <t>BU19700007</t>
  </si>
  <si>
    <t>De Trije Terpen</t>
  </si>
  <si>
    <t>2021BU19700007</t>
  </si>
  <si>
    <t>buurten.147c59ba-8023-41dc-b315-7a6b9a551563</t>
  </si>
  <si>
    <t>BU19700008</t>
  </si>
  <si>
    <t>Dokkum Weeshuislanden</t>
  </si>
  <si>
    <t>2021BU19700008</t>
  </si>
  <si>
    <t>buurten.05a29faa-c138-496e-9ef4-cfa3232ddef9</t>
  </si>
  <si>
    <t>BU19700009</t>
  </si>
  <si>
    <t>Dokkum Jantjeszeepolder</t>
  </si>
  <si>
    <t>2021BU19700009</t>
  </si>
  <si>
    <t>buurten.6692bfee-5977-4628-93f4-85d4658dc526</t>
  </si>
  <si>
    <t>BU19700010</t>
  </si>
  <si>
    <t>Dokkum Kooilanden</t>
  </si>
  <si>
    <t>2021BU19700010</t>
  </si>
  <si>
    <t>buurten.da4305f2-f3c4-4941-86da-809c38b0c025</t>
  </si>
  <si>
    <t>BU19700011</t>
  </si>
  <si>
    <t>Dokkum Hogedijken</t>
  </si>
  <si>
    <t>2021BU19700011</t>
  </si>
  <si>
    <t>buurten.0342e968-9d78-41e8-b2c8-60c2750e2893</t>
  </si>
  <si>
    <t>BU19700100</t>
  </si>
  <si>
    <t>Metslawier</t>
  </si>
  <si>
    <t>WK197001</t>
  </si>
  <si>
    <t>2021BU19700100</t>
  </si>
  <si>
    <t>buurten.0582723b-1be6-4cef-9c0c-de63053b84f5</t>
  </si>
  <si>
    <t>BU19700101</t>
  </si>
  <si>
    <t>Jouswier</t>
  </si>
  <si>
    <t>2021BU19700101</t>
  </si>
  <si>
    <t>buurten.3660ba4a-30e9-4c83-84d4-7aa6a4c44ceb</t>
  </si>
  <si>
    <t>BU19700102</t>
  </si>
  <si>
    <t>Niawier</t>
  </si>
  <si>
    <t>2021BU19700102</t>
  </si>
  <si>
    <t>buurten.3c39b6ae-7e14-46d5-835b-8e91181ca5da</t>
  </si>
  <si>
    <t>BU19700103</t>
  </si>
  <si>
    <t>Wetsens</t>
  </si>
  <si>
    <t>2021BU19700103</t>
  </si>
  <si>
    <t>buurten.0519cace-3089-46ed-a7db-1aac54f5163f</t>
  </si>
  <si>
    <t>BU19700104</t>
  </si>
  <si>
    <t>Aalsum</t>
  </si>
  <si>
    <t>2021BU19700104</t>
  </si>
  <si>
    <t>buurten.8009eaee-9c23-4d44-a62c-554be236b4e7</t>
  </si>
  <si>
    <t>BU19700105</t>
  </si>
  <si>
    <t>2021BU19700105</t>
  </si>
  <si>
    <t>buurten.49dafa28-82b6-4dbd-b36f-32fadabc8c2e</t>
  </si>
  <si>
    <t>BU19700107</t>
  </si>
  <si>
    <t>Verspreide huizen Metslawier</t>
  </si>
  <si>
    <t>2021BU19700107</t>
  </si>
  <si>
    <t>buurten.b6363c72-3384-4c09-8964-8781fc06cbc5</t>
  </si>
  <si>
    <t>BU19700108</t>
  </si>
  <si>
    <t>Verspreide huizen Niawier</t>
  </si>
  <si>
    <t>2021BU19700108</t>
  </si>
  <si>
    <t>buurten.cef0c9d1-ec71-4fcd-b3a1-7aca28955aa1</t>
  </si>
  <si>
    <t>BU19700109</t>
  </si>
  <si>
    <t>Verspreide huizen Oostrum</t>
  </si>
  <si>
    <t>2021BU19700109</t>
  </si>
  <si>
    <t>buurten.890527d3-908e-4762-a5ba-d582c93dbc3c</t>
  </si>
  <si>
    <t>BU19700200</t>
  </si>
  <si>
    <t>Ee</t>
  </si>
  <si>
    <t>WK197002</t>
  </si>
  <si>
    <t>2021BU19700200</t>
  </si>
  <si>
    <t>buurten.d35c4bb7-325f-4dff-ae98-82874c6c8d6c</t>
  </si>
  <si>
    <t>BU19700201</t>
  </si>
  <si>
    <t>Engwierum</t>
  </si>
  <si>
    <t>2021BU19700201</t>
  </si>
  <si>
    <t>buurten.15421be0-87ab-4039-9a4b-9631702597b9</t>
  </si>
  <si>
    <t>BU19700202</t>
  </si>
  <si>
    <t>Dokkumer Nieuwe Zijlen</t>
  </si>
  <si>
    <t>2021BU19700202</t>
  </si>
  <si>
    <t>buurten.39023fd5-30b3-4ed7-8416-61c085000b9b</t>
  </si>
  <si>
    <t>BU19700208</t>
  </si>
  <si>
    <t>Verspreide huizen Ee</t>
  </si>
  <si>
    <t>2021BU19700208</t>
  </si>
  <si>
    <t>buurten.065cedba-5f75-4ece-a902-a44537366aeb</t>
  </si>
  <si>
    <t>BU19700209</t>
  </si>
  <si>
    <t>Verspreide huizen Engwierum</t>
  </si>
  <si>
    <t>2021BU19700209</t>
  </si>
  <si>
    <t>buurten.8d453af9-4860-46e2-8ebe-75f5d7134fd0</t>
  </si>
  <si>
    <t>BU19700300</t>
  </si>
  <si>
    <t>Anjum</t>
  </si>
  <si>
    <t>WK197003</t>
  </si>
  <si>
    <t>2021BU19700300</t>
  </si>
  <si>
    <t>buurten.91f4be59-53fa-4ecc-9511-2de5efd73253</t>
  </si>
  <si>
    <t>LT warmte uit WKO en/of TEO en/of evt. waterstof</t>
  </si>
  <si>
    <t>LT warmte: aquathermie (TEO) en/of WKO en/of waterstof</t>
  </si>
  <si>
    <t>BU19700301</t>
  </si>
  <si>
    <t>Lioessens</t>
  </si>
  <si>
    <t>2021BU19700301</t>
  </si>
  <si>
    <t>buurten.76a6e343-497c-4eb7-a1d2-5b7fc7ce30b6</t>
  </si>
  <si>
    <t>BU19700302</t>
  </si>
  <si>
    <t>Morra</t>
  </si>
  <si>
    <t>2021BU19700302</t>
  </si>
  <si>
    <t>buurten.abeab4fa-3234-4ed7-86ab-ac3405891e93</t>
  </si>
  <si>
    <t>BU19700303</t>
  </si>
  <si>
    <t>Oostmahorn</t>
  </si>
  <si>
    <t>2021BU19700303</t>
  </si>
  <si>
    <t>buurten.66f9d0d0-5d95-45e0-90ff-397702625561</t>
  </si>
  <si>
    <t>BU19700307</t>
  </si>
  <si>
    <t>Verspreide huizen Anjum</t>
  </si>
  <si>
    <t>2021BU19700307</t>
  </si>
  <si>
    <t>buurten.8b04acb9-11f8-4a61-916f-a9027ff3c407</t>
  </si>
  <si>
    <t>BU19700308</t>
  </si>
  <si>
    <t>Verspreide huizen Lioessens</t>
  </si>
  <si>
    <t>2021BU19700308</t>
  </si>
  <si>
    <t>buurten.308bcd14-c361-4419-b366-11a766468749</t>
  </si>
  <si>
    <t>BU19700309</t>
  </si>
  <si>
    <t>Verspreide huizen Morra</t>
  </si>
  <si>
    <t>2021BU19700309</t>
  </si>
  <si>
    <t>buurten.3b20060b-ed3d-44a6-94bf-1cede427b923</t>
  </si>
  <si>
    <t>BU19700400</t>
  </si>
  <si>
    <t>Oosternijkerk</t>
  </si>
  <si>
    <t>WK197004</t>
  </si>
  <si>
    <t>2021BU19700400</t>
  </si>
  <si>
    <t>buurten.c32c065e-e637-4a26-ac84-364bf43f2342</t>
  </si>
  <si>
    <t>BU19700401</t>
  </si>
  <si>
    <t>Paesens</t>
  </si>
  <si>
    <t>2021BU19700401</t>
  </si>
  <si>
    <t>buurten.e34f004b-dc4b-48ae-aa24-a144e1e30dd3</t>
  </si>
  <si>
    <t>BU19700408</t>
  </si>
  <si>
    <t>Verspreide huizen Oosternijkerk</t>
  </si>
  <si>
    <t>2021BU19700408</t>
  </si>
  <si>
    <t>buurten.e400c6f6-172d-45f8-9e93-092b11d5abdd</t>
  </si>
  <si>
    <t>BU19700409</t>
  </si>
  <si>
    <t>Verspreide huizen Paesens</t>
  </si>
  <si>
    <t>2021BU19700409</t>
  </si>
  <si>
    <t>buurten.af535e53-8e1d-41e2-9678-81b14218c60c</t>
  </si>
  <si>
    <t>BU19700500</t>
  </si>
  <si>
    <t>Ternaard</t>
  </si>
  <si>
    <t>WK197005</t>
  </si>
  <si>
    <t>2021BU19700500</t>
  </si>
  <si>
    <t>buurten.fd475171-7808-4759-ac2b-2e5b15f093c4</t>
  </si>
  <si>
    <t>BU19700501</t>
  </si>
  <si>
    <t>Wierum</t>
  </si>
  <si>
    <t>2021BU19700501</t>
  </si>
  <si>
    <t>buurten.d4846b60-927b-4fc7-a3db-13ce76e6edcc</t>
  </si>
  <si>
    <t>BU19700502</t>
  </si>
  <si>
    <t>2021BU19700502</t>
  </si>
  <si>
    <t>buurten.23a2b3af-5274-4afa-a9cd-6191aeddc300</t>
  </si>
  <si>
    <t>BU19700503</t>
  </si>
  <si>
    <t>Moddergat</t>
  </si>
  <si>
    <t>2021BU19700503</t>
  </si>
  <si>
    <t>buurten.d1e6302d-0575-437b-879d-cbd115a53305</t>
  </si>
  <si>
    <t>BU19700506</t>
  </si>
  <si>
    <t>Verspreide huizen Ternaard</t>
  </si>
  <si>
    <t>2021BU19700506</t>
  </si>
  <si>
    <t>buurten.6cc4193c-9872-49da-9a02-6cb6a79adf77</t>
  </si>
  <si>
    <t>BU19700507</t>
  </si>
  <si>
    <t>Verspreide huizen Wierum</t>
  </si>
  <si>
    <t>2021BU19700507</t>
  </si>
  <si>
    <t>buurten.397bb8e0-279b-41e1-8383-79d573f68aa2</t>
  </si>
  <si>
    <t>BU19700508</t>
  </si>
  <si>
    <t>2021BU19700508</t>
  </si>
  <si>
    <t>buurten.523ac283-2778-4a6d-b1b5-f8691ed66eaf</t>
  </si>
  <si>
    <t>BU19700509</t>
  </si>
  <si>
    <t>Verspreide huizen Moddergat</t>
  </si>
  <si>
    <t>2021BU19700509</t>
  </si>
  <si>
    <t>buurten.555eb5ab-9e1f-45a4-bb80-15b97823d0c0</t>
  </si>
  <si>
    <t>BU19700600</t>
  </si>
  <si>
    <t>Holwerd</t>
  </si>
  <si>
    <t>WK197006</t>
  </si>
  <si>
    <t>2021BU19700600</t>
  </si>
  <si>
    <t>buurten.140ce7e0-9e0f-417c-ab53-269de94e7e69</t>
  </si>
  <si>
    <t>BU19700601</t>
  </si>
  <si>
    <t>Waaxens</t>
  </si>
  <si>
    <t>2021BU19700601</t>
  </si>
  <si>
    <t>buurten.d83c308c-d6f3-4a4a-b0e8-383edfb01901</t>
  </si>
  <si>
    <t>BU19700602</t>
  </si>
  <si>
    <t>Brantgum</t>
  </si>
  <si>
    <t>2021BU19700602</t>
  </si>
  <si>
    <t>buurten.125fc831-1d1e-45a5-a2c8-1184464cb9ad</t>
  </si>
  <si>
    <t>BU19700603</t>
  </si>
  <si>
    <t>Foudgum</t>
  </si>
  <si>
    <t>2021BU19700603</t>
  </si>
  <si>
    <t>buurten.ffa7e06f-5c5e-4e46-9128-a88bc69a2365</t>
  </si>
  <si>
    <t>BU19700604</t>
  </si>
  <si>
    <t>Bornwird</t>
  </si>
  <si>
    <t>2021BU19700604</t>
  </si>
  <si>
    <t>buurten.a1a70d2a-de9c-4add-ac5b-23ee28138d9d</t>
  </si>
  <si>
    <t>BU19700605</t>
  </si>
  <si>
    <t>Raard</t>
  </si>
  <si>
    <t>2021BU19700605</t>
  </si>
  <si>
    <t>buurten.67a06f1d-a1f2-47d7-b688-108e5db36ebe</t>
  </si>
  <si>
    <t>BU19700608</t>
  </si>
  <si>
    <t>Verspreide huizen Holwerd</t>
  </si>
  <si>
    <t>2021BU19700608</t>
  </si>
  <si>
    <t>buurten.7dc4aea7-233c-4b12-8207-428c120e5fac</t>
  </si>
  <si>
    <t>BU19700609</t>
  </si>
  <si>
    <t>Verspreide huizen Brantgum</t>
  </si>
  <si>
    <t>2021BU19700609</t>
  </si>
  <si>
    <t>buurten.2715cb5b-c1ec-4875-b4e3-0a97395dda4e</t>
  </si>
  <si>
    <t>BU19700700</t>
  </si>
  <si>
    <t>Hantum</t>
  </si>
  <si>
    <t>WK197007</t>
  </si>
  <si>
    <t>2021BU19700700</t>
  </si>
  <si>
    <t>buurten.9db2f119-d20f-46a4-964a-241c4e7f19ef</t>
  </si>
  <si>
    <t>BU19700701</t>
  </si>
  <si>
    <t>Hantumhuizen</t>
  </si>
  <si>
    <t>2021BU19700701</t>
  </si>
  <si>
    <t>buurten.dbeef4df-fc2a-45e6-8200-f5c168d0f170</t>
  </si>
  <si>
    <t>BU19700702</t>
  </si>
  <si>
    <t>Hantumeruitburen</t>
  </si>
  <si>
    <t>2021BU19700702</t>
  </si>
  <si>
    <t>buurten.d7b6a979-65fa-4134-bc8f-ecd4da374183</t>
  </si>
  <si>
    <t>BU19700703</t>
  </si>
  <si>
    <t>Hiaure</t>
  </si>
  <si>
    <t>2021BU19700703</t>
  </si>
  <si>
    <t>buurten.c6edcef4-37ca-4148-b2e6-46a01fb1dadd</t>
  </si>
  <si>
    <t>BU19700708</t>
  </si>
  <si>
    <t>Verspreide huizen Hantum</t>
  </si>
  <si>
    <t>2021BU19700708</t>
  </si>
  <si>
    <t>buurten.61b2ec30-21a7-4f21-bcc2-6abbd6a24594</t>
  </si>
  <si>
    <t>BU19700709</t>
  </si>
  <si>
    <t>Verspreide huizen Hantumhuizen</t>
  </si>
  <si>
    <t>2021BU19700709</t>
  </si>
  <si>
    <t>buurten.ff82ee60-8cd7-4bc0-8bd2-ff0df155119d</t>
  </si>
  <si>
    <t>BU19700800</t>
  </si>
  <si>
    <t>Ferwerd</t>
  </si>
  <si>
    <t>WK197008</t>
  </si>
  <si>
    <t>2021BU19700800</t>
  </si>
  <si>
    <t>buurten.a180efc1-71d7-4001-9b7e-ba8d38ff91cb</t>
  </si>
  <si>
    <t>BU19700801</t>
  </si>
  <si>
    <t>Marrum</t>
  </si>
  <si>
    <t>2021BU19700801</t>
  </si>
  <si>
    <t>buurten.d8bdb609-7ac2-4e1a-84eb-11fed65ec757</t>
  </si>
  <si>
    <t>BU19700802</t>
  </si>
  <si>
    <t>Blija</t>
  </si>
  <si>
    <t>2021BU19700802</t>
  </si>
  <si>
    <t>buurten.e829e1ed-c9b6-494e-9237-26254d0c510e</t>
  </si>
  <si>
    <t>BU19700803</t>
  </si>
  <si>
    <t>Hogebeintum</t>
  </si>
  <si>
    <t>2021BU19700803</t>
  </si>
  <si>
    <t>buurten.4b88730a-580c-4416-ba87-55dc82fe09c2</t>
  </si>
  <si>
    <t>BU19700807</t>
  </si>
  <si>
    <t>Verspreide huizen Ferwerd</t>
  </si>
  <si>
    <t>2021BU19700807</t>
  </si>
  <si>
    <t>buurten.1eb52cc0-43da-4bc9-954b-e0e43cff333b</t>
  </si>
  <si>
    <t>BU19700808</t>
  </si>
  <si>
    <t>Verspreide huizen Marrum-Westernijkerk</t>
  </si>
  <si>
    <t>2021BU19700808</t>
  </si>
  <si>
    <t>buurten.b0a0c0f0-8725-4019-a67c-8d1bc1b37853</t>
  </si>
  <si>
    <t>BU19700809</t>
  </si>
  <si>
    <t>Verspreide huizen Blija</t>
  </si>
  <si>
    <t>2021BU19700809</t>
  </si>
  <si>
    <t>buurten.42c3d0fd-0c0b-4074-bb15-238552b8d58f</t>
  </si>
  <si>
    <t>BU19700900</t>
  </si>
  <si>
    <t>Hallum</t>
  </si>
  <si>
    <t>WK197009</t>
  </si>
  <si>
    <t>2021BU19700900</t>
  </si>
  <si>
    <t>buurten.592cfd18-d47b-4feb-a87a-4456abec4243</t>
  </si>
  <si>
    <t>PL1970010001</t>
  </si>
  <si>
    <t>kwaliteit en kwantiteit warmtewinning</t>
  </si>
  <si>
    <t>restwarmte (koekfabrieken)</t>
  </si>
  <si>
    <t>BU19700909</t>
  </si>
  <si>
    <t>Verspreide huizen Hallum</t>
  </si>
  <si>
    <t>2021BU19700909</t>
  </si>
  <si>
    <t>buurten.1822e317-fc81-4f26-b9c1-c8650ac5bbea</t>
  </si>
  <si>
    <t>BU19701000</t>
  </si>
  <si>
    <t>Birdaard</t>
  </si>
  <si>
    <t>WK197010</t>
  </si>
  <si>
    <t>2021BU19701000</t>
  </si>
  <si>
    <t>buurten.9f530da5-2209-4a07-95e6-a0b703a3ceb0</t>
  </si>
  <si>
    <t>BU19701001</t>
  </si>
  <si>
    <t>Wanswerd</t>
  </si>
  <si>
    <t>2021BU19701001</t>
  </si>
  <si>
    <t>buurten.7ecc4e90-564d-4057-8e8e-bd8eb8121b6a</t>
  </si>
  <si>
    <t>BU19701002</t>
  </si>
  <si>
    <t>Jislum</t>
  </si>
  <si>
    <t>2021BU19701002</t>
  </si>
  <si>
    <t>buurten.27236073-9ff1-4771-9a5f-0e651f4cd7b1</t>
  </si>
  <si>
    <t>BU19701003</t>
  </si>
  <si>
    <t>Genum</t>
  </si>
  <si>
    <t>2021BU19701003</t>
  </si>
  <si>
    <t>buurten.407985e9-c214-42f2-b7c5-703e31aa7be3</t>
  </si>
  <si>
    <t>BU19701004</t>
  </si>
  <si>
    <t>Reitsum</t>
  </si>
  <si>
    <t>2021BU19701004</t>
  </si>
  <si>
    <t>buurten.4176d0de-b499-4ca8-9516-03903ea10b72</t>
  </si>
  <si>
    <t>BU19701005</t>
  </si>
  <si>
    <t>Lichtaard</t>
  </si>
  <si>
    <t>2021BU19701005</t>
  </si>
  <si>
    <t>buurten.cd8c823b-25c7-45c6-b30e-a578c7781ca1</t>
  </si>
  <si>
    <t>BU19701006</t>
  </si>
  <si>
    <t>Janum</t>
  </si>
  <si>
    <t>2021BU19701006</t>
  </si>
  <si>
    <t>buurten.b0b990fa-a9fc-42a1-94a0-8f45f1a92a9e</t>
  </si>
  <si>
    <t>BU19701008</t>
  </si>
  <si>
    <t>Verspreide huizen Birdaard</t>
  </si>
  <si>
    <t>2021BU19701008</t>
  </si>
  <si>
    <t>buurten.33f2a442-e12a-453a-8e14-265f3ba5e35b</t>
  </si>
  <si>
    <t>BU19701009</t>
  </si>
  <si>
    <t>Verspreide huizen Wanswerd</t>
  </si>
  <si>
    <t>2021BU19701009</t>
  </si>
  <si>
    <t>buurten.092b2cde-ba21-4fd1-b65b-01ba41173d2a</t>
  </si>
  <si>
    <t>BU19701100</t>
  </si>
  <si>
    <t>Kollum</t>
  </si>
  <si>
    <t>WK197011</t>
  </si>
  <si>
    <t>2021BU19701100</t>
  </si>
  <si>
    <t>buurten.581565bb-9cea-42b0-a824-84e33edca49d</t>
  </si>
  <si>
    <t>BU19701109</t>
  </si>
  <si>
    <t>Verspreide huizen Kollum</t>
  </si>
  <si>
    <t>2021BU19701109</t>
  </si>
  <si>
    <t>buurten.9b4f8b11-b762-415e-bf17-36d29501e3bb</t>
  </si>
  <si>
    <t>voldoende capaciteit electriciteitsnet</t>
  </si>
  <si>
    <t>zonnestroom, lucht, HT warmte</t>
  </si>
  <si>
    <t>HT warmte: zonnewarmte en/of omgevingswarmte</t>
  </si>
  <si>
    <t>BU19701200</t>
  </si>
  <si>
    <t>Burum</t>
  </si>
  <si>
    <t>WK197012</t>
  </si>
  <si>
    <t>2021BU19701200</t>
  </si>
  <si>
    <t>buurten.bc3486b0-4a9d-4e8e-a55c-852edf714366</t>
  </si>
  <si>
    <t>BU19701201</t>
  </si>
  <si>
    <t>Kollumerpomp</t>
  </si>
  <si>
    <t>2021BU19701201</t>
  </si>
  <si>
    <t>buurten.04a77c38-6eb6-4db8-a1af-c9879874ac5d</t>
  </si>
  <si>
    <t>BU19701202</t>
  </si>
  <si>
    <t>Warfstermolen</t>
  </si>
  <si>
    <t>2021BU19701202</t>
  </si>
  <si>
    <t>buurten.0827c46b-ea58-4628-aee4-e449ab805769</t>
  </si>
  <si>
    <t>BU19701203</t>
  </si>
  <si>
    <t>Munnekezijl</t>
  </si>
  <si>
    <t>2021BU19701203</t>
  </si>
  <si>
    <t>buurten.a352fc19-5846-4b02-9134-c0b877f681e6</t>
  </si>
  <si>
    <t>BU19701204</t>
  </si>
  <si>
    <t>Augsbuurt</t>
  </si>
  <si>
    <t>2021BU19701204</t>
  </si>
  <si>
    <t>buurten.31a505eb-155c-4ffb-86d4-a8935c2b1301</t>
  </si>
  <si>
    <t>BU19701206</t>
  </si>
  <si>
    <t>Verspreide huizen Burum</t>
  </si>
  <si>
    <t>2021BU19701206</t>
  </si>
  <si>
    <t>buurten.fea2c6c3-87db-4884-b333-cc6bf655d5d9</t>
  </si>
  <si>
    <t>BU19701207</t>
  </si>
  <si>
    <t>Verspreide huizen Kollumerpomp</t>
  </si>
  <si>
    <t>2021BU19701207</t>
  </si>
  <si>
    <t>buurten.6b3ab0cc-98a4-462a-88ea-675b87f811ca</t>
  </si>
  <si>
    <t>BU19701208</t>
  </si>
  <si>
    <t>Verspreide huizen Warfstermolen</t>
  </si>
  <si>
    <t>2021BU19701208</t>
  </si>
  <si>
    <t>buurten.4723c6e2-33c0-4142-9664-5bad1a7290f3</t>
  </si>
  <si>
    <t>BU19701209</t>
  </si>
  <si>
    <t>Verspreide huizen Munnekezijl</t>
  </si>
  <si>
    <t>2021BU19701209</t>
  </si>
  <si>
    <t>buurten.581babd5-321f-4c4b-a3b0-4c4e94fb734e</t>
  </si>
  <si>
    <t>BU19701300</t>
  </si>
  <si>
    <t>Oudwoude</t>
  </si>
  <si>
    <t>WK197013</t>
  </si>
  <si>
    <t>2021BU19701300</t>
  </si>
  <si>
    <t>buurten.518357a3-0b1e-42de-8da5-9d42c28e159c</t>
  </si>
  <si>
    <t>BU19701301</t>
  </si>
  <si>
    <t>Triemen</t>
  </si>
  <si>
    <t>2021BU19701301</t>
  </si>
  <si>
    <t>buurten.b46f2ff4-79ed-469c-aa39-3f9ad30caf22</t>
  </si>
  <si>
    <t>BU19701302</t>
  </si>
  <si>
    <t>Westergeest</t>
  </si>
  <si>
    <t>2021BU19701302</t>
  </si>
  <si>
    <t>buurten.6f28e9a0-1ff6-4ea3-93d2-f0ec05824b7e</t>
  </si>
  <si>
    <t>BU19701308</t>
  </si>
  <si>
    <t>Verspreide huizen Oudwoude</t>
  </si>
  <si>
    <t>2021BU19701308</t>
  </si>
  <si>
    <t>buurten.4224fa90-e9f0-4989-8449-51d79545d175</t>
  </si>
  <si>
    <t>BU19701309</t>
  </si>
  <si>
    <t>Verspreide huizen Westergeest</t>
  </si>
  <si>
    <t>2021BU19701309</t>
  </si>
  <si>
    <t>buurten.75ced72c-ac74-4843-932a-4439fda80e2d</t>
  </si>
  <si>
    <t>BU19701400</t>
  </si>
  <si>
    <t>Kollumerzwaag</t>
  </si>
  <si>
    <t>WK197014</t>
  </si>
  <si>
    <t>2021BU19701400</t>
  </si>
  <si>
    <t>buurten.2f667d5c-b528-42c5-8188-bfe0ccaf65ea</t>
  </si>
  <si>
    <t>BU19701401</t>
  </si>
  <si>
    <t>Zwagerbosch</t>
  </si>
  <si>
    <t>2021BU19701401</t>
  </si>
  <si>
    <t>buurten.77d1fa7c-a01a-4d40-98cb-0bf1b487cfa6</t>
  </si>
  <si>
    <t>BU19701402</t>
  </si>
  <si>
    <t>Veenklooster</t>
  </si>
  <si>
    <t>2021BU19701402</t>
  </si>
  <si>
    <t>buurten.5e4d8e3a-48c9-4126-9281-d73158959d5b</t>
  </si>
  <si>
    <t>BU19701409</t>
  </si>
  <si>
    <t>Verspreide huizen Kollumerzwaag</t>
  </si>
  <si>
    <t>2021BU19701409</t>
  </si>
  <si>
    <t>buurten.ab3a6414-fe61-43e0-aa9e-ace2ec8993c1</t>
  </si>
  <si>
    <t>BU19780101</t>
  </si>
  <si>
    <t>Arkel-Industriegebied-Zuid1</t>
  </si>
  <si>
    <t>WK197801</t>
  </si>
  <si>
    <t>GM1978</t>
  </si>
  <si>
    <t>Molenlanden</t>
  </si>
  <si>
    <t>2021BU19780101</t>
  </si>
  <si>
    <t>buurten.dd70dca2-44a8-4ab5-a7b0-9e2ab2157bd8</t>
  </si>
  <si>
    <t>DC197801</t>
  </si>
  <si>
    <t>Transitievisie Warmte Molenlanden 1.0</t>
  </si>
  <si>
    <t>op voorwaarde van beschikbaar komen van middelen vanuit de Rijksoverheid, o.a. voor capaciteit bij de gemeente</t>
  </si>
  <si>
    <t>meest waarschijnlijke warmtealternatieven schetsen en uitvoeringsagenda opstellen met op hoofdlijnen activiteiten voor komende jaren</t>
  </si>
  <si>
    <t>https://ris2.ibabs.eu/Agenda/Details/Molenlanden/43d4bbec-3248-4dd8-9124-74fc5b419bc0</t>
  </si>
  <si>
    <t>PL1978010003</t>
  </si>
  <si>
    <t>Arkel bedrijventerrein</t>
  </si>
  <si>
    <t>beschikbaar komen van middelen, bewoners en bedrijven bepalen zelf of ze mee willen doen</t>
  </si>
  <si>
    <t>verkennen van mogelijkheden</t>
  </si>
  <si>
    <t>BU19780102</t>
  </si>
  <si>
    <t>Arkel-Industriegebied-Noord</t>
  </si>
  <si>
    <t>2021BU19780102</t>
  </si>
  <si>
    <t>buurten.18e35f92-f713-485d-ae46-206870529a52</t>
  </si>
  <si>
    <t>BU19780103</t>
  </si>
  <si>
    <t>Arkel-Industriegebied-West</t>
  </si>
  <si>
    <t>2021BU19780103</t>
  </si>
  <si>
    <t>buurten.19519dbe-bd39-463f-9f34-b4599b789edb</t>
  </si>
  <si>
    <t>BU19780104</t>
  </si>
  <si>
    <t>Arkel-Dorp</t>
  </si>
  <si>
    <t>2021BU19780104</t>
  </si>
  <si>
    <t>buurten.ba30ccae-9711-430e-8cd5-e4c5028c043d</t>
  </si>
  <si>
    <t>BU19780105</t>
  </si>
  <si>
    <t>Arkel-Industriegebied-Zuid2</t>
  </si>
  <si>
    <t>2021BU19780105</t>
  </si>
  <si>
    <t>buurten.43da5966-83d0-4622-b45f-bc2f13b412e8</t>
  </si>
  <si>
    <t>BU19780106</t>
  </si>
  <si>
    <t>Lintbebouwing-Noord</t>
  </si>
  <si>
    <t>2021BU19780106</t>
  </si>
  <si>
    <t>buurten.5bb9dbe2-25a5-40d9-ade0-ef31cc251711</t>
  </si>
  <si>
    <t>BU19780107</t>
  </si>
  <si>
    <t>Arkel-Buitengebied-Zuid-West</t>
  </si>
  <si>
    <t>2021BU19780107</t>
  </si>
  <si>
    <t>buurten.f1ea76d2-fd12-4a4f-ab11-2cc126ba5716</t>
  </si>
  <si>
    <t>BU19780108</t>
  </si>
  <si>
    <t>Arkel-Buitengebied-Oost</t>
  </si>
  <si>
    <t>2021BU19780108</t>
  </si>
  <si>
    <t>buurten.972c85c6-0c05-4379-b838-8a006a6828a2</t>
  </si>
  <si>
    <t>BU19780201</t>
  </si>
  <si>
    <t>Bleskensgraaf-Buitengebied-Noord</t>
  </si>
  <si>
    <t>WK197802</t>
  </si>
  <si>
    <t>2021BU19780201</t>
  </si>
  <si>
    <t>buurten.a9e70276-ef4a-4d87-b578-b1a8fadc2710</t>
  </si>
  <si>
    <t>PL1978010002</t>
  </si>
  <si>
    <t>Bleskensgraaf kern en bedrijventerrein</t>
  </si>
  <si>
    <t>aquathermie of restwarmte van kaasfabriek</t>
  </si>
  <si>
    <t>aquathermie en/of restwarmte (voedselindustrie)</t>
  </si>
  <si>
    <t>BU19780202</t>
  </si>
  <si>
    <t>Bleskensgraaf-Buitengebied-Zuid</t>
  </si>
  <si>
    <t>2021BU19780202</t>
  </si>
  <si>
    <t>buurten.9570277d-a33f-4a40-b0a9-2c618d71cc99</t>
  </si>
  <si>
    <t>BU19780203</t>
  </si>
  <si>
    <t>Bleskensgraaf-Dorp</t>
  </si>
  <si>
    <t>2021BU19780203</t>
  </si>
  <si>
    <t>buurten.e3e723be-23b3-4eae-8f03-4fdebad57ad2</t>
  </si>
  <si>
    <t>BU19780204</t>
  </si>
  <si>
    <t>Bleskensgraaf-Melkweg</t>
  </si>
  <si>
    <t>2021BU19780204</t>
  </si>
  <si>
    <t>buurten.9617647e-9e69-4960-bed3-5dda8176e10f</t>
  </si>
  <si>
    <t>BU19780205</t>
  </si>
  <si>
    <t>Bleskensgraaf-West</t>
  </si>
  <si>
    <t>2021BU19780205</t>
  </si>
  <si>
    <t>buurten.c7b35313-eb47-4d99-8d83-0f23fbfdf011</t>
  </si>
  <si>
    <t>BU19780206</t>
  </si>
  <si>
    <t>Bleskensgraaf-Hofwegen</t>
  </si>
  <si>
    <t>2021BU19780206</t>
  </si>
  <si>
    <t>buurten.df2f8003-0ad8-4edf-9832-be3570f3c881</t>
  </si>
  <si>
    <t>BU19780301</t>
  </si>
  <si>
    <t>Brandwijk-Noord-Oost</t>
  </si>
  <si>
    <t>WK197803</t>
  </si>
  <si>
    <t>2021BU19780301</t>
  </si>
  <si>
    <t>buurten.5f7b1d8b-51c9-4b31-95d9-a3d20cca027c</t>
  </si>
  <si>
    <t>BU19780302</t>
  </si>
  <si>
    <t>Brandwijk-Dorp</t>
  </si>
  <si>
    <t>2021BU19780302</t>
  </si>
  <si>
    <t>buurten.b5244323-faeb-4eb2-ad25-9e9e9543b4ad</t>
  </si>
  <si>
    <t>BU19780303</t>
  </si>
  <si>
    <t>Brandwijk-Zuid-West</t>
  </si>
  <si>
    <t>2021BU19780303</t>
  </si>
  <si>
    <t>buurten.84d07fe7-238c-4702-9eee-a31cb61912e8</t>
  </si>
  <si>
    <t>BU19780304</t>
  </si>
  <si>
    <t>Brandwijk-Zuid-Oost</t>
  </si>
  <si>
    <t>2021BU19780304</t>
  </si>
  <si>
    <t>buurten.b096be65-9767-45ef-b8f0-08799d9f55c0</t>
  </si>
  <si>
    <t>BU19780305</t>
  </si>
  <si>
    <t>Brandwijk-Noord-West</t>
  </si>
  <si>
    <t>2021BU19780305</t>
  </si>
  <si>
    <t>buurten.b6216ed3-a658-45fd-91cc-87c190cb510d</t>
  </si>
  <si>
    <t>BU19780307</t>
  </si>
  <si>
    <t>Brandwijk-Buitengebied</t>
  </si>
  <si>
    <t>2021BU19780307</t>
  </si>
  <si>
    <t>buurten.3e223081-7ec7-46e9-b54c-31cfe77ebd50</t>
  </si>
  <si>
    <t>BU19780308</t>
  </si>
  <si>
    <t>Brandwijk-Vuilendam</t>
  </si>
  <si>
    <t>2021BU19780308</t>
  </si>
  <si>
    <t>buurten.00a15828-2f64-4605-a739-d868cc283e10</t>
  </si>
  <si>
    <t>BU19780309</t>
  </si>
  <si>
    <t>Brandwijk-Kern-Oud</t>
  </si>
  <si>
    <t>2021BU19780309</t>
  </si>
  <si>
    <t>buurten.7c578b66-e428-4ffd-b8de-b4f150b12c68</t>
  </si>
  <si>
    <t>BU19780401</t>
  </si>
  <si>
    <t>Giessenburg-West</t>
  </si>
  <si>
    <t>WK197804</t>
  </si>
  <si>
    <t>2021BU19780401</t>
  </si>
  <si>
    <t>buurten.b80b49c2-0eb5-4f1c-a77d-b1b61f4d5b02</t>
  </si>
  <si>
    <t>PL1978010001</t>
  </si>
  <si>
    <t>Giessenburg kern en bedrijventerrein</t>
  </si>
  <si>
    <t>BU19780402</t>
  </si>
  <si>
    <t>Kern-Dorp</t>
  </si>
  <si>
    <t>2021BU19780402</t>
  </si>
  <si>
    <t>buurten.8184c1ed-ecad-476a-a93e-ee57d83f7cc9</t>
  </si>
  <si>
    <t>BU19780403</t>
  </si>
  <si>
    <t>Giessenburg-Zuidwest</t>
  </si>
  <si>
    <t>2021BU19780403</t>
  </si>
  <si>
    <t>buurten.11d34f5a-9c41-420a-b601-7cea7ad174f5</t>
  </si>
  <si>
    <t>BU19780404</t>
  </si>
  <si>
    <t>Giessen-Oudekerk-Dorp</t>
  </si>
  <si>
    <t>2021BU19780404</t>
  </si>
  <si>
    <t>buurten.3ba82ed6-2afa-48f4-a36e-948e1059694a</t>
  </si>
  <si>
    <t>BU19780405</t>
  </si>
  <si>
    <t>Giessenburg-Oost</t>
  </si>
  <si>
    <t>2021BU19780405</t>
  </si>
  <si>
    <t>buurten.6b2853a7-66cc-4159-ad1c-80a607fc4ad8</t>
  </si>
  <si>
    <t>BU19780406</t>
  </si>
  <si>
    <t>Giessenburg-Buitengebied-Zuid</t>
  </si>
  <si>
    <t>2021BU19780406</t>
  </si>
  <si>
    <t>buurten.5a1c1b6a-ae83-47ef-ab41-7127da6e4447</t>
  </si>
  <si>
    <t>BU19780407</t>
  </si>
  <si>
    <t>Giessenburg-Industriegebied</t>
  </si>
  <si>
    <t>2021BU19780407</t>
  </si>
  <si>
    <t>buurten.f28cead0-f9ab-415e-b5fc-d705609cefd8</t>
  </si>
  <si>
    <t>BU19780408</t>
  </si>
  <si>
    <t>Giessenburg-Buitengebied-Noord</t>
  </si>
  <si>
    <t>2021BU19780408</t>
  </si>
  <si>
    <t>buurten.7afe9b01-c39e-409d-ad00-6def9e23c203</t>
  </si>
  <si>
    <t>BU19780409</t>
  </si>
  <si>
    <t>Giessenburg-Recreatie-Zuid</t>
  </si>
  <si>
    <t>2021BU19780409</t>
  </si>
  <si>
    <t>buurten.3327c8a1-1cef-4bac-9a56-71c03b0e9908</t>
  </si>
  <si>
    <t>BU19780410</t>
  </si>
  <si>
    <t>Giessenburg-Recreatie-Noord</t>
  </si>
  <si>
    <t>2021BU19780410</t>
  </si>
  <si>
    <t>buurten.36bcbb53-7ce3-454a-a81b-10566cdfc7cb</t>
  </si>
  <si>
    <t>BU19780501</t>
  </si>
  <si>
    <t>Goudriaan-Oost</t>
  </si>
  <si>
    <t>WK197805</t>
  </si>
  <si>
    <t>2021BU19780501</t>
  </si>
  <si>
    <t>buurten.fe9c174c-62d7-4ba7-92c3-9b9764471e99</t>
  </si>
  <si>
    <t>BU19780502</t>
  </si>
  <si>
    <t>Goudriaan-Dorp</t>
  </si>
  <si>
    <t>2021BU19780502</t>
  </si>
  <si>
    <t>buurten.5e3f8a78-47f6-4de6-814e-4dcc1e356074</t>
  </si>
  <si>
    <t>BU19780503</t>
  </si>
  <si>
    <t>Goudriaan-Buitengebied-Noord</t>
  </si>
  <si>
    <t>2021BU19780503</t>
  </si>
  <si>
    <t>buurten.fc402207-a19d-4fb6-9e31-8f673435648e</t>
  </si>
  <si>
    <t>BU19780504</t>
  </si>
  <si>
    <t>Goudriaan-Buitengebied-Zuid</t>
  </si>
  <si>
    <t>2021BU19780504</t>
  </si>
  <si>
    <t>buurten.4a5f3941-45c7-4671-9065-4d0c7f25e065</t>
  </si>
  <si>
    <t>BU19780601</t>
  </si>
  <si>
    <t>Buitengebied-Ammersekade</t>
  </si>
  <si>
    <t>WK197806</t>
  </si>
  <si>
    <t>2021BU19780601</t>
  </si>
  <si>
    <t>buurten.9c04ce9e-36c8-4ed9-b63e-c4656a95348f</t>
  </si>
  <si>
    <t>BU19780602</t>
  </si>
  <si>
    <t>Groot-Ammers-Gelkenes</t>
  </si>
  <si>
    <t>2021BU19780602</t>
  </si>
  <si>
    <t>buurten.ea3295e8-0530-4b6e-999b-930527ab641a</t>
  </si>
  <si>
    <t>BU19780603</t>
  </si>
  <si>
    <t>Dijkgebied-Groot-Ammers</t>
  </si>
  <si>
    <t>2021BU19780603</t>
  </si>
  <si>
    <t>buurten.20de006a-1544-471a-9c0b-5f71877875a7</t>
  </si>
  <si>
    <t>BU19780604</t>
  </si>
  <si>
    <t>Groot-Ammers-Dorp</t>
  </si>
  <si>
    <t>2021BU19780604</t>
  </si>
  <si>
    <t>buurten.db630017-1343-4cee-b533-c4b5e0c30601</t>
  </si>
  <si>
    <t>BU19780605</t>
  </si>
  <si>
    <t>Groot-Ammers-Haven</t>
  </si>
  <si>
    <t>2021BU19780605</t>
  </si>
  <si>
    <t>buurten.3cdcf9f2-4014-4502-b89f-bfd7d0c434d4</t>
  </si>
  <si>
    <t>BU19780607</t>
  </si>
  <si>
    <t>Groot-Ammers-Graafland</t>
  </si>
  <si>
    <t>2021BU19780607</t>
  </si>
  <si>
    <t>buurten.4fc3e997-52de-4686-bd3e-4d73b09e3fd6</t>
  </si>
  <si>
    <t>BU19780608</t>
  </si>
  <si>
    <t>Groot-Ammers-Scheepswerf</t>
  </si>
  <si>
    <t>2021BU19780608</t>
  </si>
  <si>
    <t>buurten.3dee0ee9-c8e6-4fdf-9e7a-1be4c56a3eea</t>
  </si>
  <si>
    <t>BU19780609</t>
  </si>
  <si>
    <t>Groot-Ammers-Buitengebied-Zuid</t>
  </si>
  <si>
    <t>2021BU19780609</t>
  </si>
  <si>
    <t>buurten.961a0f19-35fd-4ee3-96c5-978864b081ba</t>
  </si>
  <si>
    <t>BU19780610</t>
  </si>
  <si>
    <t>Groot-Ammers-Buitengebied-Noord</t>
  </si>
  <si>
    <t>2021BU19780610</t>
  </si>
  <si>
    <t>buurten.d62525cd-2875-4b82-8a7b-c21a845c0b55</t>
  </si>
  <si>
    <t>BU19780701</t>
  </si>
  <si>
    <t>Hoogblokland-Bazeldijk</t>
  </si>
  <si>
    <t>WK197807</t>
  </si>
  <si>
    <t>2021BU19780701</t>
  </si>
  <si>
    <t>buurten.23d17045-6717-413e-866d-670e92fcdfa4</t>
  </si>
  <si>
    <t>BU19780702</t>
  </si>
  <si>
    <t>Hoogblokland-Dorp</t>
  </si>
  <si>
    <t>2021BU19780702</t>
  </si>
  <si>
    <t>buurten.08eb6fb3-ee87-4d88-8b78-5b62ca474cef</t>
  </si>
  <si>
    <t>BU19780703</t>
  </si>
  <si>
    <t>Hoogblokland-Minkeloos</t>
  </si>
  <si>
    <t>2021BU19780703</t>
  </si>
  <si>
    <t>buurten.d1c2001a-2d4a-414d-be85-df4a59b220cf</t>
  </si>
  <si>
    <t>BU19780704</t>
  </si>
  <si>
    <t>Hoogblokland-Noord</t>
  </si>
  <si>
    <t>2021BU19780704</t>
  </si>
  <si>
    <t>buurten.ef964dca-1832-4a6f-a2c3-1ba84b5b44ac</t>
  </si>
  <si>
    <t>BU19780705</t>
  </si>
  <si>
    <t>Hoogblokland-Buitengebied-Noord</t>
  </si>
  <si>
    <t>2021BU19780705</t>
  </si>
  <si>
    <t>buurten.d4fb1bbd-b05d-4551-961a-4efbc0b9cd43</t>
  </si>
  <si>
    <t>BU19780706</t>
  </si>
  <si>
    <t>Hoogblokland-Buitengebied-Zuid</t>
  </si>
  <si>
    <t>2021BU19780706</t>
  </si>
  <si>
    <t>buurten.004ad8e7-9ea2-4828-9288-4f17aad396ae</t>
  </si>
  <si>
    <t>BU19780801</t>
  </si>
  <si>
    <t>Hoornaar-Buitengebied-Noord</t>
  </si>
  <si>
    <t>WK197808</t>
  </si>
  <si>
    <t>2021BU19780801</t>
  </si>
  <si>
    <t>buurten.56789552-66cc-4d7b-8079-c07356084929</t>
  </si>
  <si>
    <t>PL1978010004</t>
  </si>
  <si>
    <t>Pilot gespikkeld bezit in Hoornaar</t>
  </si>
  <si>
    <t>BU19780802</t>
  </si>
  <si>
    <t>Hoornaar-Dorp</t>
  </si>
  <si>
    <t>2021BU19780802</t>
  </si>
  <si>
    <t>buurten.14a31bf9-a531-423e-9d23-2a445b77af49</t>
  </si>
  <si>
    <t>BU19780803</t>
  </si>
  <si>
    <t>Hoornaar-Lage-Giessen</t>
  </si>
  <si>
    <t>2021BU19780803</t>
  </si>
  <si>
    <t>buurten.75ed1f51-d964-4294-b2a9-77803042e9a6</t>
  </si>
  <si>
    <t>BU19780804</t>
  </si>
  <si>
    <t>Hoornaar-Buitengebied-Zuid-Oost</t>
  </si>
  <si>
    <t>2021BU19780804</t>
  </si>
  <si>
    <t>buurten.1d173aa2-4815-4e4c-b53d-a5cc5357809b</t>
  </si>
  <si>
    <t>BU19780901</t>
  </si>
  <si>
    <t>Dijkgebied-Kinderdijk</t>
  </si>
  <si>
    <t>WK197809</t>
  </si>
  <si>
    <t>2021BU19780901</t>
  </si>
  <si>
    <t>buurten.c374d4b4-1388-48b9-8daa-78c474fb6410</t>
  </si>
  <si>
    <t>BU19780902</t>
  </si>
  <si>
    <t>IHC-Kinderdijk</t>
  </si>
  <si>
    <t>2021BU19780902</t>
  </si>
  <si>
    <t>buurten.716920ea-0d86-4b9a-952f-41c8aa4f3b9b</t>
  </si>
  <si>
    <t>BU19780903</t>
  </si>
  <si>
    <t>Kinderdijk-Dorp</t>
  </si>
  <si>
    <t>2021BU19780903</t>
  </si>
  <si>
    <t>buurten.aeed74fa-da81-44d7-911a-fe10a82e13e9</t>
  </si>
  <si>
    <t>BU19780904</t>
  </si>
  <si>
    <t>Kinderdijk-Buitengebied</t>
  </si>
  <si>
    <t>2021BU19780904</t>
  </si>
  <si>
    <t>buurten.aa802da9-7fef-4e61-bd25-d31eb649e79b</t>
  </si>
  <si>
    <t>BU19781001</t>
  </si>
  <si>
    <t>WK197810</t>
  </si>
  <si>
    <t>2021BU19781001</t>
  </si>
  <si>
    <t>buurten.3e8b6cec-fbcd-411f-aed1-e75c4126f9c1</t>
  </si>
  <si>
    <t>BU19781002</t>
  </si>
  <si>
    <t>Dijkgebied-Langerak</t>
  </si>
  <si>
    <t>2021BU19781002</t>
  </si>
  <si>
    <t>buurten.acbe0241-2adc-42cd-b31e-e8e4a612577d</t>
  </si>
  <si>
    <t>BU19781003</t>
  </si>
  <si>
    <t>Langerak-Dorp</t>
  </si>
  <si>
    <t>2021BU19781003</t>
  </si>
  <si>
    <t>buurten.5f6d27d8-016c-4a18-9a07-0650f3666e83</t>
  </si>
  <si>
    <t>BU19781004</t>
  </si>
  <si>
    <t>Langerak-Buitengebied</t>
  </si>
  <si>
    <t>2021BU19781004</t>
  </si>
  <si>
    <t>buurten.6827f9cc-f2d9-4334-b246-80827187171f</t>
  </si>
  <si>
    <t>BU19781101</t>
  </si>
  <si>
    <t>Molenaarsgraaf-Dorp</t>
  </si>
  <si>
    <t>WK197811</t>
  </si>
  <si>
    <t>2021BU19781101</t>
  </si>
  <si>
    <t>buurten.fab31831-2975-4285-9fb0-7a4996f7a15b</t>
  </si>
  <si>
    <t>BU19781102</t>
  </si>
  <si>
    <t>Molenaarsgraaf-West</t>
  </si>
  <si>
    <t>2021BU19781102</t>
  </si>
  <si>
    <t>buurten.b553ec21-0506-4f57-b273-732cea1bc041</t>
  </si>
  <si>
    <t>BU19781103</t>
  </si>
  <si>
    <t>Molenaarsgraaf-Vuilendam</t>
  </si>
  <si>
    <t>2021BU19781103</t>
  </si>
  <si>
    <t>buurten.e2351bd1-9fb2-44cb-9237-ff52a37f26f8</t>
  </si>
  <si>
    <t>BU19781104</t>
  </si>
  <si>
    <t>Molenaarsgraaf-Polderweg-oost</t>
  </si>
  <si>
    <t>2021BU19781104</t>
  </si>
  <si>
    <t>buurten.970ce545-04fa-41f3-830f-641ca457f956</t>
  </si>
  <si>
    <t>BU19781105</t>
  </si>
  <si>
    <t>Molenaarsgraaf-Buitengebied</t>
  </si>
  <si>
    <t>2021BU19781105</t>
  </si>
  <si>
    <t>buurten.d93c03a1-5579-422f-827f-9d2cb81f0c17</t>
  </si>
  <si>
    <t>BU19781106</t>
  </si>
  <si>
    <t>Molenaarsgraaf-Oost</t>
  </si>
  <si>
    <t>2021BU19781106</t>
  </si>
  <si>
    <t>buurten.9d70469e-36b2-488a-989c-5d714160d763</t>
  </si>
  <si>
    <t>BU19781201</t>
  </si>
  <si>
    <t>Nieuw-Lekkerland-Dorp</t>
  </si>
  <si>
    <t>WK197812</t>
  </si>
  <si>
    <t>2021BU19781201</t>
  </si>
  <si>
    <t>buurten.b2a1cd92-e4b0-4066-bd42-4604e8bc1e0c</t>
  </si>
  <si>
    <t>BU19781202</t>
  </si>
  <si>
    <t>Nieuw-Lekkerland-Middelweg</t>
  </si>
  <si>
    <t>2021BU19781202</t>
  </si>
  <si>
    <t>buurten.824d15e9-7656-4e3c-95c3-820b97f071f6</t>
  </si>
  <si>
    <t>BU19781203</t>
  </si>
  <si>
    <t>Industriegebied-Dorp</t>
  </si>
  <si>
    <t>2021BU19781203</t>
  </si>
  <si>
    <t>buurten.6cbc4ada-943b-4c0b-811c-7ef8647ad258</t>
  </si>
  <si>
    <t>BU19781204</t>
  </si>
  <si>
    <t>Nieuw-Lekkerland-Buitengebied</t>
  </si>
  <si>
    <t>2021BU19781204</t>
  </si>
  <si>
    <t>buurten.b4099142-1565-48c1-9936-4855ef846410</t>
  </si>
  <si>
    <t>BU19781205</t>
  </si>
  <si>
    <t>Nieuw-Lekkerland-Noord</t>
  </si>
  <si>
    <t>2021BU19781205</t>
  </si>
  <si>
    <t>buurten.505f701f-d479-402d-b3df-2e4567b92e96</t>
  </si>
  <si>
    <t>BU19781206</t>
  </si>
  <si>
    <t>Industriegebied-Oost</t>
  </si>
  <si>
    <t>2021BU19781206</t>
  </si>
  <si>
    <t>buurten.352476b8-4e43-4e85-b999-581e29fed91b</t>
  </si>
  <si>
    <t>BU19781207</t>
  </si>
  <si>
    <t>Dijkgebied-Nieuw-Lekkerland</t>
  </si>
  <si>
    <t>2021BU19781207</t>
  </si>
  <si>
    <t>buurten.ba4d081e-4b04-4e68-896a-3348278687eb</t>
  </si>
  <si>
    <t>BU19781301</t>
  </si>
  <si>
    <t>Nieuwpoort-Stad</t>
  </si>
  <si>
    <t>WK197813</t>
  </si>
  <si>
    <t>2021BU19781301</t>
  </si>
  <si>
    <t>buurten.4b202f55-7eca-43da-81af-e1c49a1bce11</t>
  </si>
  <si>
    <t>BU19781302</t>
  </si>
  <si>
    <t>Dijkgebied-Nieuwpoort</t>
  </si>
  <si>
    <t>2021BU19781302</t>
  </si>
  <si>
    <t>buurten.3f664fc2-0755-4896-a202-7ae729ccf798</t>
  </si>
  <si>
    <t>BU19781401</t>
  </si>
  <si>
    <t>Noordeloos-Industriegebied</t>
  </si>
  <si>
    <t>WK197814</t>
  </si>
  <si>
    <t>2021BU19781401</t>
  </si>
  <si>
    <t>buurten.6da03c90-c9f6-4ec9-acd1-e899a03c42f8</t>
  </si>
  <si>
    <t>BU19781402</t>
  </si>
  <si>
    <t>Noordeloos-Buitengebied-Zuid</t>
  </si>
  <si>
    <t>2021BU19781402</t>
  </si>
  <si>
    <t>buurten.e3fde47e-6902-4990-98eb-3031e5513175</t>
  </si>
  <si>
    <t>BU19781403</t>
  </si>
  <si>
    <t>Noordeloos-Middelweg</t>
  </si>
  <si>
    <t>2021BU19781403</t>
  </si>
  <si>
    <t>buurten.80c0af1e-71ba-4aaf-b392-f0118b67b3b8</t>
  </si>
  <si>
    <t>BU19781405</t>
  </si>
  <si>
    <t>Noordeloos-Overslingeland</t>
  </si>
  <si>
    <t>2021BU19781405</t>
  </si>
  <si>
    <t>buurten.80e638d8-bb2a-4041-9638-a1ef8acbc9f1</t>
  </si>
  <si>
    <t>BU19781406</t>
  </si>
  <si>
    <t>Noordeloos-Dorp</t>
  </si>
  <si>
    <t>2021BU19781406</t>
  </si>
  <si>
    <t>buurten.42e64bf7-64f1-4caa-836d-e7b68a290bdb</t>
  </si>
  <si>
    <t>BU19781407</t>
  </si>
  <si>
    <t>Noordeloos-Oost</t>
  </si>
  <si>
    <t>2021BU19781407</t>
  </si>
  <si>
    <t>buurten.aee714c8-6062-46c6-8b92-b5fd163c0656</t>
  </si>
  <si>
    <t>BU19781408</t>
  </si>
  <si>
    <t>Noordeloos-West</t>
  </si>
  <si>
    <t>2021BU19781408</t>
  </si>
  <si>
    <t>buurten.d148ca9c-2129-4796-ba2a-8cbe95e5e54f</t>
  </si>
  <si>
    <t>BU19781409</t>
  </si>
  <si>
    <t>Noordeloos-Buitengebied-Noord</t>
  </si>
  <si>
    <t>2021BU19781409</t>
  </si>
  <si>
    <t>buurten.742bcb7c-39da-45c2-a1ed-49e60742f393</t>
  </si>
  <si>
    <t>BU19781501</t>
  </si>
  <si>
    <t>Ottoland-Buitengebied-Noord</t>
  </si>
  <si>
    <t>WK197815</t>
  </si>
  <si>
    <t>2021BU19781501</t>
  </si>
  <si>
    <t>buurten.be0c9aaf-3b83-424c-ad3a-81c9b08ed21b</t>
  </si>
  <si>
    <t>BU19781502</t>
  </si>
  <si>
    <t>Ottoland-Langezijde</t>
  </si>
  <si>
    <t>2021BU19781502</t>
  </si>
  <si>
    <t>buurten.99ba62fa-c356-4adb-a7c7-d83a55377a71</t>
  </si>
  <si>
    <t>BU19781503</t>
  </si>
  <si>
    <t>Ottoland-Vuilendam</t>
  </si>
  <si>
    <t>2021BU19781503</t>
  </si>
  <si>
    <t>buurten.4f99fa5f-faf1-4e58-b8e2-cd58d40fa9c0</t>
  </si>
  <si>
    <t>BU19781504</t>
  </si>
  <si>
    <t>Ottoland-Kortezijde</t>
  </si>
  <si>
    <t>2021BU19781504</t>
  </si>
  <si>
    <t>buurten.2c8d34f8-2e11-4a6f-99db-593b8e29edbd</t>
  </si>
  <si>
    <t>BU19781505</t>
  </si>
  <si>
    <t>Ottoland-West</t>
  </si>
  <si>
    <t>2021BU19781505</t>
  </si>
  <si>
    <t>buurten.2a2dbe50-ac05-4d1a-9c53-4175eb455a05</t>
  </si>
  <si>
    <t>BU19781506</t>
  </si>
  <si>
    <t>Ottoland-Oost</t>
  </si>
  <si>
    <t>2021BU19781506</t>
  </si>
  <si>
    <t>buurten.a1ec7a1a-af62-4084-93e4-b89c63c4e149</t>
  </si>
  <si>
    <t>BU19781507</t>
  </si>
  <si>
    <t>Ottoland-Buitengebied-Zuid</t>
  </si>
  <si>
    <t>2021BU19781507</t>
  </si>
  <si>
    <t>buurten.065ed058-2142-41ce-8632-4709e9f10a18</t>
  </si>
  <si>
    <t>BU19781508</t>
  </si>
  <si>
    <t>Ottoland-Dorp</t>
  </si>
  <si>
    <t>2021BU19781508</t>
  </si>
  <si>
    <t>buurten.2999a5b6-835e-4a5f-9785-783ecc4e41b8</t>
  </si>
  <si>
    <t>BU19781509</t>
  </si>
  <si>
    <t>Buitengebied-Laag-Blokland</t>
  </si>
  <si>
    <t>2021BU19781509</t>
  </si>
  <si>
    <t>buurten.018820c5-9dd5-4f0e-a581-fee186477028</t>
  </si>
  <si>
    <t>BU19781510</t>
  </si>
  <si>
    <t>Ottoland-Dorp-West</t>
  </si>
  <si>
    <t>2021BU19781510</t>
  </si>
  <si>
    <t>buurten.c7fca2bd-454c-4add-a349-e146c2dec996</t>
  </si>
  <si>
    <t>BU19781601</t>
  </si>
  <si>
    <t>Oud-Alblas-Oost</t>
  </si>
  <si>
    <t>WK197816</t>
  </si>
  <si>
    <t>2021BU19781601</t>
  </si>
  <si>
    <t>buurten.a291a58e-1918-4f44-893e-bbbc35a6fb03</t>
  </si>
  <si>
    <t>BU19781602</t>
  </si>
  <si>
    <t>Oud-Alblas-West</t>
  </si>
  <si>
    <t>2021BU19781602</t>
  </si>
  <si>
    <t>buurten.543e8dad-01f6-4893-9d20-dc2522bdf730</t>
  </si>
  <si>
    <t>BU19781603</t>
  </si>
  <si>
    <t>Oud-Alblas-Dorp</t>
  </si>
  <si>
    <t>2021BU19781603</t>
  </si>
  <si>
    <t>buurten.e26bdcd9-78b2-4095-afcf-f90845b9ba7f</t>
  </si>
  <si>
    <t>BU19781604</t>
  </si>
  <si>
    <t>Oud-Alblas-Buitengebied-Zuid</t>
  </si>
  <si>
    <t>2021BU19781604</t>
  </si>
  <si>
    <t>buurten.31a03c0d-5933-4245-952b-4e4e65a76ebf</t>
  </si>
  <si>
    <t>BU19781605</t>
  </si>
  <si>
    <t>Oud-Alblas-Buitengebied-Noord</t>
  </si>
  <si>
    <t>2021BU19781605</t>
  </si>
  <si>
    <t>buurten.83d92336-45b0-44f4-8f35-80ae900d1271</t>
  </si>
  <si>
    <t>BU19781701</t>
  </si>
  <si>
    <t>Schelluinen-Dorp</t>
  </si>
  <si>
    <t>WK197817</t>
  </si>
  <si>
    <t>2021BU19781701</t>
  </si>
  <si>
    <t>buurten.c340af47-981d-420e-8eb5-c3f61e58eaed</t>
  </si>
  <si>
    <t>BU19781702</t>
  </si>
  <si>
    <t>Schelluinen-Zuid</t>
  </si>
  <si>
    <t>2021BU19781702</t>
  </si>
  <si>
    <t>buurten.1fba8a30-fa08-494c-a0a4-d742856529e2</t>
  </si>
  <si>
    <t>BU19781703</t>
  </si>
  <si>
    <t>Schelluinen-Griendweg</t>
  </si>
  <si>
    <t>2021BU19781703</t>
  </si>
  <si>
    <t>buurten.9798cc77-129c-44ff-9d16-fd2c4b030f75</t>
  </si>
  <si>
    <t>BU19781704</t>
  </si>
  <si>
    <t>Schelluinen-Buitengebied-West</t>
  </si>
  <si>
    <t>2021BU19781704</t>
  </si>
  <si>
    <t>buurten.566ee9f5-a8d9-4dfd-973b-2f5925cf6230</t>
  </si>
  <si>
    <t>BU19781705</t>
  </si>
  <si>
    <t>Schelluinen-Buitengebied-Noordoost</t>
  </si>
  <si>
    <t>2021BU19781705</t>
  </si>
  <si>
    <t>buurten.4997b215-3d8a-4001-91f7-1e77c9c4b61e</t>
  </si>
  <si>
    <t>BU19781801</t>
  </si>
  <si>
    <t>Dijkgebied-Streefkerk</t>
  </si>
  <si>
    <t>WK197818</t>
  </si>
  <si>
    <t>2021BU19781801</t>
  </si>
  <si>
    <t>buurten.9e26ab52-a698-4e35-b5f2-0477bafbdb60</t>
  </si>
  <si>
    <t>BU19781802</t>
  </si>
  <si>
    <t>Streefkerk-Buitengebied</t>
  </si>
  <si>
    <t>2021BU19781802</t>
  </si>
  <si>
    <t>buurten.4b3f7cb5-57a4-4f51-9993-bc57efe70ef1</t>
  </si>
  <si>
    <t>BU19781803</t>
  </si>
  <si>
    <t>Streefkerk-Dorp</t>
  </si>
  <si>
    <t>2021BU19781803</t>
  </si>
  <si>
    <t>buurten.743b7f1a-b766-459f-94d1-b561e2b9ea60</t>
  </si>
  <si>
    <t>BU19781901</t>
  </si>
  <si>
    <t>Waal-Dorp</t>
  </si>
  <si>
    <t>WK197819</t>
  </si>
  <si>
    <t>2021BU19781901</t>
  </si>
  <si>
    <t>buurten.c6ba111b-ea5b-40a4-accd-536659774585</t>
  </si>
  <si>
    <t>BU19782001</t>
  </si>
  <si>
    <t>Wijngaarden-Buitengebied</t>
  </si>
  <si>
    <t>WK197820</t>
  </si>
  <si>
    <t>2021BU19782001</t>
  </si>
  <si>
    <t>buurten.f74ff37f-3b34-447b-bb7f-551b80ae70f6</t>
  </si>
  <si>
    <t>All-electric vriesenpolder</t>
  </si>
  <si>
    <t>BU19782002</t>
  </si>
  <si>
    <t>2021BU19782002</t>
  </si>
  <si>
    <t>buurten.4ede4aba-c4ee-4887-a5a3-8c0753ee4cc0</t>
  </si>
  <si>
    <t>BU19782003</t>
  </si>
  <si>
    <t>Lintbebouwing-Oost</t>
  </si>
  <si>
    <t>2021BU19782003</t>
  </si>
  <si>
    <t>buurten.a6045d58-02c5-4ef5-81ad-f7e845b16b55</t>
  </si>
  <si>
    <t>BU19782004</t>
  </si>
  <si>
    <t>Lintbebouwing-West</t>
  </si>
  <si>
    <t>2021BU19782004</t>
  </si>
  <si>
    <t>buurten.1ffd13c0-53a1-467c-8d4d-4079ed175c0e</t>
  </si>
  <si>
    <t>BU19790101</t>
  </si>
  <si>
    <t>Centrum-Delfzijl</t>
  </si>
  <si>
    <t>WK197901</t>
  </si>
  <si>
    <t>2021BU19790101</t>
  </si>
  <si>
    <t>buurten.2d7a3118-1aff-42b7-8264-6c661ec2b265</t>
  </si>
  <si>
    <t>BU19790202</t>
  </si>
  <si>
    <t>Over de Gracht</t>
  </si>
  <si>
    <t>WK197902</t>
  </si>
  <si>
    <t>2021BU19790202</t>
  </si>
  <si>
    <t>buurten.83c69c15-f99b-4e94-a0d9-93490201eaa0</t>
  </si>
  <si>
    <t>BU19790203</t>
  </si>
  <si>
    <t>Scheepvaartbuurt</t>
  </si>
  <si>
    <t>2021BU19790203</t>
  </si>
  <si>
    <t>buurten.8639476e-3972-4b88-8dee-93ea6de9cb07</t>
  </si>
  <si>
    <t>BU19790204</t>
  </si>
  <si>
    <t>Steenbakkersbuurt</t>
  </si>
  <si>
    <t>2021BU19790204</t>
  </si>
  <si>
    <t>buurten.ee1d08f6-432f-4f79-818a-60059580929a</t>
  </si>
  <si>
    <t>BU19790205</t>
  </si>
  <si>
    <t>Tuikwerderrak</t>
  </si>
  <si>
    <t>2021BU19790205</t>
  </si>
  <si>
    <t>buurten.23aa151f-131c-45e3-9431-61347589e09f</t>
  </si>
  <si>
    <t>BU19790221</t>
  </si>
  <si>
    <t>Bosplan Tuikwerderrak</t>
  </si>
  <si>
    <t>2021BU19790221</t>
  </si>
  <si>
    <t>buurten.b3b1bf66-e931-4474-848f-c370a2a292cd</t>
  </si>
  <si>
    <t>BU19790306</t>
  </si>
  <si>
    <t>Doklanden</t>
  </si>
  <si>
    <t>WK197903</t>
  </si>
  <si>
    <t>2021BU19790306</t>
  </si>
  <si>
    <t>buurten.0d905478-9f04-4b46-a055-5a0f7876054c</t>
  </si>
  <si>
    <t>BU19790307</t>
  </si>
  <si>
    <t>Farmsum</t>
  </si>
  <si>
    <t>2021BU19790307</t>
  </si>
  <si>
    <t>buurten.e7c42524-6cbd-4caa-ac40-e11d1388eb6d</t>
  </si>
  <si>
    <t>BU19790308</t>
  </si>
  <si>
    <t>2021BU19790308</t>
  </si>
  <si>
    <t>buurten.03c5ff93-571b-434b-8147-41ff2bb3b5e3</t>
  </si>
  <si>
    <t>BU19790309</t>
  </si>
  <si>
    <t>Koveltemp</t>
  </si>
  <si>
    <t>2021BU19790309</t>
  </si>
  <si>
    <t>buurten.80102cc0-1f91-4e59-b246-d136088972b9</t>
  </si>
  <si>
    <t>BU19790410</t>
  </si>
  <si>
    <t>Vliethoven</t>
  </si>
  <si>
    <t>WK197904</t>
  </si>
  <si>
    <t>2021BU19790410</t>
  </si>
  <si>
    <t>buurten.ed852907-07dd-43cc-8b3e-64234519214d</t>
  </si>
  <si>
    <t>BU19790411</t>
  </si>
  <si>
    <t>2021BU19790411</t>
  </si>
  <si>
    <t>buurten.ac4d34ee-bab8-4462-bd50-7da00e94f3d8</t>
  </si>
  <si>
    <t>BU19790412</t>
  </si>
  <si>
    <t>Tuikwerd</t>
  </si>
  <si>
    <t>2021BU19790412</t>
  </si>
  <si>
    <t>buurten.a0b8028b-e5e3-4a32-bf09-86e8475a67e5</t>
  </si>
  <si>
    <t>BU19790413</t>
  </si>
  <si>
    <t>Oogstbuurt</t>
  </si>
  <si>
    <t>2021BU19790413</t>
  </si>
  <si>
    <t>buurten.8d59fa73-ca5b-42d8-82b4-6129baeb7fd6</t>
  </si>
  <si>
    <t>BU19790414</t>
  </si>
  <si>
    <t>Rietkampen</t>
  </si>
  <si>
    <t>2021BU19790414</t>
  </si>
  <si>
    <t>buurten.5848e0fa-32de-438a-b35a-05b285a86943</t>
  </si>
  <si>
    <t>BU19790415</t>
  </si>
  <si>
    <t>Kruidenoever</t>
  </si>
  <si>
    <t>2021BU19790415</t>
  </si>
  <si>
    <t>buurten.0b2f8d9a-c028-4742-a851-c2fc6f79dc6f</t>
  </si>
  <si>
    <t>BU19790518</t>
  </si>
  <si>
    <t>Fivelmonde</t>
  </si>
  <si>
    <t>WK197905</t>
  </si>
  <si>
    <t>2021BU19790518</t>
  </si>
  <si>
    <t>buurten.4336cb06-83d7-4565-bbad-443b43a93131</t>
  </si>
  <si>
    <t>BU19790519</t>
  </si>
  <si>
    <t>Fivelzigt</t>
  </si>
  <si>
    <t>2021BU19790519</t>
  </si>
  <si>
    <t>buurten.83a51e5d-5270-43ce-b8d7-fe3f6fe29ff1</t>
  </si>
  <si>
    <t>BU19790520</t>
  </si>
  <si>
    <t>Dethmerseiland</t>
  </si>
  <si>
    <t>2021BU19790520</t>
  </si>
  <si>
    <t>buurten.15a19275-b526-4898-a950-619887a0a499</t>
  </si>
  <si>
    <t>BU19790622</t>
  </si>
  <si>
    <t>Kwelderland</t>
  </si>
  <si>
    <t>WK197906</t>
  </si>
  <si>
    <t>2021BU19790622</t>
  </si>
  <si>
    <t>buurten.6de46a67-078e-409a-afeb-12b27f283617</t>
  </si>
  <si>
    <t>BU19790623</t>
  </si>
  <si>
    <t>Vestingbuurt</t>
  </si>
  <si>
    <t>2021BU19790623</t>
  </si>
  <si>
    <t>buurten.b968b651-fad8-488b-b909-2cf990484d15</t>
  </si>
  <si>
    <t>BU19790624</t>
  </si>
  <si>
    <t>2021BU19790624</t>
  </si>
  <si>
    <t>buurten.d2eea501-bbea-4a51-8aaf-84945e39e27a</t>
  </si>
  <si>
    <t>BU19790625</t>
  </si>
  <si>
    <t>Zandplatenbuurt</t>
  </si>
  <si>
    <t>2021BU19790625</t>
  </si>
  <si>
    <t>buurten.1f4d8fc6-f388-4685-8263-30df365a5987</t>
  </si>
  <si>
    <t>BU19790626</t>
  </si>
  <si>
    <t>Bornholm</t>
  </si>
  <si>
    <t>2021BU19790626</t>
  </si>
  <si>
    <t>buurten.813fc77c-b435-472f-9247-53defb697cbb</t>
  </si>
  <si>
    <t>BU19790646</t>
  </si>
  <si>
    <t>Polarisbuurt</t>
  </si>
  <si>
    <t>2021BU19790646</t>
  </si>
  <si>
    <t>buurten.a583ce40-42ac-4f02-b204-552459993bb9</t>
  </si>
  <si>
    <t>BU19790647</t>
  </si>
  <si>
    <t>2021BU19790647</t>
  </si>
  <si>
    <t>buurten.e7c971ce-c052-4182-aeb9-0dd61acda754</t>
  </si>
  <si>
    <t>BU19790727</t>
  </si>
  <si>
    <t>Uitwierde</t>
  </si>
  <si>
    <t>WK197907</t>
  </si>
  <si>
    <t>2021BU19790727</t>
  </si>
  <si>
    <t>buurten.61a86127-82a7-45db-94d1-a9ad732a66b2</t>
  </si>
  <si>
    <t>BU19790728</t>
  </si>
  <si>
    <t>Biessum</t>
  </si>
  <si>
    <t>2021BU19790728</t>
  </si>
  <si>
    <t>buurten.c5805eb3-d985-4b99-a2dd-8bf5d6551620</t>
  </si>
  <si>
    <t>BU19790730</t>
  </si>
  <si>
    <t>Nansum</t>
  </si>
  <si>
    <t>2021BU19790730</t>
  </si>
  <si>
    <t>buurten.86c8057a-c495-4880-ab70-9fbe62259ef6</t>
  </si>
  <si>
    <t>BU19790733</t>
  </si>
  <si>
    <t>Holwierde</t>
  </si>
  <si>
    <t>2021BU19790733</t>
  </si>
  <si>
    <t>buurten.65258ded-c568-4b40-a937-8d362d6182ea</t>
  </si>
  <si>
    <t>BU19790734</t>
  </si>
  <si>
    <t>Krewerd</t>
  </si>
  <si>
    <t>2021BU19790734</t>
  </si>
  <si>
    <t>buurten.45374b39-72a0-4569-89d2-c2300d140c8f</t>
  </si>
  <si>
    <t>PL1979010002</t>
  </si>
  <si>
    <t>PAW (Krewerd)</t>
  </si>
  <si>
    <t>betaalbaar, netverzwaring</t>
  </si>
  <si>
    <t>samen met bestaande projekten. (volkshuisvestingfonds, versterkingsopgave, PAW)  de verduurzamingsopgave oppakken, later uibreiden naar Godlinze en Holwierde.</t>
  </si>
  <si>
    <t>(groen)gasnetwerk, elektriciteit</t>
  </si>
  <si>
    <t>BU19790735</t>
  </si>
  <si>
    <t>Godlinze</t>
  </si>
  <si>
    <t>2021BU19790735</t>
  </si>
  <si>
    <t>buurten.eb157625-0d88-4222-94d1-3e6f7e4634a4</t>
  </si>
  <si>
    <t>BU19790736</t>
  </si>
  <si>
    <t>Losdorp</t>
  </si>
  <si>
    <t>2021BU19790736</t>
  </si>
  <si>
    <t>buurten.bcd19ac0-0e25-48e6-b39c-110c52e6c884</t>
  </si>
  <si>
    <t>BU19790737</t>
  </si>
  <si>
    <t>Bierum</t>
  </si>
  <si>
    <t>2021BU19790737</t>
  </si>
  <si>
    <t>buurten.d3ba047b-3570-46dc-a46c-85bbbda04d60</t>
  </si>
  <si>
    <t>BU19790738</t>
  </si>
  <si>
    <t>2021BU19790738</t>
  </si>
  <si>
    <t>buurten.4282edef-cb69-47d2-9037-7e8e97eadad7</t>
  </si>
  <si>
    <t>BU19790739</t>
  </si>
  <si>
    <t>Buitengebied Noord-Bierum</t>
  </si>
  <si>
    <t>2021BU19790739</t>
  </si>
  <si>
    <t>buurten.2228525c-437f-497e-8cfc-0b76b83c5264</t>
  </si>
  <si>
    <t>BU19790829</t>
  </si>
  <si>
    <t>Weiwerd</t>
  </si>
  <si>
    <t>WK197908</t>
  </si>
  <si>
    <t>2021BU19790829</t>
  </si>
  <si>
    <t>buurten.cfd55c10-f8f1-44da-86b5-617eabf9b7d6</t>
  </si>
  <si>
    <t>BU19790831</t>
  </si>
  <si>
    <t>Oosterhorn</t>
  </si>
  <si>
    <t>2021BU19790831</t>
  </si>
  <si>
    <t>buurten.98663ebb-a651-478c-bdc7-5f2664cac499</t>
  </si>
  <si>
    <t>BU19790932</t>
  </si>
  <si>
    <t>Meedhuizen</t>
  </si>
  <si>
    <t>WK197909</t>
  </si>
  <si>
    <t>2021BU19790932</t>
  </si>
  <si>
    <t>buurten.3183550f-e9db-461a-a02b-68ced91f0fca</t>
  </si>
  <si>
    <t>BU19790940</t>
  </si>
  <si>
    <t>Borgsweer</t>
  </si>
  <si>
    <t>2021BU19790940</t>
  </si>
  <si>
    <t>buurten.9f2ad3af-666d-4a99-b1c2-74f966b65cdf</t>
  </si>
  <si>
    <t>BU19790941</t>
  </si>
  <si>
    <t>Termunterzijl</t>
  </si>
  <si>
    <t>2021BU19790941</t>
  </si>
  <si>
    <t>buurten.91a00871-b627-421b-83f8-743be32ebbaf</t>
  </si>
  <si>
    <t>BU19790942</t>
  </si>
  <si>
    <t>Termunten</t>
  </si>
  <si>
    <t>2021BU19790942</t>
  </si>
  <si>
    <t>buurten.29d86fd7-9ca6-431c-b2d5-cbc811ee7535</t>
  </si>
  <si>
    <t>BU19790943</t>
  </si>
  <si>
    <t>Woldendorp</t>
  </si>
  <si>
    <t>2021BU19790943</t>
  </si>
  <si>
    <t>buurten.a5362548-c837-4e4a-8a5f-b6ab90434956</t>
  </si>
  <si>
    <t>BU19790944</t>
  </si>
  <si>
    <t>Wagenborgen</t>
  </si>
  <si>
    <t>2021BU19790944</t>
  </si>
  <si>
    <t>buurten.28337933-2c87-43f0-b259-852a94e0b89e</t>
  </si>
  <si>
    <t>BU19790945</t>
  </si>
  <si>
    <t>Buitengebied Zuid-Termunten</t>
  </si>
  <si>
    <t>2021BU19790945</t>
  </si>
  <si>
    <t>buurten.36438942-f8e1-4483-9f7a-085c3fd4f096</t>
  </si>
  <si>
    <t>BU19790948</t>
  </si>
  <si>
    <t>Baamsum</t>
  </si>
  <si>
    <t>2021BU19790948</t>
  </si>
  <si>
    <t>buurten.6d1d0463-48ba-4cac-91d4-51d11660476b</t>
  </si>
  <si>
    <t>BU19791016</t>
  </si>
  <si>
    <t>Eelwerd</t>
  </si>
  <si>
    <t>WK197910</t>
  </si>
  <si>
    <t>2021BU19791016</t>
  </si>
  <si>
    <t>buurten.9eeaab29-8321-4686-958a-61dd0fdf214d</t>
  </si>
  <si>
    <t>BU19791017</t>
  </si>
  <si>
    <t>Sikkel</t>
  </si>
  <si>
    <t>2021BU19791017</t>
  </si>
  <si>
    <t>buurten.eb3744a4-4e11-490d-bb10-27e2c7875f55</t>
  </si>
  <si>
    <t>BU19791149</t>
  </si>
  <si>
    <t>Centrum-Appingedam</t>
  </si>
  <si>
    <t>WK197911</t>
  </si>
  <si>
    <t>2021BU19791149</t>
  </si>
  <si>
    <t>buurten.4f2ee0a8-6673-4ad8-a399-7cbdfa0ff22c</t>
  </si>
  <si>
    <t>BU19791150</t>
  </si>
  <si>
    <t>De Wierde</t>
  </si>
  <si>
    <t>2021BU19791150</t>
  </si>
  <si>
    <t>buurten.3184589d-6e2b-4947-8a4c-add39900ddf3</t>
  </si>
  <si>
    <t>BU19791151</t>
  </si>
  <si>
    <t>2021BU19791151</t>
  </si>
  <si>
    <t>buurten.d6267429-4b8a-4e14-a32e-4973b109bdc9</t>
  </si>
  <si>
    <t>BU19791252</t>
  </si>
  <si>
    <t>Woldweg</t>
  </si>
  <si>
    <t>WK197912</t>
  </si>
  <si>
    <t>2021BU19791252</t>
  </si>
  <si>
    <t>buurten.ed9762bd-9926-4c28-8ea2-094ceabdfc47</t>
  </si>
  <si>
    <t>BU19791253</t>
  </si>
  <si>
    <t>Opwierde</t>
  </si>
  <si>
    <t>2021BU19791253</t>
  </si>
  <si>
    <t>buurten.b0bbbfed-0538-46cd-9ac4-4ceb94f20f70</t>
  </si>
  <si>
    <t>BU19791254</t>
  </si>
  <si>
    <t>Eendrachtbuurt</t>
  </si>
  <si>
    <t>2021BU19791254</t>
  </si>
  <si>
    <t>buurten.d04b23f7-136a-417f-a16c-5a6e60315373</t>
  </si>
  <si>
    <t>BU19791255</t>
  </si>
  <si>
    <t>Opwierde Zuid</t>
  </si>
  <si>
    <t>2021BU19791255</t>
  </si>
  <si>
    <t>buurten.eb1cf635-0c35-4190-b0af-10ef2eb83cc2</t>
  </si>
  <si>
    <t>BU19791256</t>
  </si>
  <si>
    <t>Opwierde Noord</t>
  </si>
  <si>
    <t>2021BU19791256</t>
  </si>
  <si>
    <t>buurten.d2f5e94f-36dd-4b5d-910f-2585b4064505</t>
  </si>
  <si>
    <t>BU19791257</t>
  </si>
  <si>
    <t>Farmsumerweg</t>
  </si>
  <si>
    <t>2021BU19791257</t>
  </si>
  <si>
    <t>buurten.9594ab7c-4fc2-4154-ac14-3109423089fb</t>
  </si>
  <si>
    <t>BU19791258</t>
  </si>
  <si>
    <t>Solwerd</t>
  </si>
  <si>
    <t>2021BU19791258</t>
  </si>
  <si>
    <t>buurten.b25ac4c2-1532-44ea-817b-bed2e6bcb3b5</t>
  </si>
  <si>
    <t>BU19791359</t>
  </si>
  <si>
    <t>WK197913</t>
  </si>
  <si>
    <t>2021BU19791359</t>
  </si>
  <si>
    <t>buurten.bc35dcc0-f3a6-429c-9987-a7807aef2481</t>
  </si>
  <si>
    <t>BU19791360</t>
  </si>
  <si>
    <t>Hoflanden</t>
  </si>
  <si>
    <t>2021BU19791360</t>
  </si>
  <si>
    <t>buurten.19d7dba5-fa28-43ce-b50d-d4c63f8efc88</t>
  </si>
  <si>
    <t>BU19791361</t>
  </si>
  <si>
    <t>Westerdraai</t>
  </si>
  <si>
    <t>2021BU19791361</t>
  </si>
  <si>
    <t>buurten.0e52c9c4-f596-4058-9fae-12e3e09e9d40</t>
  </si>
  <si>
    <t>BU19791362</t>
  </si>
  <si>
    <t>Tjamsweer</t>
  </si>
  <si>
    <t>2021BU19791362</t>
  </si>
  <si>
    <t>buurten.c95409c7-9053-409b-ab4a-5ee36fe7c025</t>
  </si>
  <si>
    <t>BU19791363</t>
  </si>
  <si>
    <t>Oling</t>
  </si>
  <si>
    <t>2021BU19791363</t>
  </si>
  <si>
    <t>buurten.a79ce6a9-7102-489d-b44a-d8432e84290c</t>
  </si>
  <si>
    <t>BU19791364</t>
  </si>
  <si>
    <t>Olingermeeden</t>
  </si>
  <si>
    <t>2021BU19791364</t>
  </si>
  <si>
    <t>buurten.61a8bbce-0c78-4a1c-b6c0-13440374387d</t>
  </si>
  <si>
    <t>BU19791465</t>
  </si>
  <si>
    <t>Jukwerd</t>
  </si>
  <si>
    <t>WK197914</t>
  </si>
  <si>
    <t>2021BU19791465</t>
  </si>
  <si>
    <t>buurten.bc0253e6-c507-4aa7-ae41-5000c67a9669</t>
  </si>
  <si>
    <t>BU19791466</t>
  </si>
  <si>
    <t>Garreweer</t>
  </si>
  <si>
    <t>2021BU19791466</t>
  </si>
  <si>
    <t>buurten.e16ee3f3-611b-4bef-927a-f5148bcb096f</t>
  </si>
  <si>
    <t>BU19791467</t>
  </si>
  <si>
    <t>2021BU19791467</t>
  </si>
  <si>
    <t>buurten.b9e7bf2a-5889-4927-b6fb-8317663d0f42</t>
  </si>
  <si>
    <t>BU19791468</t>
  </si>
  <si>
    <t>Ekenstein</t>
  </si>
  <si>
    <t>2021BU19791468</t>
  </si>
  <si>
    <t>buurten.f1482c68-0464-41aa-aa43-e72926593b18</t>
  </si>
  <si>
    <t>BU19791469</t>
  </si>
  <si>
    <t>Buitengebied Noord-Appingedam</t>
  </si>
  <si>
    <t>2021BU19791469</t>
  </si>
  <si>
    <t>buurten.62154c2b-1459-49ca-aa74-d27245fd8b91</t>
  </si>
  <si>
    <t>BU19791570</t>
  </si>
  <si>
    <t>Laskwerd</t>
  </si>
  <si>
    <t>WK197915</t>
  </si>
  <si>
    <t>2021BU19791570</t>
  </si>
  <si>
    <t>buurten.b0acc584-71bf-41ac-8a2d-332aed6b9315</t>
  </si>
  <si>
    <t>BU19791571</t>
  </si>
  <si>
    <t>Fivelpoort</t>
  </si>
  <si>
    <t>2021BU19791571</t>
  </si>
  <si>
    <t>buurten.3745381b-df99-4441-b763-a8ecc9bfd331</t>
  </si>
  <si>
    <t>BU19791572</t>
  </si>
  <si>
    <t>Buitengebied Zuid-Appingedam</t>
  </si>
  <si>
    <t>2021BU19791572</t>
  </si>
  <si>
    <t>buurten.0ec36a39-e306-4fa9-bfb1-53039251255d</t>
  </si>
  <si>
    <t>BU19791673</t>
  </si>
  <si>
    <t>Loppersum</t>
  </si>
  <si>
    <t>WK197916</t>
  </si>
  <si>
    <t>2021BU19791673</t>
  </si>
  <si>
    <t>buurten.f795c284-642b-4ed8-b3a0-3c862924291e</t>
  </si>
  <si>
    <t>BU19791674</t>
  </si>
  <si>
    <t>Garrelsweer</t>
  </si>
  <si>
    <t>2021BU19791674</t>
  </si>
  <si>
    <t>buurten.090e5389-3248-408e-bb05-65ae01017dff</t>
  </si>
  <si>
    <t>BU19791675</t>
  </si>
  <si>
    <t>2021BU19791675</t>
  </si>
  <si>
    <t>buurten.2fc74b41-f221-4ea5-b62c-fa305e59e8b2</t>
  </si>
  <si>
    <t>BU19791676</t>
  </si>
  <si>
    <t>Buitengebied Noord-Loppersum</t>
  </si>
  <si>
    <t>2021BU19791676</t>
  </si>
  <si>
    <t>buurten.db58ea75-553c-42ad-9090-95ccdf520daa</t>
  </si>
  <si>
    <t>BU19791777</t>
  </si>
  <si>
    <t>Stedum</t>
  </si>
  <si>
    <t>WK197917</t>
  </si>
  <si>
    <t>2021BU19791777</t>
  </si>
  <si>
    <t>buurten.7e618859-8e66-4186-979c-63f65d11a1ee</t>
  </si>
  <si>
    <t>BU19791778</t>
  </si>
  <si>
    <t>Westeremden</t>
  </si>
  <si>
    <t>2021BU19791778</t>
  </si>
  <si>
    <t>buurten.6638820d-30ce-41e4-956a-1aa216a13189</t>
  </si>
  <si>
    <t>BU19791779</t>
  </si>
  <si>
    <t>Garsthuizen</t>
  </si>
  <si>
    <t>2021BU19791779</t>
  </si>
  <si>
    <t>buurten.5c3df671-305a-4d6f-b4c9-e1b927dee965</t>
  </si>
  <si>
    <t>BU19791780</t>
  </si>
  <si>
    <t>Buitengebied Noord-Stedum</t>
  </si>
  <si>
    <t>2021BU19791780</t>
  </si>
  <si>
    <t>buurten.c28dbd1d-21c5-4ebf-9d0f-0ddfcb2e3532</t>
  </si>
  <si>
    <t>BU19791881</t>
  </si>
  <si>
    <t>Middelstum</t>
  </si>
  <si>
    <t>WK197918</t>
  </si>
  <si>
    <t>2021BU19791881</t>
  </si>
  <si>
    <t>buurten.1f40afcb-ef9a-4194-a974-97bd1e653a49</t>
  </si>
  <si>
    <t>BU19791882</t>
  </si>
  <si>
    <t>Westerwijtwerd</t>
  </si>
  <si>
    <t>2021BU19791882</t>
  </si>
  <si>
    <t>buurten.f0e7a80c-903c-4fcb-a72b-324947f6e224</t>
  </si>
  <si>
    <t>BU19791883</t>
  </si>
  <si>
    <t>Huizinge</t>
  </si>
  <si>
    <t>2021BU19791883</t>
  </si>
  <si>
    <t>buurten.28dd8e2a-e5e7-4d97-b11c-32c420034bd3</t>
  </si>
  <si>
    <t>BU19791884</t>
  </si>
  <si>
    <t>Toornwerd</t>
  </si>
  <si>
    <t>2021BU19791884</t>
  </si>
  <si>
    <t>buurten.3e469a6b-3b5f-4337-87f5-80d1fa2c5da1</t>
  </si>
  <si>
    <t>BU19791885</t>
  </si>
  <si>
    <t>Buitengebied Noord-Middelstum</t>
  </si>
  <si>
    <t>2021BU19791885</t>
  </si>
  <si>
    <t>buurten.0f910881-5e9c-4b70-8a35-8f1409e9b778</t>
  </si>
  <si>
    <t>BU19791986</t>
  </si>
  <si>
    <t>'t Zandt</t>
  </si>
  <si>
    <t>WK197919</t>
  </si>
  <si>
    <t>2021BU19791986</t>
  </si>
  <si>
    <t>buurten.3fc2af11-67ba-4f13-84a4-90640ee8f2bd</t>
  </si>
  <si>
    <t>BU19791987</t>
  </si>
  <si>
    <t>Zeerijp</t>
  </si>
  <si>
    <t>2021BU19791987</t>
  </si>
  <si>
    <t>buurten.dc170fc5-4a33-4adf-b476-19943d731130</t>
  </si>
  <si>
    <t>BU19791988</t>
  </si>
  <si>
    <t>Zijldijk</t>
  </si>
  <si>
    <t>2021BU19791988</t>
  </si>
  <si>
    <t>buurten.74c9a976-6c18-4b8c-a614-45fc404a4e01</t>
  </si>
  <si>
    <t>BU19791989</t>
  </si>
  <si>
    <t>Leermens</t>
  </si>
  <si>
    <t>2021BU19791989</t>
  </si>
  <si>
    <t>buurten.d9327c69-4cd9-4157-b954-4f2ae2844035</t>
  </si>
  <si>
    <t>BU19791990</t>
  </si>
  <si>
    <t>Oosterwijtwerd</t>
  </si>
  <si>
    <t>2021BU19791990</t>
  </si>
  <si>
    <t>buurten.1cfbe162-e92e-420f-aea9-bd1e30e9579f</t>
  </si>
  <si>
    <t>BU19791991</t>
  </si>
  <si>
    <t>Eenum</t>
  </si>
  <si>
    <t>2021BU19791991</t>
  </si>
  <si>
    <t>buurten.33d0cf29-1160-416d-a232-dccc16ab45d4</t>
  </si>
  <si>
    <t>BU19791992</t>
  </si>
  <si>
    <t>Buitengebied Noord-'t Zandt</t>
  </si>
  <si>
    <t>2021BU19791992</t>
  </si>
  <si>
    <t>buurten.63886250-8668-4218-88d8-9bda77c5894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 x14ac:knownFonts="1">
    <font>
      <sz val="10"/>
      <name val="Arial"/>
      <family val="2"/>
    </font>
  </fonts>
  <fills count="2">
    <fill>
      <patternFill patternType="none"/>
    </fill>
    <fill>
      <patternFill patternType="gray125"/>
    </fill>
  </fills>
  <borders count="1">
    <border>
      <left/>
      <right/>
      <top/>
      <bottom/>
      <diagonal/>
    </border>
  </borders>
  <cellStyleXfs count="1">
    <xf numFmtId="0" fontId="0" fillId="0" borderId="0"/>
  </cellStyleXfs>
  <cellXfs count="1">
    <xf numFmtId="0" fontId="0" fillId="0" borderId="0" xfId="0"/>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1</vt:i4>
      </vt:variant>
    </vt:vector>
  </HeadingPairs>
  <TitlesOfParts>
    <vt:vector size="1" baseType="lpstr">
      <vt:lpstr>neighborhoods_with_heat_transit</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Loomans, Naud</cp:lastModifiedBy>
  <cp:revision>0</cp:revision>
  <dcterms:modified xsi:type="dcterms:W3CDTF">2024-12-11T12:45:45Z</dcterms:modified>
</cp:coreProperties>
</file>